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queryTables/queryTable1.xml" ContentType="application/vnd.openxmlformats-officedocument.spreadsheetml.queryTable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2.xml" ContentType="application/vnd.openxmlformats-officedocument.drawing+xml"/>
  <Override PartName="/xl/queryTables/queryTable2.xml" ContentType="application/vnd.openxmlformats-officedocument.spreadsheetml.queryTab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3.xml" ContentType="application/vnd.openxmlformats-officedocument.drawing+xml"/>
  <Override PartName="/xl/queryTables/queryTable3.xml" ContentType="application/vnd.openxmlformats-officedocument.spreadsheetml.queryTab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drawings/drawing4.xml" ContentType="application/vnd.openxmlformats-officedocument.drawing+xml"/>
  <Override PartName="/xl/queryTables/queryTable4.xml" ContentType="application/vnd.openxmlformats-officedocument.spreadsheetml.queryTab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drawings/drawing5.xml" ContentType="application/vnd.openxmlformats-officedocument.drawing+xml"/>
  <Override PartName="/xl/queryTables/queryTable5.xml" ContentType="application/vnd.openxmlformats-officedocument.spreadsheetml.queryTable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drawings/drawing6.xml" ContentType="application/vnd.openxmlformats-officedocument.drawing+xml"/>
  <Override PartName="/xl/queryTables/queryTable6.xml" ContentType="application/vnd.openxmlformats-officedocument.spreadsheetml.queryTable+xml"/>
  <Override PartName="/xl/charts/chart11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charts/chart12.xml" ContentType="application/vnd.openxmlformats-officedocument.drawingml.chart+xml"/>
  <Override PartName="/xl/charts/style12.xml" ContentType="application/vnd.ms-office.chartstyle+xml"/>
  <Override PartName="/xl/charts/colors12.xml" ContentType="application/vnd.ms-office.chartcolorstyle+xml"/>
  <Override PartName="/xl/drawings/drawing7.xml" ContentType="application/vnd.openxmlformats-officedocument.drawing+xml"/>
  <Override PartName="/xl/queryTables/queryTable7.xml" ContentType="application/vnd.openxmlformats-officedocument.spreadsheetml.queryTable+xml"/>
  <Override PartName="/xl/charts/chart13.xml" ContentType="application/vnd.openxmlformats-officedocument.drawingml.chart+xml"/>
  <Override PartName="/xl/charts/style13.xml" ContentType="application/vnd.ms-office.chartstyle+xml"/>
  <Override PartName="/xl/charts/colors13.xml" ContentType="application/vnd.ms-office.chartcolorstyle+xml"/>
  <Override PartName="/xl/charts/chart14.xml" ContentType="application/vnd.openxmlformats-officedocument.drawingml.chart+xml"/>
  <Override PartName="/xl/charts/style14.xml" ContentType="application/vnd.ms-office.chartstyle+xml"/>
  <Override PartName="/xl/charts/colors14.xml" ContentType="application/vnd.ms-office.chartcolorstyle+xml"/>
  <Override PartName="/xl/drawings/drawing8.xml" ContentType="application/vnd.openxmlformats-officedocument.drawing+xml"/>
  <Override PartName="/xl/queryTables/queryTable8.xml" ContentType="application/vnd.openxmlformats-officedocument.spreadsheetml.queryTable+xml"/>
  <Override PartName="/xl/charts/chart15.xml" ContentType="application/vnd.openxmlformats-officedocument.drawingml.chart+xml"/>
  <Override PartName="/xl/charts/style15.xml" ContentType="application/vnd.ms-office.chartstyle+xml"/>
  <Override PartName="/xl/charts/colors15.xml" ContentType="application/vnd.ms-office.chartcolorstyle+xml"/>
  <Override PartName="/xl/charts/chart16.xml" ContentType="application/vnd.openxmlformats-officedocument.drawingml.chart+xml"/>
  <Override PartName="/xl/charts/style16.xml" ContentType="application/vnd.ms-office.chartstyle+xml"/>
  <Override PartName="/xl/charts/colors16.xml" ContentType="application/vnd.ms-office.chartcolorstyle+xml"/>
  <Override PartName="/xl/drawings/drawing9.xml" ContentType="application/vnd.openxmlformats-officedocument.drawing+xml"/>
  <Override PartName="/xl/queryTables/queryTable9.xml" ContentType="application/vnd.openxmlformats-officedocument.spreadsheetml.queryTable+xml"/>
  <Override PartName="/xl/charts/chart17.xml" ContentType="application/vnd.openxmlformats-officedocument.drawingml.chart+xml"/>
  <Override PartName="/xl/charts/style17.xml" ContentType="application/vnd.ms-office.chartstyle+xml"/>
  <Override PartName="/xl/charts/colors17.xml" ContentType="application/vnd.ms-office.chartcolorstyle+xml"/>
  <Override PartName="/xl/charts/chart18.xml" ContentType="application/vnd.openxmlformats-officedocument.drawingml.chart+xml"/>
  <Override PartName="/xl/charts/style18.xml" ContentType="application/vnd.ms-office.chartstyle+xml"/>
  <Override PartName="/xl/charts/colors18.xml" ContentType="application/vnd.ms-office.chartcolorstyle+xml"/>
  <Override PartName="/xl/drawings/drawing10.xml" ContentType="application/vnd.openxmlformats-officedocument.drawing+xml"/>
  <Override PartName="/xl/queryTables/queryTable10.xml" ContentType="application/vnd.openxmlformats-officedocument.spreadsheetml.queryTable+xml"/>
  <Override PartName="/xl/charts/chart19.xml" ContentType="application/vnd.openxmlformats-officedocument.drawingml.chart+xml"/>
  <Override PartName="/xl/charts/style19.xml" ContentType="application/vnd.ms-office.chartstyle+xml"/>
  <Override PartName="/xl/charts/colors19.xml" ContentType="application/vnd.ms-office.chartcolorstyle+xml"/>
  <Override PartName="/xl/charts/chart20.xml" ContentType="application/vnd.openxmlformats-officedocument.drawingml.chart+xml"/>
  <Override PartName="/xl/charts/style20.xml" ContentType="application/vnd.ms-office.chartstyle+xml"/>
  <Override PartName="/xl/charts/colors20.xml" ContentType="application/vnd.ms-office.chartcolorstyle+xml"/>
  <Override PartName="/xl/drawings/drawing11.xml" ContentType="application/vnd.openxmlformats-officedocument.drawing+xml"/>
  <Override PartName="/xl/queryTables/queryTable11.xml" ContentType="application/vnd.openxmlformats-officedocument.spreadsheetml.queryTable+xml"/>
  <Override PartName="/xl/charts/chart21.xml" ContentType="application/vnd.openxmlformats-officedocument.drawingml.chart+xml"/>
  <Override PartName="/xl/charts/style21.xml" ContentType="application/vnd.ms-office.chartstyle+xml"/>
  <Override PartName="/xl/charts/colors21.xml" ContentType="application/vnd.ms-office.chartcolorstyle+xml"/>
  <Override PartName="/xl/charts/chart22.xml" ContentType="application/vnd.openxmlformats-officedocument.drawingml.chart+xml"/>
  <Override PartName="/xl/charts/style22.xml" ContentType="application/vnd.ms-office.chartstyle+xml"/>
  <Override PartName="/xl/charts/colors22.xml" ContentType="application/vnd.ms-office.chartcolorstyle+xml"/>
  <Override PartName="/xl/drawings/drawing12.xml" ContentType="application/vnd.openxmlformats-officedocument.drawing+xml"/>
  <Override PartName="/xl/queryTables/queryTable12.xml" ContentType="application/vnd.openxmlformats-officedocument.spreadsheetml.queryTable+xml"/>
  <Override PartName="/xl/charts/chart23.xml" ContentType="application/vnd.openxmlformats-officedocument.drawingml.chart+xml"/>
  <Override PartName="/xl/charts/style23.xml" ContentType="application/vnd.ms-office.chartstyle+xml"/>
  <Override PartName="/xl/charts/colors23.xml" ContentType="application/vnd.ms-office.chartcolorstyle+xml"/>
  <Override PartName="/xl/charts/chart24.xml" ContentType="application/vnd.openxmlformats-officedocument.drawingml.chart+xml"/>
  <Override PartName="/xl/charts/style24.xml" ContentType="application/vnd.ms-office.chartstyle+xml"/>
  <Override PartName="/xl/charts/colors24.xml" ContentType="application/vnd.ms-office.chartcolorstyle+xml"/>
  <Override PartName="/xl/drawings/drawing13.xml" ContentType="application/vnd.openxmlformats-officedocument.drawing+xml"/>
  <Override PartName="/xl/queryTables/queryTable13.xml" ContentType="application/vnd.openxmlformats-officedocument.spreadsheetml.queryTable+xml"/>
  <Override PartName="/xl/charts/chart25.xml" ContentType="application/vnd.openxmlformats-officedocument.drawingml.chart+xml"/>
  <Override PartName="/xl/charts/style25.xml" ContentType="application/vnd.ms-office.chartstyle+xml"/>
  <Override PartName="/xl/charts/colors25.xml" ContentType="application/vnd.ms-office.chartcolorstyle+xml"/>
  <Override PartName="/xl/charts/chart26.xml" ContentType="application/vnd.openxmlformats-officedocument.drawingml.chart+xml"/>
  <Override PartName="/xl/charts/style26.xml" ContentType="application/vnd.ms-office.chartstyle+xml"/>
  <Override PartName="/xl/charts/colors26.xml" ContentType="application/vnd.ms-office.chartcolorstyle+xml"/>
  <Override PartName="/xl/drawings/drawing14.xml" ContentType="application/vnd.openxmlformats-officedocument.drawing+xml"/>
  <Override PartName="/xl/queryTables/queryTable14.xml" ContentType="application/vnd.openxmlformats-officedocument.spreadsheetml.queryTable+xml"/>
  <Override PartName="/xl/charts/chart27.xml" ContentType="application/vnd.openxmlformats-officedocument.drawingml.chart+xml"/>
  <Override PartName="/xl/charts/style27.xml" ContentType="application/vnd.ms-office.chartstyle+xml"/>
  <Override PartName="/xl/charts/colors27.xml" ContentType="application/vnd.ms-office.chartcolorstyle+xml"/>
  <Override PartName="/xl/charts/chart28.xml" ContentType="application/vnd.openxmlformats-officedocument.drawingml.chart+xml"/>
  <Override PartName="/xl/charts/style28.xml" ContentType="application/vnd.ms-office.chartstyle+xml"/>
  <Override PartName="/xl/charts/colors28.xml" ContentType="application/vnd.ms-office.chartcolorstyle+xml"/>
  <Override PartName="/xl/drawings/drawing15.xml" ContentType="application/vnd.openxmlformats-officedocument.drawing+xml"/>
  <Override PartName="/xl/queryTables/queryTable15.xml" ContentType="application/vnd.openxmlformats-officedocument.spreadsheetml.queryTable+xml"/>
  <Override PartName="/xl/charts/chart29.xml" ContentType="application/vnd.openxmlformats-officedocument.drawingml.chart+xml"/>
  <Override PartName="/xl/charts/style29.xml" ContentType="application/vnd.ms-office.chartstyle+xml"/>
  <Override PartName="/xl/charts/colors29.xml" ContentType="application/vnd.ms-office.chartcolorstyle+xml"/>
  <Override PartName="/xl/charts/chart30.xml" ContentType="application/vnd.openxmlformats-officedocument.drawingml.chart+xml"/>
  <Override PartName="/xl/charts/style30.xml" ContentType="application/vnd.ms-office.chartstyle+xml"/>
  <Override PartName="/xl/charts/colors30.xml" ContentType="application/vnd.ms-office.chartcolorstyle+xml"/>
  <Override PartName="/xl/drawings/drawing16.xml" ContentType="application/vnd.openxmlformats-officedocument.drawing+xml"/>
  <Override PartName="/xl/queryTables/queryTable16.xml" ContentType="application/vnd.openxmlformats-officedocument.spreadsheetml.queryTable+xml"/>
  <Override PartName="/xl/charts/chart31.xml" ContentType="application/vnd.openxmlformats-officedocument.drawingml.chart+xml"/>
  <Override PartName="/xl/charts/style31.xml" ContentType="application/vnd.ms-office.chartstyle+xml"/>
  <Override PartName="/xl/charts/colors31.xml" ContentType="application/vnd.ms-office.chartcolorstyle+xml"/>
  <Override PartName="/xl/charts/chart32.xml" ContentType="application/vnd.openxmlformats-officedocument.drawingml.chart+xml"/>
  <Override PartName="/xl/charts/style32.xml" ContentType="application/vnd.ms-office.chartstyle+xml"/>
  <Override PartName="/xl/charts/colors32.xml" ContentType="application/vnd.ms-office.chartcolorstyle+xml"/>
  <Override PartName="/xl/drawings/drawing17.xml" ContentType="application/vnd.openxmlformats-officedocument.drawing+xml"/>
  <Override PartName="/xl/queryTables/queryTable17.xml" ContentType="application/vnd.openxmlformats-officedocument.spreadsheetml.queryTable+xml"/>
  <Override PartName="/xl/charts/chart33.xml" ContentType="application/vnd.openxmlformats-officedocument.drawingml.chart+xml"/>
  <Override PartName="/xl/charts/style33.xml" ContentType="application/vnd.ms-office.chartstyle+xml"/>
  <Override PartName="/xl/charts/colors33.xml" ContentType="application/vnd.ms-office.chartcolorstyle+xml"/>
  <Override PartName="/xl/charts/chart34.xml" ContentType="application/vnd.openxmlformats-officedocument.drawingml.chart+xml"/>
  <Override PartName="/xl/charts/style34.xml" ContentType="application/vnd.ms-office.chartstyle+xml"/>
  <Override PartName="/xl/charts/colors34.xml" ContentType="application/vnd.ms-office.chartcolorstyle+xml"/>
  <Override PartName="/xl/drawings/drawing18.xml" ContentType="application/vnd.openxmlformats-officedocument.drawing+xml"/>
  <Override PartName="/xl/queryTables/queryTable18.xml" ContentType="application/vnd.openxmlformats-officedocument.spreadsheetml.queryTable+xml"/>
  <Override PartName="/xl/charts/chart35.xml" ContentType="application/vnd.openxmlformats-officedocument.drawingml.chart+xml"/>
  <Override PartName="/xl/charts/style35.xml" ContentType="application/vnd.ms-office.chartstyle+xml"/>
  <Override PartName="/xl/charts/colors35.xml" ContentType="application/vnd.ms-office.chartcolorstyle+xml"/>
  <Override PartName="/xl/charts/chart36.xml" ContentType="application/vnd.openxmlformats-officedocument.drawingml.chart+xml"/>
  <Override PartName="/xl/charts/style36.xml" ContentType="application/vnd.ms-office.chartstyle+xml"/>
  <Override PartName="/xl/charts/colors36.xml" ContentType="application/vnd.ms-office.chartcolorstyle+xml"/>
  <Override PartName="/xl/drawings/drawing19.xml" ContentType="application/vnd.openxmlformats-officedocument.drawing+xml"/>
  <Override PartName="/xl/queryTables/queryTable19.xml" ContentType="application/vnd.openxmlformats-officedocument.spreadsheetml.queryTable+xml"/>
  <Override PartName="/xl/charts/chart37.xml" ContentType="application/vnd.openxmlformats-officedocument.drawingml.chart+xml"/>
  <Override PartName="/xl/charts/style37.xml" ContentType="application/vnd.ms-office.chartstyle+xml"/>
  <Override PartName="/xl/charts/colors37.xml" ContentType="application/vnd.ms-office.chartcolorstyle+xml"/>
  <Override PartName="/xl/charts/chart38.xml" ContentType="application/vnd.openxmlformats-officedocument.drawingml.chart+xml"/>
  <Override PartName="/xl/charts/style38.xml" ContentType="application/vnd.ms-office.chartstyle+xml"/>
  <Override PartName="/xl/charts/colors38.xml" ContentType="application/vnd.ms-office.chartcolorstyle+xml"/>
  <Override PartName="/xl/drawings/drawing20.xml" ContentType="application/vnd.openxmlformats-officedocument.drawing+xml"/>
  <Override PartName="/xl/queryTables/queryTable20.xml" ContentType="application/vnd.openxmlformats-officedocument.spreadsheetml.queryTable+xml"/>
  <Override PartName="/xl/charts/chart39.xml" ContentType="application/vnd.openxmlformats-officedocument.drawingml.chart+xml"/>
  <Override PartName="/xl/charts/style39.xml" ContentType="application/vnd.ms-office.chartstyle+xml"/>
  <Override PartName="/xl/charts/colors39.xml" ContentType="application/vnd.ms-office.chartcolorstyle+xml"/>
  <Override PartName="/xl/charts/chart40.xml" ContentType="application/vnd.openxmlformats-officedocument.drawingml.chart+xml"/>
  <Override PartName="/xl/charts/style40.xml" ContentType="application/vnd.ms-office.chartstyle+xml"/>
  <Override PartName="/xl/charts/colors40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76905\OD\s276905\Cranfield\PhD\Paper Publication\Paper 4- Aging and nanomechanical\Excel files\CORD\"/>
    </mc:Choice>
  </mc:AlternateContent>
  <bookViews>
    <workbookView xWindow="0" yWindow="0" windowWidth="28800" windowHeight="12315" firstSheet="14" activeTab="20"/>
  </bookViews>
  <sheets>
    <sheet name="Summary" sheetId="25" r:id="rId1"/>
    <sheet name="Multi-20-3s(7)" sheetId="2" r:id="rId2"/>
    <sheet name="Multi-20-3s(16)" sheetId="4" r:id="rId3"/>
    <sheet name="Multi-20-3s(17)" sheetId="5" r:id="rId4"/>
    <sheet name="Multi-150-3s(14)" sheetId="6" r:id="rId5"/>
    <sheet name="Multi-150-3s(15)" sheetId="7" r:id="rId6"/>
    <sheet name="Multi-150-3s(19)" sheetId="8" r:id="rId7"/>
    <sheet name="Multi-20-15s(11)" sheetId="12" r:id="rId8"/>
    <sheet name="Multi-20-15s(12)" sheetId="13" r:id="rId9"/>
    <sheet name="Multi-20-15s(14)" sheetId="14" r:id="rId10"/>
    <sheet name="Multi-150-15s(6)" sheetId="15" r:id="rId11"/>
    <sheet name="Multi-150-15s(7)" sheetId="17" r:id="rId12"/>
    <sheet name="Multi-150-15s(8)" sheetId="16" r:id="rId13"/>
    <sheet name="Mono-1200-3s(3)" sheetId="18" r:id="rId14"/>
    <sheet name="Mono-1200-3s(9)" sheetId="21" r:id="rId15"/>
    <sheet name="Mono-1200-3s(10)" sheetId="24" r:id="rId16"/>
    <sheet name="Mono-1200-15s(3)" sheetId="27" r:id="rId17"/>
    <sheet name="Mono-1200-15s(10)" sheetId="28" r:id="rId18"/>
    <sheet name="Mono-1200-15s(11)" sheetId="29" r:id="rId19"/>
    <sheet name="S2.Multi-300-3s(7)" sheetId="30" r:id="rId20"/>
    <sheet name="S2.multi37.5-3s-(8)" sheetId="31" r:id="rId21"/>
  </sheets>
  <definedNames>
    <definedName name="_300_3s_4_5_2_5_30uN_TestB_07_LC" localSheetId="19">'S2.Multi-300-3s(7)'!$A$1:$E$401</definedName>
    <definedName name="_37_5_3s_32_5_2_5_20uN_TestB_08._LC" localSheetId="20">'S2.multi37.5-3s-(8)'!$A$1:$E$401</definedName>
    <definedName name="_3c_5_2_5_20uN_7_LC" localSheetId="17">'Mono-1200-15s(10)'!$A$2:$E$380</definedName>
    <definedName name="_3c_5_2_5_20uN_7_LC" localSheetId="18">'Mono-1200-15s(11)'!$A$2:$E$398</definedName>
    <definedName name="_3c_5_2_5_20uN_7_LC" localSheetId="16">'Mono-1200-15s(3)'!$A$2:$E$383</definedName>
    <definedName name="_3c_5_2_5_20uN_7_LC" localSheetId="15">'Mono-1200-3s(10)'!$A$2:$E$406</definedName>
    <definedName name="_3c_5_2_5_20uN_7_LC" localSheetId="13">'Mono-1200-3s(3)'!$A$2:$E$394</definedName>
    <definedName name="_3c_5_2_5_20uN_7_LC" localSheetId="14">'Mono-1200-3s(9)'!$A$2:$E$409</definedName>
    <definedName name="_3c_5_2_5_20uN_7_LC" localSheetId="10">'Multi-150-15s(6)'!$A$2:$E$406</definedName>
    <definedName name="_3c_5_2_5_20uN_7_LC" localSheetId="11">'Multi-150-15s(7)'!$A$2:$E$409</definedName>
    <definedName name="_3c_5_2_5_20uN_7_LC" localSheetId="12">'Multi-150-15s(8)'!$A$2:$E$409</definedName>
    <definedName name="_3c_5_2_5_20uN_7_LC" localSheetId="4">'Multi-150-3s(14)'!$A$2:$E$409</definedName>
    <definedName name="_3c_5_2_5_20uN_7_LC" localSheetId="5">'Multi-150-3s(15)'!$A$2:$E$408</definedName>
    <definedName name="_3c_5_2_5_20uN_7_LC" localSheetId="6">'Multi-150-3s(19)'!$A$2:$E$409</definedName>
    <definedName name="_3c_5_2_5_20uN_7_LC" localSheetId="7">'Multi-20-15s(11)'!$A$2:$E$409</definedName>
    <definedName name="_3c_5_2_5_20uN_7_LC" localSheetId="8">'Multi-20-15s(12)'!$A$2:$E$409</definedName>
    <definedName name="_3c_5_2_5_20uN_7_LC" localSheetId="9">'Multi-20-15s(14)'!$A$2:$E$409</definedName>
    <definedName name="_3c_5_2_5_20uN_7_LC" localSheetId="2">'Multi-20-3s(16)'!$A$2:$E$409</definedName>
    <definedName name="_3c_5_2_5_20uN_7_LC" localSheetId="3">'Multi-20-3s(17)'!$A$2:$E$409</definedName>
    <definedName name="_3c_5_2_5_20uN_7_LC" localSheetId="1">'Multi-20-3s(7)'!$A$2:$E$409</definedName>
    <definedName name="S4_5_2_5_20uN_Test_19_LC" localSheetId="17">'Mono-1200-15s(10)'!#REF!</definedName>
    <definedName name="S4_5_2_5_20uN_Test_19_LC" localSheetId="18">'Mono-1200-15s(11)'!#REF!</definedName>
    <definedName name="S4_5_2_5_20uN_Test_19_LC" localSheetId="16">'Mono-1200-15s(3)'!#REF!</definedName>
    <definedName name="S4_5_2_5_20uN_Test_19_LC" localSheetId="15">'Mono-1200-3s(10)'!#REF!</definedName>
    <definedName name="S4_5_2_5_20uN_Test_19_LC" localSheetId="13">'Mono-1200-3s(3)'!#REF!</definedName>
    <definedName name="S4_5_2_5_20uN_Test_19_LC" localSheetId="14">'Mono-1200-3s(9)'!#REF!</definedName>
    <definedName name="S4_5_2_5_20uN_Test_19_LC" localSheetId="10">'Multi-150-15s(6)'!#REF!</definedName>
    <definedName name="S4_5_2_5_20uN_Test_19_LC" localSheetId="11">'Multi-150-15s(7)'!#REF!</definedName>
    <definedName name="S4_5_2_5_20uN_Test_19_LC" localSheetId="12">'Multi-150-15s(8)'!#REF!</definedName>
    <definedName name="S4_5_2_5_20uN_Test_19_LC" localSheetId="4">'Multi-150-3s(14)'!#REF!</definedName>
    <definedName name="S4_5_2_5_20uN_Test_19_LC" localSheetId="5">'Multi-150-3s(15)'!#REF!</definedName>
    <definedName name="S4_5_2_5_20uN_Test_19_LC" localSheetId="6">'Multi-150-3s(19)'!#REF!</definedName>
    <definedName name="S4_5_2_5_20uN_Test_19_LC" localSheetId="7">'Multi-20-15s(11)'!#REF!</definedName>
    <definedName name="S4_5_2_5_20uN_Test_19_LC" localSheetId="8">'Multi-20-15s(12)'!#REF!</definedName>
    <definedName name="S4_5_2_5_20uN_Test_19_LC" localSheetId="9">'Multi-20-15s(14)'!#REF!</definedName>
    <definedName name="S4_5_2_5_20uN_Test_19_LC" localSheetId="2">'Multi-20-3s(16)'!#REF!</definedName>
    <definedName name="S4_5_2_5_20uN_Test_19_LC" localSheetId="3">'Multi-20-3s(17)'!#REF!</definedName>
    <definedName name="S4_5_2_5_20uN_Test_19_LC" localSheetId="1">'Multi-20-3s(7)'!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405" i="31" l="1"/>
  <c r="C405" i="30"/>
  <c r="C377" i="28"/>
  <c r="C380" i="27"/>
  <c r="C402" i="24"/>
  <c r="C405" i="21"/>
  <c r="C390" i="18"/>
  <c r="C417" i="16"/>
  <c r="C425" i="17"/>
  <c r="C420" i="13"/>
  <c r="C422" i="12"/>
  <c r="C418" i="6"/>
  <c r="C413" i="5"/>
  <c r="C412" i="4"/>
  <c r="C413" i="2"/>
  <c r="F18" i="25" l="1"/>
  <c r="E18" i="25"/>
  <c r="H17" i="25" s="1"/>
  <c r="F17" i="25"/>
  <c r="E17" i="25"/>
  <c r="F16" i="25"/>
  <c r="E16" i="25"/>
  <c r="H15" i="25"/>
  <c r="F15" i="25"/>
  <c r="E15" i="25"/>
  <c r="F14" i="25"/>
  <c r="E14" i="25"/>
  <c r="F13" i="25"/>
  <c r="E13" i="25"/>
  <c r="H13" i="25" s="1"/>
  <c r="F8" i="25"/>
  <c r="E8" i="25"/>
  <c r="F7" i="25"/>
  <c r="E7" i="25"/>
  <c r="F6" i="25"/>
  <c r="E6" i="25"/>
  <c r="F5" i="25"/>
  <c r="E5" i="25"/>
  <c r="F4" i="25"/>
  <c r="E4" i="25"/>
  <c r="F3" i="25"/>
  <c r="E3" i="25"/>
  <c r="F4" i="31"/>
  <c r="F5" i="31"/>
  <c r="F6" i="31"/>
  <c r="F7" i="31"/>
  <c r="F8" i="31"/>
  <c r="F9" i="31"/>
  <c r="F10" i="31"/>
  <c r="F11" i="31"/>
  <c r="F12" i="31"/>
  <c r="F13" i="31"/>
  <c r="F14" i="31"/>
  <c r="F15" i="31"/>
  <c r="F16" i="31"/>
  <c r="F17" i="31"/>
  <c r="F18" i="31"/>
  <c r="F19" i="31"/>
  <c r="F20" i="31"/>
  <c r="F21" i="31"/>
  <c r="F22" i="31"/>
  <c r="F23" i="31"/>
  <c r="F24" i="31"/>
  <c r="F25" i="31"/>
  <c r="F26" i="31"/>
  <c r="F27" i="31"/>
  <c r="F28" i="31"/>
  <c r="F29" i="31"/>
  <c r="F30" i="31"/>
  <c r="F31" i="31"/>
  <c r="F32" i="31"/>
  <c r="F33" i="31"/>
  <c r="F34" i="31"/>
  <c r="F35" i="31"/>
  <c r="F36" i="31"/>
  <c r="F37" i="31"/>
  <c r="F38" i="31"/>
  <c r="F39" i="31"/>
  <c r="F40" i="31"/>
  <c r="F41" i="31"/>
  <c r="F42" i="31"/>
  <c r="F43" i="31"/>
  <c r="F44" i="31"/>
  <c r="F45" i="31"/>
  <c r="F46" i="31"/>
  <c r="F47" i="31"/>
  <c r="F48" i="31"/>
  <c r="F49" i="31"/>
  <c r="F50" i="31"/>
  <c r="F51" i="31"/>
  <c r="F52" i="31"/>
  <c r="F53" i="31"/>
  <c r="F54" i="31"/>
  <c r="F55" i="31"/>
  <c r="F56" i="31"/>
  <c r="F57" i="31"/>
  <c r="F58" i="31"/>
  <c r="F59" i="31"/>
  <c r="F60" i="31"/>
  <c r="F61" i="31"/>
  <c r="F62" i="31"/>
  <c r="F63" i="31"/>
  <c r="F64" i="31"/>
  <c r="F65" i="31"/>
  <c r="F66" i="31"/>
  <c r="F67" i="31"/>
  <c r="F68" i="31"/>
  <c r="F69" i="31"/>
  <c r="F70" i="31"/>
  <c r="F71" i="31"/>
  <c r="F72" i="31"/>
  <c r="F73" i="31"/>
  <c r="F74" i="31"/>
  <c r="F75" i="31"/>
  <c r="F76" i="31"/>
  <c r="F77" i="31"/>
  <c r="F78" i="31"/>
  <c r="F79" i="31"/>
  <c r="F80" i="31"/>
  <c r="F81" i="31"/>
  <c r="F82" i="31"/>
  <c r="F83" i="31"/>
  <c r="F84" i="31"/>
  <c r="F85" i="31"/>
  <c r="F86" i="31"/>
  <c r="F87" i="31"/>
  <c r="F88" i="31"/>
  <c r="F89" i="31"/>
  <c r="F90" i="31"/>
  <c r="F91" i="31"/>
  <c r="F92" i="31"/>
  <c r="F93" i="31"/>
  <c r="F94" i="31"/>
  <c r="F95" i="31"/>
  <c r="F96" i="31"/>
  <c r="F97" i="31"/>
  <c r="F98" i="31"/>
  <c r="F99" i="31"/>
  <c r="F100" i="31"/>
  <c r="F101" i="31"/>
  <c r="F102" i="31"/>
  <c r="F103" i="31"/>
  <c r="F104" i="31"/>
  <c r="F105" i="31"/>
  <c r="F106" i="31"/>
  <c r="F107" i="31"/>
  <c r="F108" i="31"/>
  <c r="F109" i="31"/>
  <c r="F110" i="31"/>
  <c r="F111" i="31"/>
  <c r="F112" i="31"/>
  <c r="F113" i="31"/>
  <c r="F114" i="31"/>
  <c r="F115" i="31"/>
  <c r="F116" i="31"/>
  <c r="F117" i="31"/>
  <c r="F118" i="31"/>
  <c r="F119" i="31"/>
  <c r="F120" i="31"/>
  <c r="F121" i="31"/>
  <c r="F122" i="31"/>
  <c r="F123" i="31"/>
  <c r="F124" i="31"/>
  <c r="F125" i="31"/>
  <c r="F126" i="31"/>
  <c r="F127" i="31"/>
  <c r="F128" i="31"/>
  <c r="F129" i="31"/>
  <c r="F130" i="31"/>
  <c r="F131" i="31"/>
  <c r="F132" i="31"/>
  <c r="F133" i="31"/>
  <c r="F134" i="31"/>
  <c r="F135" i="31"/>
  <c r="F136" i="31"/>
  <c r="F137" i="31"/>
  <c r="F138" i="31"/>
  <c r="F139" i="31"/>
  <c r="F140" i="31"/>
  <c r="F141" i="31"/>
  <c r="F142" i="31"/>
  <c r="F143" i="31"/>
  <c r="F144" i="31"/>
  <c r="F145" i="31"/>
  <c r="F146" i="31"/>
  <c r="F147" i="31"/>
  <c r="F148" i="31"/>
  <c r="F149" i="31"/>
  <c r="F150" i="31"/>
  <c r="F151" i="31"/>
  <c r="F152" i="31"/>
  <c r="F153" i="31"/>
  <c r="F154" i="31"/>
  <c r="F155" i="31"/>
  <c r="F156" i="31"/>
  <c r="F157" i="31"/>
  <c r="F158" i="31"/>
  <c r="F159" i="31"/>
  <c r="F160" i="31"/>
  <c r="F161" i="31"/>
  <c r="F162" i="31"/>
  <c r="F163" i="31"/>
  <c r="F164" i="31"/>
  <c r="F165" i="31"/>
  <c r="F166" i="31"/>
  <c r="F167" i="31"/>
  <c r="F168" i="31"/>
  <c r="F169" i="31"/>
  <c r="F170" i="31"/>
  <c r="F171" i="31"/>
  <c r="F172" i="31"/>
  <c r="F173" i="31"/>
  <c r="F174" i="31"/>
  <c r="F175" i="31"/>
  <c r="F176" i="31"/>
  <c r="F177" i="31"/>
  <c r="F178" i="31"/>
  <c r="F179" i="31"/>
  <c r="F180" i="31"/>
  <c r="F181" i="31"/>
  <c r="F182" i="31"/>
  <c r="F183" i="31"/>
  <c r="F184" i="31"/>
  <c r="F185" i="31"/>
  <c r="F186" i="31"/>
  <c r="F187" i="31"/>
  <c r="F188" i="31"/>
  <c r="F189" i="31"/>
  <c r="F190" i="31"/>
  <c r="F191" i="31"/>
  <c r="F192" i="31"/>
  <c r="F193" i="31"/>
  <c r="F194" i="31"/>
  <c r="F195" i="31"/>
  <c r="F196" i="31"/>
  <c r="F197" i="31"/>
  <c r="F198" i="31"/>
  <c r="F199" i="31"/>
  <c r="F200" i="31"/>
  <c r="F201" i="31"/>
  <c r="F202" i="31"/>
  <c r="F203" i="31"/>
  <c r="F204" i="31"/>
  <c r="F205" i="31"/>
  <c r="F206" i="31"/>
  <c r="F207" i="31"/>
  <c r="F208" i="31"/>
  <c r="F209" i="31"/>
  <c r="F210" i="31"/>
  <c r="F211" i="31"/>
  <c r="F212" i="31"/>
  <c r="F213" i="31"/>
  <c r="F214" i="31"/>
  <c r="F215" i="31"/>
  <c r="F216" i="31"/>
  <c r="F217" i="31"/>
  <c r="F218" i="31"/>
  <c r="F219" i="31"/>
  <c r="F220" i="31"/>
  <c r="F221" i="31"/>
  <c r="F222" i="31"/>
  <c r="F223" i="31"/>
  <c r="F224" i="31"/>
  <c r="F225" i="31"/>
  <c r="F226" i="31"/>
  <c r="F227" i="31"/>
  <c r="F228" i="31"/>
  <c r="F229" i="31"/>
  <c r="F230" i="31"/>
  <c r="F231" i="31"/>
  <c r="F232" i="31"/>
  <c r="F233" i="31"/>
  <c r="F234" i="31"/>
  <c r="F235" i="31"/>
  <c r="F236" i="31"/>
  <c r="F237" i="31"/>
  <c r="F238" i="31"/>
  <c r="F239" i="31"/>
  <c r="F240" i="31"/>
  <c r="F241" i="31"/>
  <c r="F242" i="31"/>
  <c r="F243" i="31"/>
  <c r="F244" i="31"/>
  <c r="F245" i="31"/>
  <c r="F246" i="31"/>
  <c r="F247" i="31"/>
  <c r="F248" i="31"/>
  <c r="F249" i="31"/>
  <c r="F250" i="31"/>
  <c r="F251" i="31"/>
  <c r="F252" i="31"/>
  <c r="F253" i="31"/>
  <c r="F254" i="31"/>
  <c r="F255" i="31"/>
  <c r="F256" i="31"/>
  <c r="F257" i="31"/>
  <c r="F258" i="31"/>
  <c r="F259" i="31"/>
  <c r="F260" i="31"/>
  <c r="F261" i="31"/>
  <c r="F262" i="31"/>
  <c r="F263" i="31"/>
  <c r="F264" i="31"/>
  <c r="F265" i="31"/>
  <c r="F266" i="31"/>
  <c r="F267" i="31"/>
  <c r="F268" i="31"/>
  <c r="F269" i="31"/>
  <c r="F270" i="31"/>
  <c r="F271" i="31"/>
  <c r="F272" i="31"/>
  <c r="F273" i="31"/>
  <c r="F274" i="31"/>
  <c r="F275" i="31"/>
  <c r="F276" i="31"/>
  <c r="F277" i="31"/>
  <c r="F278" i="31"/>
  <c r="F279" i="31"/>
  <c r="F280" i="31"/>
  <c r="F281" i="31"/>
  <c r="F282" i="31"/>
  <c r="F283" i="31"/>
  <c r="F284" i="31"/>
  <c r="F285" i="31"/>
  <c r="F286" i="31"/>
  <c r="F287" i="31"/>
  <c r="F288" i="31"/>
  <c r="F289" i="31"/>
  <c r="F290" i="31"/>
  <c r="F291" i="31"/>
  <c r="F292" i="31"/>
  <c r="F293" i="31"/>
  <c r="F294" i="31"/>
  <c r="F295" i="31"/>
  <c r="F296" i="31"/>
  <c r="F297" i="31"/>
  <c r="F298" i="31"/>
  <c r="F299" i="31"/>
  <c r="F300" i="31"/>
  <c r="F301" i="31"/>
  <c r="F302" i="31"/>
  <c r="F303" i="31"/>
  <c r="F304" i="31"/>
  <c r="F305" i="31"/>
  <c r="F306" i="31"/>
  <c r="F307" i="31"/>
  <c r="F308" i="31"/>
  <c r="F309" i="31"/>
  <c r="F310" i="31"/>
  <c r="F311" i="31"/>
  <c r="F312" i="31"/>
  <c r="F313" i="31"/>
  <c r="F314" i="31"/>
  <c r="F315" i="31"/>
  <c r="F316" i="31"/>
  <c r="F317" i="31"/>
  <c r="F318" i="31"/>
  <c r="F319" i="31"/>
  <c r="F320" i="31"/>
  <c r="F321" i="31"/>
  <c r="F322" i="31"/>
  <c r="F323" i="31"/>
  <c r="F324" i="31"/>
  <c r="F325" i="31"/>
  <c r="F326" i="31"/>
  <c r="F327" i="31"/>
  <c r="F328" i="31"/>
  <c r="F329" i="31"/>
  <c r="F330" i="31"/>
  <c r="F331" i="31"/>
  <c r="F332" i="31"/>
  <c r="F333" i="31"/>
  <c r="F334" i="31"/>
  <c r="F335" i="31"/>
  <c r="F336" i="31"/>
  <c r="F337" i="31"/>
  <c r="F338" i="31"/>
  <c r="F339" i="31"/>
  <c r="F340" i="31"/>
  <c r="F341" i="31"/>
  <c r="F342" i="31"/>
  <c r="F343" i="31"/>
  <c r="F344" i="31"/>
  <c r="F345" i="31"/>
  <c r="F346" i="31"/>
  <c r="F347" i="31"/>
  <c r="F348" i="31"/>
  <c r="F349" i="31"/>
  <c r="F350" i="31"/>
  <c r="F351" i="31"/>
  <c r="F352" i="31"/>
  <c r="F353" i="31"/>
  <c r="F354" i="31"/>
  <c r="F355" i="31"/>
  <c r="F356" i="31"/>
  <c r="F357" i="31"/>
  <c r="F358" i="31"/>
  <c r="F359" i="31"/>
  <c r="F360" i="31"/>
  <c r="F361" i="31"/>
  <c r="F362" i="31"/>
  <c r="F363" i="31"/>
  <c r="F364" i="31"/>
  <c r="F365" i="31"/>
  <c r="F366" i="31"/>
  <c r="F367" i="31"/>
  <c r="F368" i="31"/>
  <c r="F369" i="31"/>
  <c r="F370" i="31"/>
  <c r="F371" i="31"/>
  <c r="F372" i="31"/>
  <c r="F373" i="31"/>
  <c r="F374" i="31"/>
  <c r="F375" i="31"/>
  <c r="F376" i="31"/>
  <c r="F377" i="31"/>
  <c r="F378" i="31"/>
  <c r="F379" i="31"/>
  <c r="F380" i="31"/>
  <c r="F381" i="31"/>
  <c r="F382" i="31"/>
  <c r="F383" i="31"/>
  <c r="F384" i="31"/>
  <c r="F385" i="31"/>
  <c r="F386" i="31"/>
  <c r="F387" i="31"/>
  <c r="F388" i="31"/>
  <c r="F389" i="31"/>
  <c r="F390" i="31"/>
  <c r="F391" i="31"/>
  <c r="F392" i="31"/>
  <c r="F393" i="31"/>
  <c r="F394" i="31"/>
  <c r="F395" i="31"/>
  <c r="F396" i="31"/>
  <c r="F397" i="31"/>
  <c r="F398" i="31"/>
  <c r="F399" i="31"/>
  <c r="F400" i="31"/>
  <c r="F401" i="31"/>
  <c r="F402" i="31"/>
  <c r="F3" i="31"/>
  <c r="E3" i="31"/>
  <c r="E4" i="31"/>
  <c r="E5" i="31"/>
  <c r="E6" i="31"/>
  <c r="E7" i="31"/>
  <c r="E8" i="31"/>
  <c r="E9" i="31"/>
  <c r="E10" i="31"/>
  <c r="E11" i="31"/>
  <c r="E12" i="31"/>
  <c r="E13" i="31"/>
  <c r="E14" i="31"/>
  <c r="E15" i="31"/>
  <c r="E16" i="31"/>
  <c r="E17" i="31"/>
  <c r="E18" i="31"/>
  <c r="E19" i="31"/>
  <c r="E20" i="31"/>
  <c r="E21" i="31"/>
  <c r="E22" i="31"/>
  <c r="E23" i="31"/>
  <c r="E24" i="31"/>
  <c r="E25" i="31"/>
  <c r="E26" i="31"/>
  <c r="E27" i="31"/>
  <c r="E28" i="31"/>
  <c r="E29" i="31"/>
  <c r="E30" i="31"/>
  <c r="E31" i="31"/>
  <c r="E32" i="31"/>
  <c r="E33" i="31"/>
  <c r="E34" i="31"/>
  <c r="E35" i="31"/>
  <c r="E36" i="31"/>
  <c r="E37" i="31"/>
  <c r="E38" i="31"/>
  <c r="E39" i="31"/>
  <c r="E40" i="31"/>
  <c r="E41" i="31"/>
  <c r="E42" i="31"/>
  <c r="E43" i="31"/>
  <c r="E44" i="31"/>
  <c r="E45" i="31"/>
  <c r="E46" i="31"/>
  <c r="E47" i="31"/>
  <c r="E48" i="31"/>
  <c r="E49" i="31"/>
  <c r="E50" i="31"/>
  <c r="E51" i="31"/>
  <c r="E52" i="31"/>
  <c r="E53" i="31"/>
  <c r="E54" i="31"/>
  <c r="E55" i="31"/>
  <c r="E56" i="31"/>
  <c r="E57" i="31"/>
  <c r="E58" i="31"/>
  <c r="E59" i="31"/>
  <c r="E60" i="31"/>
  <c r="E61" i="31"/>
  <c r="E62" i="31"/>
  <c r="E63" i="31"/>
  <c r="E64" i="31"/>
  <c r="E65" i="31"/>
  <c r="E66" i="31"/>
  <c r="E67" i="31"/>
  <c r="E68" i="31"/>
  <c r="E69" i="31"/>
  <c r="E70" i="31"/>
  <c r="E71" i="31"/>
  <c r="E72" i="31"/>
  <c r="E73" i="31"/>
  <c r="E74" i="31"/>
  <c r="E75" i="31"/>
  <c r="E76" i="31"/>
  <c r="E77" i="31"/>
  <c r="E78" i="31"/>
  <c r="E79" i="31"/>
  <c r="E80" i="31"/>
  <c r="E81" i="31"/>
  <c r="E82" i="31"/>
  <c r="E83" i="31"/>
  <c r="E84" i="31"/>
  <c r="E85" i="31"/>
  <c r="E86" i="31"/>
  <c r="E87" i="31"/>
  <c r="E88" i="31"/>
  <c r="E89" i="31"/>
  <c r="E90" i="31"/>
  <c r="E91" i="31"/>
  <c r="E92" i="31"/>
  <c r="E93" i="31"/>
  <c r="E94" i="31"/>
  <c r="E95" i="31"/>
  <c r="E96" i="31"/>
  <c r="E97" i="31"/>
  <c r="E98" i="31"/>
  <c r="E99" i="31"/>
  <c r="E100" i="31"/>
  <c r="E101" i="31"/>
  <c r="E102" i="31"/>
  <c r="E103" i="31"/>
  <c r="E104" i="31"/>
  <c r="E105" i="31"/>
  <c r="E106" i="31"/>
  <c r="E107" i="31"/>
  <c r="E108" i="31"/>
  <c r="E109" i="31"/>
  <c r="E110" i="31"/>
  <c r="E111" i="31"/>
  <c r="E112" i="31"/>
  <c r="E113" i="31"/>
  <c r="E114" i="31"/>
  <c r="E115" i="31"/>
  <c r="E116" i="31"/>
  <c r="E117" i="31"/>
  <c r="E118" i="31"/>
  <c r="E119" i="31"/>
  <c r="E120" i="31"/>
  <c r="E121" i="31"/>
  <c r="E122" i="31"/>
  <c r="E123" i="31"/>
  <c r="E124" i="31"/>
  <c r="E125" i="31"/>
  <c r="E126" i="31"/>
  <c r="E127" i="31"/>
  <c r="E128" i="31"/>
  <c r="E129" i="31"/>
  <c r="E130" i="31"/>
  <c r="E131" i="31"/>
  <c r="E132" i="31"/>
  <c r="E133" i="31"/>
  <c r="E134" i="31"/>
  <c r="E135" i="31"/>
  <c r="E136" i="31"/>
  <c r="E137" i="31"/>
  <c r="E138" i="31"/>
  <c r="E139" i="31"/>
  <c r="E140" i="31"/>
  <c r="E141" i="31"/>
  <c r="E142" i="31"/>
  <c r="E143" i="31"/>
  <c r="E144" i="31"/>
  <c r="E145" i="31"/>
  <c r="E146" i="31"/>
  <c r="E147" i="31"/>
  <c r="E148" i="31"/>
  <c r="E149" i="31"/>
  <c r="E150" i="31"/>
  <c r="E151" i="31"/>
  <c r="E152" i="31"/>
  <c r="E153" i="31"/>
  <c r="E154" i="31"/>
  <c r="E155" i="31"/>
  <c r="E156" i="31"/>
  <c r="E157" i="31"/>
  <c r="E158" i="31"/>
  <c r="E159" i="31"/>
  <c r="E160" i="31"/>
  <c r="E161" i="31"/>
  <c r="E162" i="31"/>
  <c r="E163" i="31"/>
  <c r="E164" i="31"/>
  <c r="E165" i="31"/>
  <c r="E166" i="31"/>
  <c r="E167" i="31"/>
  <c r="E168" i="31"/>
  <c r="E169" i="31"/>
  <c r="E170" i="31"/>
  <c r="E171" i="31"/>
  <c r="E172" i="31"/>
  <c r="E173" i="31"/>
  <c r="E174" i="31"/>
  <c r="E175" i="31"/>
  <c r="E176" i="31"/>
  <c r="E177" i="31"/>
  <c r="E178" i="31"/>
  <c r="E179" i="31"/>
  <c r="E180" i="31"/>
  <c r="E181" i="31"/>
  <c r="E182" i="31"/>
  <c r="E183" i="31"/>
  <c r="E184" i="31"/>
  <c r="E185" i="31"/>
  <c r="E186" i="31"/>
  <c r="E187" i="31"/>
  <c r="E188" i="31"/>
  <c r="E189" i="31"/>
  <c r="E190" i="31"/>
  <c r="E191" i="31"/>
  <c r="E192" i="31"/>
  <c r="E193" i="31"/>
  <c r="E194" i="31"/>
  <c r="E195" i="31"/>
  <c r="E196" i="31"/>
  <c r="E197" i="31"/>
  <c r="E198" i="31"/>
  <c r="E199" i="31"/>
  <c r="E200" i="31"/>
  <c r="E201" i="31"/>
  <c r="E202" i="31"/>
  <c r="E203" i="31"/>
  <c r="E204" i="31"/>
  <c r="E205" i="31"/>
  <c r="E206" i="31"/>
  <c r="E207" i="31"/>
  <c r="E208" i="31"/>
  <c r="E209" i="31"/>
  <c r="E210" i="31"/>
  <c r="E211" i="31"/>
  <c r="E212" i="31"/>
  <c r="E213" i="31"/>
  <c r="E214" i="31"/>
  <c r="E215" i="31"/>
  <c r="E216" i="31"/>
  <c r="E217" i="31"/>
  <c r="E218" i="31"/>
  <c r="E219" i="31"/>
  <c r="E220" i="31"/>
  <c r="E221" i="31"/>
  <c r="E222" i="31"/>
  <c r="E223" i="31"/>
  <c r="E224" i="31"/>
  <c r="E225" i="31"/>
  <c r="E226" i="31"/>
  <c r="E227" i="31"/>
  <c r="E228" i="31"/>
  <c r="E229" i="31"/>
  <c r="E230" i="31"/>
  <c r="E231" i="31"/>
  <c r="E232" i="31"/>
  <c r="E233" i="31"/>
  <c r="E234" i="31"/>
  <c r="E235" i="31"/>
  <c r="E236" i="31"/>
  <c r="E237" i="31"/>
  <c r="E238" i="31"/>
  <c r="E239" i="31"/>
  <c r="E240" i="31"/>
  <c r="E241" i="31"/>
  <c r="E242" i="31"/>
  <c r="E243" i="31"/>
  <c r="E244" i="31"/>
  <c r="E245" i="31"/>
  <c r="E246" i="31"/>
  <c r="E247" i="31"/>
  <c r="E248" i="31"/>
  <c r="E249" i="31"/>
  <c r="E250" i="31"/>
  <c r="E251" i="31"/>
  <c r="E252" i="31"/>
  <c r="E253" i="31"/>
  <c r="E254" i="31"/>
  <c r="E255" i="31"/>
  <c r="E256" i="31"/>
  <c r="E257" i="31"/>
  <c r="E258" i="31"/>
  <c r="E259" i="31"/>
  <c r="E260" i="31"/>
  <c r="E261" i="31"/>
  <c r="E262" i="31"/>
  <c r="E263" i="31"/>
  <c r="E264" i="31"/>
  <c r="E265" i="31"/>
  <c r="E266" i="31"/>
  <c r="E267" i="31"/>
  <c r="E268" i="31"/>
  <c r="E269" i="31"/>
  <c r="E270" i="31"/>
  <c r="E271" i="31"/>
  <c r="E272" i="31"/>
  <c r="E273" i="31"/>
  <c r="E274" i="31"/>
  <c r="E275" i="31"/>
  <c r="E276" i="31"/>
  <c r="E277" i="31"/>
  <c r="E278" i="31"/>
  <c r="E279" i="31"/>
  <c r="E280" i="31"/>
  <c r="E281" i="31"/>
  <c r="E282" i="31"/>
  <c r="E283" i="31"/>
  <c r="E284" i="31"/>
  <c r="E285" i="31"/>
  <c r="E286" i="31"/>
  <c r="E287" i="31"/>
  <c r="E288" i="31"/>
  <c r="E289" i="31"/>
  <c r="E290" i="31"/>
  <c r="E291" i="31"/>
  <c r="E292" i="31"/>
  <c r="E293" i="31"/>
  <c r="E294" i="31"/>
  <c r="E295" i="31"/>
  <c r="E296" i="31"/>
  <c r="E297" i="31"/>
  <c r="E298" i="31"/>
  <c r="E299" i="31"/>
  <c r="E300" i="31"/>
  <c r="E301" i="31"/>
  <c r="E302" i="31"/>
  <c r="E303" i="31"/>
  <c r="E304" i="31"/>
  <c r="E305" i="31"/>
  <c r="E306" i="31"/>
  <c r="E307" i="31"/>
  <c r="E308" i="31"/>
  <c r="E309" i="31"/>
  <c r="E310" i="31"/>
  <c r="E311" i="31"/>
  <c r="E312" i="31"/>
  <c r="E313" i="31"/>
  <c r="E314" i="31"/>
  <c r="E315" i="31"/>
  <c r="E316" i="31"/>
  <c r="E317" i="31"/>
  <c r="E318" i="31"/>
  <c r="E319" i="31"/>
  <c r="E320" i="31"/>
  <c r="E321" i="31"/>
  <c r="E322" i="31"/>
  <c r="E323" i="31"/>
  <c r="E324" i="31"/>
  <c r="E325" i="31"/>
  <c r="E326" i="31"/>
  <c r="E327" i="31"/>
  <c r="E328" i="31"/>
  <c r="E329" i="31"/>
  <c r="E330" i="31"/>
  <c r="E331" i="31"/>
  <c r="E332" i="31"/>
  <c r="E333" i="31"/>
  <c r="E334" i="31"/>
  <c r="E335" i="31"/>
  <c r="E336" i="31"/>
  <c r="E337" i="31"/>
  <c r="E338" i="31"/>
  <c r="E339" i="31"/>
  <c r="E340" i="31"/>
  <c r="E341" i="31"/>
  <c r="E342" i="31"/>
  <c r="E343" i="31"/>
  <c r="E344" i="31"/>
  <c r="E345" i="31"/>
  <c r="E346" i="31"/>
  <c r="E347" i="31"/>
  <c r="E348" i="31"/>
  <c r="E349" i="31"/>
  <c r="E350" i="31"/>
  <c r="E351" i="31"/>
  <c r="E352" i="31"/>
  <c r="E353" i="31"/>
  <c r="E354" i="31"/>
  <c r="E355" i="31"/>
  <c r="E356" i="31"/>
  <c r="E357" i="31"/>
  <c r="E358" i="31"/>
  <c r="E359" i="31"/>
  <c r="E360" i="31"/>
  <c r="E361" i="31"/>
  <c r="E362" i="31"/>
  <c r="E363" i="31"/>
  <c r="E364" i="31"/>
  <c r="E365" i="31"/>
  <c r="E366" i="31"/>
  <c r="E367" i="31"/>
  <c r="E368" i="31"/>
  <c r="E369" i="31"/>
  <c r="E370" i="31"/>
  <c r="E371" i="31"/>
  <c r="E372" i="31"/>
  <c r="E373" i="31"/>
  <c r="E374" i="31"/>
  <c r="E375" i="31"/>
  <c r="E376" i="31"/>
  <c r="E377" i="31"/>
  <c r="E378" i="31"/>
  <c r="E379" i="31"/>
  <c r="E380" i="31"/>
  <c r="E381" i="31"/>
  <c r="E382" i="31"/>
  <c r="E383" i="31"/>
  <c r="E384" i="31"/>
  <c r="E385" i="31"/>
  <c r="E386" i="31"/>
  <c r="E387" i="31"/>
  <c r="E388" i="31"/>
  <c r="E389" i="31"/>
  <c r="E390" i="31"/>
  <c r="E391" i="31"/>
  <c r="E392" i="31"/>
  <c r="E393" i="31"/>
  <c r="E394" i="31"/>
  <c r="E395" i="31"/>
  <c r="E396" i="31"/>
  <c r="E397" i="31"/>
  <c r="E398" i="31"/>
  <c r="E399" i="31"/>
  <c r="E400" i="31"/>
  <c r="E401" i="31"/>
  <c r="E2" i="31"/>
  <c r="D3" i="31"/>
  <c r="D4" i="31"/>
  <c r="D5" i="31"/>
  <c r="D6" i="31"/>
  <c r="D7" i="31"/>
  <c r="D8" i="31"/>
  <c r="D9" i="31"/>
  <c r="D10" i="31"/>
  <c r="D11" i="31"/>
  <c r="D12" i="31"/>
  <c r="D13" i="31"/>
  <c r="D14" i="31"/>
  <c r="D15" i="31"/>
  <c r="D16" i="31"/>
  <c r="D17" i="31"/>
  <c r="D18" i="31"/>
  <c r="D19" i="31"/>
  <c r="D20" i="31"/>
  <c r="D21" i="31"/>
  <c r="D22" i="31"/>
  <c r="D23" i="31"/>
  <c r="D24" i="31"/>
  <c r="D25" i="31"/>
  <c r="D26" i="31"/>
  <c r="D27" i="31"/>
  <c r="D28" i="31"/>
  <c r="D29" i="31"/>
  <c r="D30" i="31"/>
  <c r="D31" i="31"/>
  <c r="D32" i="31"/>
  <c r="D33" i="31"/>
  <c r="D34" i="31"/>
  <c r="D35" i="31"/>
  <c r="D36" i="31"/>
  <c r="D37" i="31"/>
  <c r="D38" i="31"/>
  <c r="D39" i="31"/>
  <c r="D40" i="31"/>
  <c r="D41" i="31"/>
  <c r="D42" i="31"/>
  <c r="D43" i="31"/>
  <c r="D44" i="31"/>
  <c r="D45" i="31"/>
  <c r="D46" i="31"/>
  <c r="D47" i="31"/>
  <c r="D48" i="31"/>
  <c r="D49" i="31"/>
  <c r="D50" i="31"/>
  <c r="D51" i="31"/>
  <c r="D52" i="31"/>
  <c r="D53" i="31"/>
  <c r="D54" i="31"/>
  <c r="D55" i="31"/>
  <c r="D56" i="31"/>
  <c r="D57" i="31"/>
  <c r="D58" i="31"/>
  <c r="D59" i="31"/>
  <c r="D60" i="31"/>
  <c r="D61" i="31"/>
  <c r="D62" i="31"/>
  <c r="D63" i="31"/>
  <c r="D64" i="31"/>
  <c r="D65" i="31"/>
  <c r="D66" i="31"/>
  <c r="D67" i="31"/>
  <c r="D68" i="31"/>
  <c r="D69" i="31"/>
  <c r="D70" i="31"/>
  <c r="D71" i="31"/>
  <c r="D72" i="31"/>
  <c r="D73" i="31"/>
  <c r="D74" i="31"/>
  <c r="D75" i="31"/>
  <c r="D76" i="31"/>
  <c r="D77" i="31"/>
  <c r="D78" i="31"/>
  <c r="D79" i="31"/>
  <c r="D80" i="31"/>
  <c r="D81" i="31"/>
  <c r="D82" i="31"/>
  <c r="D83" i="31"/>
  <c r="D84" i="31"/>
  <c r="D85" i="31"/>
  <c r="D86" i="31"/>
  <c r="D87" i="31"/>
  <c r="D88" i="31"/>
  <c r="D89" i="31"/>
  <c r="D90" i="31"/>
  <c r="D91" i="31"/>
  <c r="D92" i="31"/>
  <c r="D93" i="31"/>
  <c r="D94" i="31"/>
  <c r="D95" i="31"/>
  <c r="D96" i="31"/>
  <c r="D97" i="31"/>
  <c r="D98" i="31"/>
  <c r="D99" i="31"/>
  <c r="D100" i="31"/>
  <c r="D101" i="31"/>
  <c r="D102" i="31"/>
  <c r="D103" i="31"/>
  <c r="D104" i="31"/>
  <c r="D105" i="31"/>
  <c r="D106" i="31"/>
  <c r="D107" i="31"/>
  <c r="D108" i="31"/>
  <c r="D109" i="31"/>
  <c r="D110" i="31"/>
  <c r="D111" i="31"/>
  <c r="D112" i="31"/>
  <c r="D113" i="31"/>
  <c r="D114" i="31"/>
  <c r="D115" i="31"/>
  <c r="D116" i="31"/>
  <c r="D117" i="31"/>
  <c r="D118" i="31"/>
  <c r="D119" i="31"/>
  <c r="D120" i="31"/>
  <c r="D121" i="31"/>
  <c r="D122" i="31"/>
  <c r="D123" i="31"/>
  <c r="D124" i="31"/>
  <c r="D125" i="31"/>
  <c r="D126" i="31"/>
  <c r="D127" i="31"/>
  <c r="D128" i="31"/>
  <c r="D129" i="31"/>
  <c r="D130" i="31"/>
  <c r="D131" i="31"/>
  <c r="D132" i="31"/>
  <c r="D133" i="31"/>
  <c r="D134" i="31"/>
  <c r="D135" i="31"/>
  <c r="D136" i="31"/>
  <c r="D137" i="31"/>
  <c r="D138" i="31"/>
  <c r="D139" i="31"/>
  <c r="D140" i="31"/>
  <c r="D141" i="31"/>
  <c r="D142" i="31"/>
  <c r="D143" i="31"/>
  <c r="D144" i="31"/>
  <c r="D145" i="31"/>
  <c r="D146" i="31"/>
  <c r="D147" i="31"/>
  <c r="D148" i="31"/>
  <c r="D149" i="31"/>
  <c r="D150" i="31"/>
  <c r="D151" i="31"/>
  <c r="D152" i="31"/>
  <c r="D153" i="31"/>
  <c r="D154" i="31"/>
  <c r="D155" i="31"/>
  <c r="D156" i="31"/>
  <c r="D157" i="31"/>
  <c r="D158" i="31"/>
  <c r="D159" i="31"/>
  <c r="D160" i="31"/>
  <c r="D161" i="31"/>
  <c r="D162" i="31"/>
  <c r="D163" i="31"/>
  <c r="D164" i="31"/>
  <c r="D165" i="31"/>
  <c r="D166" i="31"/>
  <c r="D167" i="31"/>
  <c r="D168" i="31"/>
  <c r="D169" i="31"/>
  <c r="D170" i="31"/>
  <c r="D171" i="31"/>
  <c r="D172" i="31"/>
  <c r="D173" i="31"/>
  <c r="D174" i="31"/>
  <c r="D175" i="31"/>
  <c r="D176" i="31"/>
  <c r="D177" i="31"/>
  <c r="D178" i="31"/>
  <c r="D179" i="31"/>
  <c r="D180" i="31"/>
  <c r="D181" i="31"/>
  <c r="D182" i="31"/>
  <c r="D183" i="31"/>
  <c r="D184" i="31"/>
  <c r="D185" i="31"/>
  <c r="D186" i="31"/>
  <c r="D187" i="31"/>
  <c r="D188" i="31"/>
  <c r="D189" i="31"/>
  <c r="D190" i="31"/>
  <c r="D191" i="31"/>
  <c r="D192" i="31"/>
  <c r="D193" i="31"/>
  <c r="D194" i="31"/>
  <c r="D195" i="31"/>
  <c r="D196" i="31"/>
  <c r="D197" i="31"/>
  <c r="D198" i="31"/>
  <c r="D199" i="31"/>
  <c r="D200" i="31"/>
  <c r="D201" i="31"/>
  <c r="D202" i="31"/>
  <c r="D203" i="31"/>
  <c r="D204" i="31"/>
  <c r="D205" i="31"/>
  <c r="D206" i="31"/>
  <c r="D207" i="31"/>
  <c r="D208" i="31"/>
  <c r="D209" i="31"/>
  <c r="D210" i="31"/>
  <c r="D211" i="31"/>
  <c r="D212" i="31"/>
  <c r="D213" i="31"/>
  <c r="D214" i="31"/>
  <c r="D215" i="31"/>
  <c r="D216" i="31"/>
  <c r="D217" i="31"/>
  <c r="D218" i="31"/>
  <c r="D219" i="31"/>
  <c r="D220" i="31"/>
  <c r="D221" i="31"/>
  <c r="D222" i="31"/>
  <c r="D223" i="31"/>
  <c r="D224" i="31"/>
  <c r="D225" i="31"/>
  <c r="D226" i="31"/>
  <c r="D227" i="31"/>
  <c r="D228" i="31"/>
  <c r="D229" i="31"/>
  <c r="D230" i="31"/>
  <c r="D231" i="31"/>
  <c r="D232" i="31"/>
  <c r="D233" i="31"/>
  <c r="D234" i="31"/>
  <c r="D235" i="31"/>
  <c r="D236" i="31"/>
  <c r="D237" i="31"/>
  <c r="D238" i="31"/>
  <c r="D239" i="31"/>
  <c r="D240" i="31"/>
  <c r="D241" i="31"/>
  <c r="D242" i="31"/>
  <c r="D243" i="31"/>
  <c r="D244" i="31"/>
  <c r="D245" i="31"/>
  <c r="D246" i="31"/>
  <c r="D247" i="31"/>
  <c r="D248" i="31"/>
  <c r="D249" i="31"/>
  <c r="D250" i="31"/>
  <c r="D251" i="31"/>
  <c r="D252" i="31"/>
  <c r="D253" i="31"/>
  <c r="D254" i="31"/>
  <c r="D255" i="31"/>
  <c r="D256" i="31"/>
  <c r="D257" i="31"/>
  <c r="D258" i="31"/>
  <c r="D259" i="31"/>
  <c r="D260" i="31"/>
  <c r="D261" i="31"/>
  <c r="D262" i="31"/>
  <c r="D263" i="31"/>
  <c r="D264" i="31"/>
  <c r="D265" i="31"/>
  <c r="D266" i="31"/>
  <c r="D267" i="31"/>
  <c r="D268" i="31"/>
  <c r="D269" i="31"/>
  <c r="D270" i="31"/>
  <c r="D271" i="31"/>
  <c r="D272" i="31"/>
  <c r="D273" i="31"/>
  <c r="D274" i="31"/>
  <c r="D275" i="31"/>
  <c r="D276" i="31"/>
  <c r="D277" i="31"/>
  <c r="D278" i="31"/>
  <c r="D279" i="31"/>
  <c r="D280" i="31"/>
  <c r="D281" i="31"/>
  <c r="D282" i="31"/>
  <c r="D283" i="31"/>
  <c r="D284" i="31"/>
  <c r="D285" i="31"/>
  <c r="D286" i="31"/>
  <c r="D287" i="31"/>
  <c r="D288" i="31"/>
  <c r="D289" i="31"/>
  <c r="D290" i="31"/>
  <c r="D291" i="31"/>
  <c r="D292" i="31"/>
  <c r="D293" i="31"/>
  <c r="D294" i="31"/>
  <c r="D295" i="31"/>
  <c r="D296" i="31"/>
  <c r="D297" i="31"/>
  <c r="D298" i="31"/>
  <c r="D299" i="31"/>
  <c r="D300" i="31"/>
  <c r="D301" i="31"/>
  <c r="D302" i="31"/>
  <c r="D303" i="31"/>
  <c r="D304" i="31"/>
  <c r="D305" i="31"/>
  <c r="D306" i="31"/>
  <c r="D307" i="31"/>
  <c r="D308" i="31"/>
  <c r="D309" i="31"/>
  <c r="D310" i="31"/>
  <c r="D311" i="31"/>
  <c r="D312" i="31"/>
  <c r="D313" i="31"/>
  <c r="D314" i="31"/>
  <c r="D315" i="31"/>
  <c r="D316" i="31"/>
  <c r="D317" i="31"/>
  <c r="D318" i="31"/>
  <c r="D319" i="31"/>
  <c r="D320" i="31"/>
  <c r="D321" i="31"/>
  <c r="D322" i="31"/>
  <c r="D323" i="31"/>
  <c r="D324" i="31"/>
  <c r="D325" i="31"/>
  <c r="D326" i="31"/>
  <c r="D327" i="31"/>
  <c r="D328" i="31"/>
  <c r="D329" i="31"/>
  <c r="D330" i="31"/>
  <c r="D331" i="31"/>
  <c r="D332" i="31"/>
  <c r="D333" i="31"/>
  <c r="D334" i="31"/>
  <c r="D335" i="31"/>
  <c r="D336" i="31"/>
  <c r="D337" i="31"/>
  <c r="D338" i="31"/>
  <c r="D339" i="31"/>
  <c r="D340" i="31"/>
  <c r="D341" i="31"/>
  <c r="D342" i="31"/>
  <c r="D343" i="31"/>
  <c r="D344" i="31"/>
  <c r="D345" i="31"/>
  <c r="D346" i="31"/>
  <c r="D347" i="31"/>
  <c r="D348" i="31"/>
  <c r="D349" i="31"/>
  <c r="D350" i="31"/>
  <c r="D351" i="31"/>
  <c r="D352" i="31"/>
  <c r="D353" i="31"/>
  <c r="D354" i="31"/>
  <c r="D355" i="31"/>
  <c r="D356" i="31"/>
  <c r="D357" i="31"/>
  <c r="D358" i="31"/>
  <c r="D359" i="31"/>
  <c r="D360" i="31"/>
  <c r="D361" i="31"/>
  <c r="D362" i="31"/>
  <c r="D363" i="31"/>
  <c r="D364" i="31"/>
  <c r="D365" i="31"/>
  <c r="D366" i="31"/>
  <c r="D367" i="31"/>
  <c r="D368" i="31"/>
  <c r="D369" i="31"/>
  <c r="D370" i="31"/>
  <c r="D371" i="31"/>
  <c r="D372" i="31"/>
  <c r="D373" i="31"/>
  <c r="D374" i="31"/>
  <c r="D375" i="31"/>
  <c r="D376" i="31"/>
  <c r="D377" i="31"/>
  <c r="D378" i="31"/>
  <c r="D379" i="31"/>
  <c r="D380" i="31"/>
  <c r="D381" i="31"/>
  <c r="D382" i="31"/>
  <c r="D383" i="31"/>
  <c r="D384" i="31"/>
  <c r="D385" i="31"/>
  <c r="D386" i="31"/>
  <c r="D387" i="31"/>
  <c r="D388" i="31"/>
  <c r="D389" i="31"/>
  <c r="D390" i="31"/>
  <c r="D391" i="31"/>
  <c r="D392" i="31"/>
  <c r="D393" i="31"/>
  <c r="D394" i="31"/>
  <c r="D395" i="31"/>
  <c r="D396" i="31"/>
  <c r="D397" i="31"/>
  <c r="D398" i="31"/>
  <c r="D399" i="31"/>
  <c r="D400" i="31"/>
  <c r="D401" i="31"/>
  <c r="D2" i="31"/>
  <c r="F4" i="30"/>
  <c r="F5" i="30"/>
  <c r="F6" i="30"/>
  <c r="F7" i="30"/>
  <c r="F8" i="30"/>
  <c r="F9" i="30"/>
  <c r="F10" i="30"/>
  <c r="F11" i="30"/>
  <c r="F12" i="30"/>
  <c r="F13" i="30"/>
  <c r="F14" i="30"/>
  <c r="F15" i="30"/>
  <c r="F16" i="30"/>
  <c r="F17" i="30"/>
  <c r="F18" i="30"/>
  <c r="F19" i="30"/>
  <c r="F20" i="30"/>
  <c r="F21" i="30"/>
  <c r="F22" i="30"/>
  <c r="F23" i="30"/>
  <c r="F24" i="30"/>
  <c r="F25" i="30"/>
  <c r="F26" i="30"/>
  <c r="F27" i="30"/>
  <c r="F28" i="30"/>
  <c r="F29" i="30"/>
  <c r="F30" i="30"/>
  <c r="F31" i="30"/>
  <c r="F32" i="30"/>
  <c r="F33" i="30"/>
  <c r="F34" i="30"/>
  <c r="F35" i="30"/>
  <c r="F36" i="30"/>
  <c r="F37" i="30"/>
  <c r="F38" i="30"/>
  <c r="F39" i="30"/>
  <c r="F40" i="30"/>
  <c r="F41" i="30"/>
  <c r="F42" i="30"/>
  <c r="F43" i="30"/>
  <c r="F44" i="30"/>
  <c r="F45" i="30"/>
  <c r="F46" i="30"/>
  <c r="F47" i="30"/>
  <c r="F48" i="30"/>
  <c r="F49" i="30"/>
  <c r="F50" i="30"/>
  <c r="F51" i="30"/>
  <c r="F52" i="30"/>
  <c r="F53" i="30"/>
  <c r="F54" i="30"/>
  <c r="F55" i="30"/>
  <c r="F56" i="30"/>
  <c r="F57" i="30"/>
  <c r="F58" i="30"/>
  <c r="F59" i="30"/>
  <c r="F60" i="30"/>
  <c r="F61" i="30"/>
  <c r="F62" i="30"/>
  <c r="F63" i="30"/>
  <c r="F64" i="30"/>
  <c r="F65" i="30"/>
  <c r="F66" i="30"/>
  <c r="F67" i="30"/>
  <c r="F68" i="30"/>
  <c r="F69" i="30"/>
  <c r="F70" i="30"/>
  <c r="F71" i="30"/>
  <c r="F72" i="30"/>
  <c r="F73" i="30"/>
  <c r="F74" i="30"/>
  <c r="F75" i="30"/>
  <c r="F76" i="30"/>
  <c r="F77" i="30"/>
  <c r="F78" i="30"/>
  <c r="F79" i="30"/>
  <c r="F80" i="30"/>
  <c r="F81" i="30"/>
  <c r="F82" i="30"/>
  <c r="F83" i="30"/>
  <c r="F84" i="30"/>
  <c r="F85" i="30"/>
  <c r="F86" i="30"/>
  <c r="F87" i="30"/>
  <c r="F88" i="30"/>
  <c r="F89" i="30"/>
  <c r="F90" i="30"/>
  <c r="F91" i="30"/>
  <c r="F92" i="30"/>
  <c r="F93" i="30"/>
  <c r="F94" i="30"/>
  <c r="F95" i="30"/>
  <c r="F96" i="30"/>
  <c r="F97" i="30"/>
  <c r="F98" i="30"/>
  <c r="F99" i="30"/>
  <c r="F100" i="30"/>
  <c r="F101" i="30"/>
  <c r="F102" i="30"/>
  <c r="F103" i="30"/>
  <c r="F104" i="30"/>
  <c r="F105" i="30"/>
  <c r="F106" i="30"/>
  <c r="F107" i="30"/>
  <c r="F108" i="30"/>
  <c r="F109" i="30"/>
  <c r="F110" i="30"/>
  <c r="F111" i="30"/>
  <c r="F112" i="30"/>
  <c r="F113" i="30"/>
  <c r="F114" i="30"/>
  <c r="F115" i="30"/>
  <c r="F116" i="30"/>
  <c r="F117" i="30"/>
  <c r="F118" i="30"/>
  <c r="F119" i="30"/>
  <c r="F120" i="30"/>
  <c r="F121" i="30"/>
  <c r="F122" i="30"/>
  <c r="F123" i="30"/>
  <c r="F124" i="30"/>
  <c r="F125" i="30"/>
  <c r="F126" i="30"/>
  <c r="F127" i="30"/>
  <c r="F128" i="30"/>
  <c r="F129" i="30"/>
  <c r="F130" i="30"/>
  <c r="F131" i="30"/>
  <c r="F132" i="30"/>
  <c r="F133" i="30"/>
  <c r="F134" i="30"/>
  <c r="F135" i="30"/>
  <c r="F136" i="30"/>
  <c r="F137" i="30"/>
  <c r="F138" i="30"/>
  <c r="F139" i="30"/>
  <c r="F140" i="30"/>
  <c r="F141" i="30"/>
  <c r="F142" i="30"/>
  <c r="F143" i="30"/>
  <c r="F144" i="30"/>
  <c r="F145" i="30"/>
  <c r="F146" i="30"/>
  <c r="F147" i="30"/>
  <c r="F148" i="30"/>
  <c r="F149" i="30"/>
  <c r="F150" i="30"/>
  <c r="F151" i="30"/>
  <c r="F152" i="30"/>
  <c r="F153" i="30"/>
  <c r="F154" i="30"/>
  <c r="F155" i="30"/>
  <c r="F156" i="30"/>
  <c r="F157" i="30"/>
  <c r="F158" i="30"/>
  <c r="F159" i="30"/>
  <c r="F160" i="30"/>
  <c r="F161" i="30"/>
  <c r="F162" i="30"/>
  <c r="F163" i="30"/>
  <c r="F164" i="30"/>
  <c r="F165" i="30"/>
  <c r="F166" i="30"/>
  <c r="F167" i="30"/>
  <c r="F168" i="30"/>
  <c r="F169" i="30"/>
  <c r="F170" i="30"/>
  <c r="F171" i="30"/>
  <c r="F172" i="30"/>
  <c r="F173" i="30"/>
  <c r="F174" i="30"/>
  <c r="F175" i="30"/>
  <c r="F176" i="30"/>
  <c r="F177" i="30"/>
  <c r="F178" i="30"/>
  <c r="F179" i="30"/>
  <c r="F180" i="30"/>
  <c r="F181" i="30"/>
  <c r="F182" i="30"/>
  <c r="F183" i="30"/>
  <c r="F184" i="30"/>
  <c r="F185" i="30"/>
  <c r="F186" i="30"/>
  <c r="F187" i="30"/>
  <c r="F188" i="30"/>
  <c r="F189" i="30"/>
  <c r="F190" i="30"/>
  <c r="F191" i="30"/>
  <c r="F192" i="30"/>
  <c r="F193" i="30"/>
  <c r="F194" i="30"/>
  <c r="F195" i="30"/>
  <c r="F196" i="30"/>
  <c r="F197" i="30"/>
  <c r="F198" i="30"/>
  <c r="F199" i="30"/>
  <c r="F200" i="30"/>
  <c r="F201" i="30"/>
  <c r="F202" i="30"/>
  <c r="F203" i="30"/>
  <c r="F204" i="30"/>
  <c r="F205" i="30"/>
  <c r="F206" i="30"/>
  <c r="F207" i="30"/>
  <c r="F208" i="30"/>
  <c r="F209" i="30"/>
  <c r="F210" i="30"/>
  <c r="F211" i="30"/>
  <c r="F212" i="30"/>
  <c r="F213" i="30"/>
  <c r="F214" i="30"/>
  <c r="F215" i="30"/>
  <c r="F216" i="30"/>
  <c r="F217" i="30"/>
  <c r="F218" i="30"/>
  <c r="F219" i="30"/>
  <c r="F220" i="30"/>
  <c r="F221" i="30"/>
  <c r="F222" i="30"/>
  <c r="F223" i="30"/>
  <c r="F224" i="30"/>
  <c r="F225" i="30"/>
  <c r="F226" i="30"/>
  <c r="F227" i="30"/>
  <c r="F228" i="30"/>
  <c r="F229" i="30"/>
  <c r="F230" i="30"/>
  <c r="F231" i="30"/>
  <c r="F232" i="30"/>
  <c r="F233" i="30"/>
  <c r="F234" i="30"/>
  <c r="F235" i="30"/>
  <c r="F236" i="30"/>
  <c r="F237" i="30"/>
  <c r="F238" i="30"/>
  <c r="F239" i="30"/>
  <c r="F240" i="30"/>
  <c r="F241" i="30"/>
  <c r="F242" i="30"/>
  <c r="F243" i="30"/>
  <c r="F244" i="30"/>
  <c r="F245" i="30"/>
  <c r="F246" i="30"/>
  <c r="F247" i="30"/>
  <c r="F248" i="30"/>
  <c r="F249" i="30"/>
  <c r="F250" i="30"/>
  <c r="F251" i="30"/>
  <c r="F252" i="30"/>
  <c r="F253" i="30"/>
  <c r="F254" i="30"/>
  <c r="F255" i="30"/>
  <c r="F256" i="30"/>
  <c r="F257" i="30"/>
  <c r="F258" i="30"/>
  <c r="F259" i="30"/>
  <c r="F260" i="30"/>
  <c r="F261" i="30"/>
  <c r="F262" i="30"/>
  <c r="F263" i="30"/>
  <c r="F264" i="30"/>
  <c r="F265" i="30"/>
  <c r="F266" i="30"/>
  <c r="F267" i="30"/>
  <c r="F268" i="30"/>
  <c r="F269" i="30"/>
  <c r="F270" i="30"/>
  <c r="F271" i="30"/>
  <c r="F272" i="30"/>
  <c r="F273" i="30"/>
  <c r="F274" i="30"/>
  <c r="F275" i="30"/>
  <c r="F276" i="30"/>
  <c r="F277" i="30"/>
  <c r="F278" i="30"/>
  <c r="F279" i="30"/>
  <c r="F280" i="30"/>
  <c r="F281" i="30"/>
  <c r="F282" i="30"/>
  <c r="F283" i="30"/>
  <c r="F284" i="30"/>
  <c r="F285" i="30"/>
  <c r="F286" i="30"/>
  <c r="F287" i="30"/>
  <c r="F288" i="30"/>
  <c r="F289" i="30"/>
  <c r="F290" i="30"/>
  <c r="F291" i="30"/>
  <c r="F292" i="30"/>
  <c r="F293" i="30"/>
  <c r="F294" i="30"/>
  <c r="F295" i="30"/>
  <c r="F296" i="30"/>
  <c r="F297" i="30"/>
  <c r="F298" i="30"/>
  <c r="F299" i="30"/>
  <c r="F300" i="30"/>
  <c r="F301" i="30"/>
  <c r="F302" i="30"/>
  <c r="F303" i="30"/>
  <c r="F304" i="30"/>
  <c r="F305" i="30"/>
  <c r="F306" i="30"/>
  <c r="F307" i="30"/>
  <c r="F308" i="30"/>
  <c r="F309" i="30"/>
  <c r="F310" i="30"/>
  <c r="F311" i="30"/>
  <c r="F312" i="30"/>
  <c r="F313" i="30"/>
  <c r="F314" i="30"/>
  <c r="F315" i="30"/>
  <c r="F316" i="30"/>
  <c r="F317" i="30"/>
  <c r="F318" i="30"/>
  <c r="F319" i="30"/>
  <c r="F320" i="30"/>
  <c r="F321" i="30"/>
  <c r="F322" i="30"/>
  <c r="F323" i="30"/>
  <c r="F324" i="30"/>
  <c r="F325" i="30"/>
  <c r="F326" i="30"/>
  <c r="F327" i="30"/>
  <c r="F328" i="30"/>
  <c r="F329" i="30"/>
  <c r="F330" i="30"/>
  <c r="F331" i="30"/>
  <c r="F332" i="30"/>
  <c r="F333" i="30"/>
  <c r="F334" i="30"/>
  <c r="F335" i="30"/>
  <c r="F336" i="30"/>
  <c r="F337" i="30"/>
  <c r="F338" i="30"/>
  <c r="F339" i="30"/>
  <c r="F340" i="30"/>
  <c r="F341" i="30"/>
  <c r="F342" i="30"/>
  <c r="F343" i="30"/>
  <c r="F344" i="30"/>
  <c r="F345" i="30"/>
  <c r="F346" i="30"/>
  <c r="F347" i="30"/>
  <c r="F348" i="30"/>
  <c r="F349" i="30"/>
  <c r="F350" i="30"/>
  <c r="F351" i="30"/>
  <c r="F352" i="30"/>
  <c r="F353" i="30"/>
  <c r="F354" i="30"/>
  <c r="F355" i="30"/>
  <c r="F356" i="30"/>
  <c r="F357" i="30"/>
  <c r="F358" i="30"/>
  <c r="F359" i="30"/>
  <c r="F360" i="30"/>
  <c r="F361" i="30"/>
  <c r="F362" i="30"/>
  <c r="F363" i="30"/>
  <c r="F364" i="30"/>
  <c r="F365" i="30"/>
  <c r="F366" i="30"/>
  <c r="F367" i="30"/>
  <c r="F368" i="30"/>
  <c r="F369" i="30"/>
  <c r="F370" i="30"/>
  <c r="F371" i="30"/>
  <c r="F372" i="30"/>
  <c r="F373" i="30"/>
  <c r="F374" i="30"/>
  <c r="F375" i="30"/>
  <c r="F376" i="30"/>
  <c r="F377" i="30"/>
  <c r="F378" i="30"/>
  <c r="F379" i="30"/>
  <c r="F380" i="30"/>
  <c r="F381" i="30"/>
  <c r="F382" i="30"/>
  <c r="F383" i="30"/>
  <c r="F384" i="30"/>
  <c r="F385" i="30"/>
  <c r="F386" i="30"/>
  <c r="F387" i="30"/>
  <c r="F388" i="30"/>
  <c r="F389" i="30"/>
  <c r="F390" i="30"/>
  <c r="F391" i="30"/>
  <c r="F392" i="30"/>
  <c r="F393" i="30"/>
  <c r="F394" i="30"/>
  <c r="F395" i="30"/>
  <c r="F396" i="30"/>
  <c r="F397" i="30"/>
  <c r="F398" i="30"/>
  <c r="F399" i="30"/>
  <c r="F400" i="30"/>
  <c r="F401" i="30"/>
  <c r="F3" i="30"/>
  <c r="E3" i="30"/>
  <c r="E4" i="30"/>
  <c r="E5" i="30"/>
  <c r="E6" i="30"/>
  <c r="E7" i="30"/>
  <c r="E8" i="30"/>
  <c r="E9" i="30"/>
  <c r="E10" i="30"/>
  <c r="E11" i="30"/>
  <c r="E12" i="30"/>
  <c r="E13" i="30"/>
  <c r="E14" i="30"/>
  <c r="E15" i="30"/>
  <c r="E16" i="30"/>
  <c r="E17" i="30"/>
  <c r="E18" i="30"/>
  <c r="E19" i="30"/>
  <c r="E20" i="30"/>
  <c r="E21" i="30"/>
  <c r="E22" i="30"/>
  <c r="E23" i="30"/>
  <c r="E24" i="30"/>
  <c r="E25" i="30"/>
  <c r="E26" i="30"/>
  <c r="E27" i="30"/>
  <c r="E28" i="30"/>
  <c r="E29" i="30"/>
  <c r="E30" i="30"/>
  <c r="E31" i="30"/>
  <c r="E32" i="30"/>
  <c r="E33" i="30"/>
  <c r="E34" i="30"/>
  <c r="E35" i="30"/>
  <c r="E36" i="30"/>
  <c r="E37" i="30"/>
  <c r="E38" i="30"/>
  <c r="E39" i="30"/>
  <c r="E40" i="30"/>
  <c r="E41" i="30"/>
  <c r="E42" i="30"/>
  <c r="E43" i="30"/>
  <c r="E44" i="30"/>
  <c r="E45" i="30"/>
  <c r="E46" i="30"/>
  <c r="E47" i="30"/>
  <c r="E48" i="30"/>
  <c r="E49" i="30"/>
  <c r="E50" i="30"/>
  <c r="E51" i="30"/>
  <c r="E52" i="30"/>
  <c r="E53" i="30"/>
  <c r="E54" i="30"/>
  <c r="E55" i="30"/>
  <c r="E56" i="30"/>
  <c r="E57" i="30"/>
  <c r="E58" i="30"/>
  <c r="E59" i="30"/>
  <c r="E60" i="30"/>
  <c r="E61" i="30"/>
  <c r="E62" i="30"/>
  <c r="E63" i="30"/>
  <c r="E64" i="30"/>
  <c r="E65" i="30"/>
  <c r="E66" i="30"/>
  <c r="E67" i="30"/>
  <c r="E68" i="30"/>
  <c r="E69" i="30"/>
  <c r="E70" i="30"/>
  <c r="E71" i="30"/>
  <c r="E72" i="30"/>
  <c r="E73" i="30"/>
  <c r="E74" i="30"/>
  <c r="E75" i="30"/>
  <c r="E76" i="30"/>
  <c r="E77" i="30"/>
  <c r="E78" i="30"/>
  <c r="E79" i="30"/>
  <c r="E80" i="30"/>
  <c r="E81" i="30"/>
  <c r="E82" i="30"/>
  <c r="E83" i="30"/>
  <c r="E84" i="30"/>
  <c r="E85" i="30"/>
  <c r="E86" i="30"/>
  <c r="E87" i="30"/>
  <c r="E88" i="30"/>
  <c r="E89" i="30"/>
  <c r="E90" i="30"/>
  <c r="E91" i="30"/>
  <c r="E92" i="30"/>
  <c r="E93" i="30"/>
  <c r="E94" i="30"/>
  <c r="E95" i="30"/>
  <c r="E96" i="30"/>
  <c r="E97" i="30"/>
  <c r="E98" i="30"/>
  <c r="E99" i="30"/>
  <c r="E100" i="30"/>
  <c r="E101" i="30"/>
  <c r="E102" i="30"/>
  <c r="E103" i="30"/>
  <c r="E104" i="30"/>
  <c r="E105" i="30"/>
  <c r="E106" i="30"/>
  <c r="E107" i="30"/>
  <c r="E108" i="30"/>
  <c r="E109" i="30"/>
  <c r="E110" i="30"/>
  <c r="E111" i="30"/>
  <c r="E112" i="30"/>
  <c r="E113" i="30"/>
  <c r="E114" i="30"/>
  <c r="E115" i="30"/>
  <c r="E116" i="30"/>
  <c r="E117" i="30"/>
  <c r="E118" i="30"/>
  <c r="E119" i="30"/>
  <c r="E120" i="30"/>
  <c r="E121" i="30"/>
  <c r="E122" i="30"/>
  <c r="E123" i="30"/>
  <c r="E124" i="30"/>
  <c r="E125" i="30"/>
  <c r="E126" i="30"/>
  <c r="E127" i="30"/>
  <c r="E128" i="30"/>
  <c r="E129" i="30"/>
  <c r="E130" i="30"/>
  <c r="E131" i="30"/>
  <c r="E132" i="30"/>
  <c r="E133" i="30"/>
  <c r="E134" i="30"/>
  <c r="E135" i="30"/>
  <c r="E136" i="30"/>
  <c r="E137" i="30"/>
  <c r="E138" i="30"/>
  <c r="E139" i="30"/>
  <c r="E140" i="30"/>
  <c r="E141" i="30"/>
  <c r="E142" i="30"/>
  <c r="E143" i="30"/>
  <c r="E144" i="30"/>
  <c r="E145" i="30"/>
  <c r="E146" i="30"/>
  <c r="E147" i="30"/>
  <c r="E148" i="30"/>
  <c r="E149" i="30"/>
  <c r="E150" i="30"/>
  <c r="E151" i="30"/>
  <c r="E152" i="30"/>
  <c r="E153" i="30"/>
  <c r="E154" i="30"/>
  <c r="E155" i="30"/>
  <c r="E156" i="30"/>
  <c r="E157" i="30"/>
  <c r="E158" i="30"/>
  <c r="E159" i="30"/>
  <c r="E160" i="30"/>
  <c r="E161" i="30"/>
  <c r="E162" i="30"/>
  <c r="E163" i="30"/>
  <c r="E164" i="30"/>
  <c r="E165" i="30"/>
  <c r="E166" i="30"/>
  <c r="E167" i="30"/>
  <c r="E168" i="30"/>
  <c r="E169" i="30"/>
  <c r="E170" i="30"/>
  <c r="E171" i="30"/>
  <c r="E172" i="30"/>
  <c r="E173" i="30"/>
  <c r="E174" i="30"/>
  <c r="E175" i="30"/>
  <c r="E176" i="30"/>
  <c r="E177" i="30"/>
  <c r="E178" i="30"/>
  <c r="E179" i="30"/>
  <c r="E180" i="30"/>
  <c r="E181" i="30"/>
  <c r="E182" i="30"/>
  <c r="E183" i="30"/>
  <c r="E184" i="30"/>
  <c r="E185" i="30"/>
  <c r="E186" i="30"/>
  <c r="E187" i="30"/>
  <c r="E188" i="30"/>
  <c r="E189" i="30"/>
  <c r="E190" i="30"/>
  <c r="E191" i="30"/>
  <c r="E192" i="30"/>
  <c r="E193" i="30"/>
  <c r="E194" i="30"/>
  <c r="E195" i="30"/>
  <c r="E196" i="30"/>
  <c r="E197" i="30"/>
  <c r="E198" i="30"/>
  <c r="E199" i="30"/>
  <c r="E200" i="30"/>
  <c r="E201" i="30"/>
  <c r="E202" i="30"/>
  <c r="E203" i="30"/>
  <c r="E204" i="30"/>
  <c r="E205" i="30"/>
  <c r="E206" i="30"/>
  <c r="E207" i="30"/>
  <c r="E208" i="30"/>
  <c r="E209" i="30"/>
  <c r="E210" i="30"/>
  <c r="E211" i="30"/>
  <c r="E212" i="30"/>
  <c r="E213" i="30"/>
  <c r="E214" i="30"/>
  <c r="E215" i="30"/>
  <c r="E216" i="30"/>
  <c r="E217" i="30"/>
  <c r="E218" i="30"/>
  <c r="E219" i="30"/>
  <c r="E220" i="30"/>
  <c r="E221" i="30"/>
  <c r="E222" i="30"/>
  <c r="E223" i="30"/>
  <c r="E224" i="30"/>
  <c r="E225" i="30"/>
  <c r="E226" i="30"/>
  <c r="E227" i="30"/>
  <c r="E228" i="30"/>
  <c r="E229" i="30"/>
  <c r="E230" i="30"/>
  <c r="E231" i="30"/>
  <c r="E232" i="30"/>
  <c r="E233" i="30"/>
  <c r="E234" i="30"/>
  <c r="E235" i="30"/>
  <c r="E236" i="30"/>
  <c r="E237" i="30"/>
  <c r="E238" i="30"/>
  <c r="E239" i="30"/>
  <c r="E240" i="30"/>
  <c r="E241" i="30"/>
  <c r="E242" i="30"/>
  <c r="E243" i="30"/>
  <c r="E244" i="30"/>
  <c r="E245" i="30"/>
  <c r="E246" i="30"/>
  <c r="E247" i="30"/>
  <c r="E248" i="30"/>
  <c r="E249" i="30"/>
  <c r="E250" i="30"/>
  <c r="E251" i="30"/>
  <c r="E252" i="30"/>
  <c r="E253" i="30"/>
  <c r="E254" i="30"/>
  <c r="E255" i="30"/>
  <c r="E256" i="30"/>
  <c r="E257" i="30"/>
  <c r="E258" i="30"/>
  <c r="E259" i="30"/>
  <c r="E260" i="30"/>
  <c r="E261" i="30"/>
  <c r="E262" i="30"/>
  <c r="E263" i="30"/>
  <c r="E264" i="30"/>
  <c r="E265" i="30"/>
  <c r="E266" i="30"/>
  <c r="E267" i="30"/>
  <c r="E268" i="30"/>
  <c r="E269" i="30"/>
  <c r="E270" i="30"/>
  <c r="E271" i="30"/>
  <c r="E272" i="30"/>
  <c r="E273" i="30"/>
  <c r="E274" i="30"/>
  <c r="E275" i="30"/>
  <c r="E276" i="30"/>
  <c r="E277" i="30"/>
  <c r="E278" i="30"/>
  <c r="E279" i="30"/>
  <c r="E280" i="30"/>
  <c r="E281" i="30"/>
  <c r="E282" i="30"/>
  <c r="E283" i="30"/>
  <c r="E284" i="30"/>
  <c r="E285" i="30"/>
  <c r="E286" i="30"/>
  <c r="E287" i="30"/>
  <c r="E288" i="30"/>
  <c r="E289" i="30"/>
  <c r="E290" i="30"/>
  <c r="E291" i="30"/>
  <c r="E292" i="30"/>
  <c r="E293" i="30"/>
  <c r="E294" i="30"/>
  <c r="E295" i="30"/>
  <c r="E296" i="30"/>
  <c r="E297" i="30"/>
  <c r="E298" i="30"/>
  <c r="E299" i="30"/>
  <c r="E300" i="30"/>
  <c r="E301" i="30"/>
  <c r="E302" i="30"/>
  <c r="E303" i="30"/>
  <c r="E304" i="30"/>
  <c r="E305" i="30"/>
  <c r="E306" i="30"/>
  <c r="E307" i="30"/>
  <c r="E308" i="30"/>
  <c r="E309" i="30"/>
  <c r="E310" i="30"/>
  <c r="E311" i="30"/>
  <c r="E312" i="30"/>
  <c r="E313" i="30"/>
  <c r="E314" i="30"/>
  <c r="E315" i="30"/>
  <c r="E316" i="30"/>
  <c r="E317" i="30"/>
  <c r="E318" i="30"/>
  <c r="E319" i="30"/>
  <c r="E320" i="30"/>
  <c r="E321" i="30"/>
  <c r="E322" i="30"/>
  <c r="E323" i="30"/>
  <c r="E324" i="30"/>
  <c r="E325" i="30"/>
  <c r="E326" i="30"/>
  <c r="E327" i="30"/>
  <c r="E328" i="30"/>
  <c r="E329" i="30"/>
  <c r="E330" i="30"/>
  <c r="E331" i="30"/>
  <c r="E332" i="30"/>
  <c r="E333" i="30"/>
  <c r="E334" i="30"/>
  <c r="E335" i="30"/>
  <c r="E336" i="30"/>
  <c r="E337" i="30"/>
  <c r="E338" i="30"/>
  <c r="E339" i="30"/>
  <c r="E340" i="30"/>
  <c r="E341" i="30"/>
  <c r="E342" i="30"/>
  <c r="E343" i="30"/>
  <c r="E344" i="30"/>
  <c r="E345" i="30"/>
  <c r="E346" i="30"/>
  <c r="E347" i="30"/>
  <c r="E348" i="30"/>
  <c r="E349" i="30"/>
  <c r="E350" i="30"/>
  <c r="E351" i="30"/>
  <c r="E352" i="30"/>
  <c r="E353" i="30"/>
  <c r="E354" i="30"/>
  <c r="E355" i="30"/>
  <c r="E356" i="30"/>
  <c r="E357" i="30"/>
  <c r="E358" i="30"/>
  <c r="E359" i="30"/>
  <c r="E360" i="30"/>
  <c r="E361" i="30"/>
  <c r="E362" i="30"/>
  <c r="E363" i="30"/>
  <c r="E364" i="30"/>
  <c r="E365" i="30"/>
  <c r="E366" i="30"/>
  <c r="E367" i="30"/>
  <c r="E368" i="30"/>
  <c r="E369" i="30"/>
  <c r="E370" i="30"/>
  <c r="E371" i="30"/>
  <c r="E372" i="30"/>
  <c r="E373" i="30"/>
  <c r="E374" i="30"/>
  <c r="E375" i="30"/>
  <c r="E376" i="30"/>
  <c r="E377" i="30"/>
  <c r="E378" i="30"/>
  <c r="E379" i="30"/>
  <c r="E380" i="30"/>
  <c r="E381" i="30"/>
  <c r="E382" i="30"/>
  <c r="E383" i="30"/>
  <c r="E384" i="30"/>
  <c r="E385" i="30"/>
  <c r="E386" i="30"/>
  <c r="E387" i="30"/>
  <c r="E388" i="30"/>
  <c r="E389" i="30"/>
  <c r="E390" i="30"/>
  <c r="E391" i="30"/>
  <c r="E392" i="30"/>
  <c r="E393" i="30"/>
  <c r="E394" i="30"/>
  <c r="E395" i="30"/>
  <c r="E396" i="30"/>
  <c r="E397" i="30"/>
  <c r="E398" i="30"/>
  <c r="E399" i="30"/>
  <c r="E400" i="30"/>
  <c r="E401" i="30"/>
  <c r="E2" i="30"/>
  <c r="D3" i="30"/>
  <c r="D4" i="30"/>
  <c r="D5" i="30"/>
  <c r="D6" i="30"/>
  <c r="D7" i="30"/>
  <c r="D8" i="30"/>
  <c r="D9" i="30"/>
  <c r="D10" i="30"/>
  <c r="D11" i="30"/>
  <c r="D12" i="30"/>
  <c r="D13" i="30"/>
  <c r="D14" i="30"/>
  <c r="D15" i="30"/>
  <c r="D16" i="30"/>
  <c r="D17" i="30"/>
  <c r="D18" i="30"/>
  <c r="D19" i="30"/>
  <c r="D20" i="30"/>
  <c r="D21" i="30"/>
  <c r="D22" i="30"/>
  <c r="D23" i="30"/>
  <c r="D24" i="30"/>
  <c r="D25" i="30"/>
  <c r="D26" i="30"/>
  <c r="D27" i="30"/>
  <c r="D28" i="30"/>
  <c r="D29" i="30"/>
  <c r="D30" i="30"/>
  <c r="D31" i="30"/>
  <c r="D32" i="30"/>
  <c r="D33" i="30"/>
  <c r="D34" i="30"/>
  <c r="D35" i="30"/>
  <c r="D36" i="30"/>
  <c r="D37" i="30"/>
  <c r="D38" i="30"/>
  <c r="D39" i="30"/>
  <c r="D40" i="30"/>
  <c r="D41" i="30"/>
  <c r="D42" i="30"/>
  <c r="D43" i="30"/>
  <c r="D44" i="30"/>
  <c r="D45" i="30"/>
  <c r="D46" i="30"/>
  <c r="D47" i="30"/>
  <c r="D48" i="30"/>
  <c r="D49" i="30"/>
  <c r="D50" i="30"/>
  <c r="D51" i="30"/>
  <c r="D52" i="30"/>
  <c r="D53" i="30"/>
  <c r="D54" i="30"/>
  <c r="D55" i="30"/>
  <c r="D56" i="30"/>
  <c r="D57" i="30"/>
  <c r="D58" i="30"/>
  <c r="D59" i="30"/>
  <c r="D60" i="30"/>
  <c r="D61" i="30"/>
  <c r="D62" i="30"/>
  <c r="D63" i="30"/>
  <c r="D64" i="30"/>
  <c r="D65" i="30"/>
  <c r="D66" i="30"/>
  <c r="D67" i="30"/>
  <c r="D68" i="30"/>
  <c r="D69" i="30"/>
  <c r="D70" i="30"/>
  <c r="D71" i="30"/>
  <c r="D72" i="30"/>
  <c r="D73" i="30"/>
  <c r="D74" i="30"/>
  <c r="D75" i="30"/>
  <c r="D76" i="30"/>
  <c r="D77" i="30"/>
  <c r="D78" i="30"/>
  <c r="D79" i="30"/>
  <c r="D80" i="30"/>
  <c r="D81" i="30"/>
  <c r="D82" i="30"/>
  <c r="D83" i="30"/>
  <c r="D84" i="30"/>
  <c r="D85" i="30"/>
  <c r="D86" i="30"/>
  <c r="D87" i="30"/>
  <c r="D88" i="30"/>
  <c r="D89" i="30"/>
  <c r="D90" i="30"/>
  <c r="D91" i="30"/>
  <c r="D92" i="30"/>
  <c r="D93" i="30"/>
  <c r="D94" i="30"/>
  <c r="D95" i="30"/>
  <c r="D96" i="30"/>
  <c r="D97" i="30"/>
  <c r="D98" i="30"/>
  <c r="D99" i="30"/>
  <c r="D100" i="30"/>
  <c r="D101" i="30"/>
  <c r="D102" i="30"/>
  <c r="D103" i="30"/>
  <c r="D104" i="30"/>
  <c r="D105" i="30"/>
  <c r="D106" i="30"/>
  <c r="D107" i="30"/>
  <c r="D108" i="30"/>
  <c r="D109" i="30"/>
  <c r="D110" i="30"/>
  <c r="D111" i="30"/>
  <c r="D112" i="30"/>
  <c r="D113" i="30"/>
  <c r="D114" i="30"/>
  <c r="D115" i="30"/>
  <c r="D116" i="30"/>
  <c r="D117" i="30"/>
  <c r="D118" i="30"/>
  <c r="D119" i="30"/>
  <c r="D120" i="30"/>
  <c r="D121" i="30"/>
  <c r="D122" i="30"/>
  <c r="D123" i="30"/>
  <c r="D124" i="30"/>
  <c r="D125" i="30"/>
  <c r="D126" i="30"/>
  <c r="D127" i="30"/>
  <c r="D128" i="30"/>
  <c r="D129" i="30"/>
  <c r="D130" i="30"/>
  <c r="D131" i="30"/>
  <c r="D132" i="30"/>
  <c r="D133" i="30"/>
  <c r="D134" i="30"/>
  <c r="D135" i="30"/>
  <c r="D136" i="30"/>
  <c r="D137" i="30"/>
  <c r="D138" i="30"/>
  <c r="D139" i="30"/>
  <c r="D140" i="30"/>
  <c r="D141" i="30"/>
  <c r="D142" i="30"/>
  <c r="D143" i="30"/>
  <c r="D144" i="30"/>
  <c r="D145" i="30"/>
  <c r="D146" i="30"/>
  <c r="D147" i="30"/>
  <c r="D148" i="30"/>
  <c r="D149" i="30"/>
  <c r="D150" i="30"/>
  <c r="D151" i="30"/>
  <c r="D152" i="30"/>
  <c r="D153" i="30"/>
  <c r="D154" i="30"/>
  <c r="D155" i="30"/>
  <c r="D156" i="30"/>
  <c r="D157" i="30"/>
  <c r="D158" i="30"/>
  <c r="D159" i="30"/>
  <c r="D160" i="30"/>
  <c r="D161" i="30"/>
  <c r="D162" i="30"/>
  <c r="D163" i="30"/>
  <c r="D164" i="30"/>
  <c r="D165" i="30"/>
  <c r="D166" i="30"/>
  <c r="D167" i="30"/>
  <c r="D168" i="30"/>
  <c r="D169" i="30"/>
  <c r="D170" i="30"/>
  <c r="D171" i="30"/>
  <c r="D172" i="30"/>
  <c r="D173" i="30"/>
  <c r="D174" i="30"/>
  <c r="D175" i="30"/>
  <c r="D176" i="30"/>
  <c r="D177" i="30"/>
  <c r="D178" i="30"/>
  <c r="D179" i="30"/>
  <c r="D180" i="30"/>
  <c r="D181" i="30"/>
  <c r="D182" i="30"/>
  <c r="D183" i="30"/>
  <c r="D184" i="30"/>
  <c r="D185" i="30"/>
  <c r="D186" i="30"/>
  <c r="D187" i="30"/>
  <c r="D188" i="30"/>
  <c r="D189" i="30"/>
  <c r="D190" i="30"/>
  <c r="D191" i="30"/>
  <c r="D192" i="30"/>
  <c r="D193" i="30"/>
  <c r="D194" i="30"/>
  <c r="D195" i="30"/>
  <c r="D196" i="30"/>
  <c r="D197" i="30"/>
  <c r="D198" i="30"/>
  <c r="D199" i="30"/>
  <c r="D200" i="30"/>
  <c r="D201" i="30"/>
  <c r="D202" i="30"/>
  <c r="D203" i="30"/>
  <c r="D204" i="30"/>
  <c r="D205" i="30"/>
  <c r="D206" i="30"/>
  <c r="D207" i="30"/>
  <c r="D208" i="30"/>
  <c r="D209" i="30"/>
  <c r="D210" i="30"/>
  <c r="D211" i="30"/>
  <c r="D212" i="30"/>
  <c r="D213" i="30"/>
  <c r="D214" i="30"/>
  <c r="D215" i="30"/>
  <c r="D216" i="30"/>
  <c r="D217" i="30"/>
  <c r="D218" i="30"/>
  <c r="D219" i="30"/>
  <c r="D220" i="30"/>
  <c r="D221" i="30"/>
  <c r="D222" i="30"/>
  <c r="D223" i="30"/>
  <c r="D224" i="30"/>
  <c r="D225" i="30"/>
  <c r="D226" i="30"/>
  <c r="D227" i="30"/>
  <c r="D228" i="30"/>
  <c r="D229" i="30"/>
  <c r="D230" i="30"/>
  <c r="D231" i="30"/>
  <c r="D232" i="30"/>
  <c r="D233" i="30"/>
  <c r="D234" i="30"/>
  <c r="D235" i="30"/>
  <c r="D236" i="30"/>
  <c r="D237" i="30"/>
  <c r="D238" i="30"/>
  <c r="D239" i="30"/>
  <c r="D240" i="30"/>
  <c r="D241" i="30"/>
  <c r="D242" i="30"/>
  <c r="D243" i="30"/>
  <c r="D244" i="30"/>
  <c r="D245" i="30"/>
  <c r="D246" i="30"/>
  <c r="D247" i="30"/>
  <c r="D248" i="30"/>
  <c r="D249" i="30"/>
  <c r="D250" i="30"/>
  <c r="D251" i="30"/>
  <c r="D252" i="30"/>
  <c r="D253" i="30"/>
  <c r="D254" i="30"/>
  <c r="D255" i="30"/>
  <c r="D256" i="30"/>
  <c r="D257" i="30"/>
  <c r="D258" i="30"/>
  <c r="D259" i="30"/>
  <c r="D260" i="30"/>
  <c r="D261" i="30"/>
  <c r="D262" i="30"/>
  <c r="D263" i="30"/>
  <c r="D264" i="30"/>
  <c r="D265" i="30"/>
  <c r="D266" i="30"/>
  <c r="D267" i="30"/>
  <c r="D268" i="30"/>
  <c r="D269" i="30"/>
  <c r="D270" i="30"/>
  <c r="D271" i="30"/>
  <c r="D272" i="30"/>
  <c r="D273" i="30"/>
  <c r="D274" i="30"/>
  <c r="D275" i="30"/>
  <c r="D276" i="30"/>
  <c r="D277" i="30"/>
  <c r="D278" i="30"/>
  <c r="D279" i="30"/>
  <c r="D280" i="30"/>
  <c r="D281" i="30"/>
  <c r="D282" i="30"/>
  <c r="D283" i="30"/>
  <c r="D284" i="30"/>
  <c r="D285" i="30"/>
  <c r="D286" i="30"/>
  <c r="D287" i="30"/>
  <c r="D288" i="30"/>
  <c r="D289" i="30"/>
  <c r="D290" i="30"/>
  <c r="D291" i="30"/>
  <c r="D292" i="30"/>
  <c r="D293" i="30"/>
  <c r="D294" i="30"/>
  <c r="D295" i="30"/>
  <c r="D296" i="30"/>
  <c r="D297" i="30"/>
  <c r="D298" i="30"/>
  <c r="D299" i="30"/>
  <c r="D300" i="30"/>
  <c r="D301" i="30"/>
  <c r="D302" i="30"/>
  <c r="D303" i="30"/>
  <c r="D304" i="30"/>
  <c r="D305" i="30"/>
  <c r="D306" i="30"/>
  <c r="D307" i="30"/>
  <c r="D308" i="30"/>
  <c r="D309" i="30"/>
  <c r="D310" i="30"/>
  <c r="D311" i="30"/>
  <c r="D312" i="30"/>
  <c r="D313" i="30"/>
  <c r="D314" i="30"/>
  <c r="D315" i="30"/>
  <c r="D316" i="30"/>
  <c r="D317" i="30"/>
  <c r="D318" i="30"/>
  <c r="D319" i="30"/>
  <c r="D320" i="30"/>
  <c r="D321" i="30"/>
  <c r="D322" i="30"/>
  <c r="D323" i="30"/>
  <c r="D324" i="30"/>
  <c r="D325" i="30"/>
  <c r="D326" i="30"/>
  <c r="D327" i="30"/>
  <c r="D328" i="30"/>
  <c r="D329" i="30"/>
  <c r="D330" i="30"/>
  <c r="D331" i="30"/>
  <c r="D332" i="30"/>
  <c r="D333" i="30"/>
  <c r="D334" i="30"/>
  <c r="D335" i="30"/>
  <c r="D336" i="30"/>
  <c r="D337" i="30"/>
  <c r="D338" i="30"/>
  <c r="D339" i="30"/>
  <c r="D340" i="30"/>
  <c r="D341" i="30"/>
  <c r="D342" i="30"/>
  <c r="D343" i="30"/>
  <c r="D344" i="30"/>
  <c r="D345" i="30"/>
  <c r="D346" i="30"/>
  <c r="D347" i="30"/>
  <c r="D348" i="30"/>
  <c r="D349" i="30"/>
  <c r="D350" i="30"/>
  <c r="D351" i="30"/>
  <c r="D352" i="30"/>
  <c r="D353" i="30"/>
  <c r="D354" i="30"/>
  <c r="D355" i="30"/>
  <c r="D356" i="30"/>
  <c r="D357" i="30"/>
  <c r="D358" i="30"/>
  <c r="D359" i="30"/>
  <c r="D360" i="30"/>
  <c r="D361" i="30"/>
  <c r="D362" i="30"/>
  <c r="D363" i="30"/>
  <c r="D364" i="30"/>
  <c r="D365" i="30"/>
  <c r="D366" i="30"/>
  <c r="D367" i="30"/>
  <c r="D368" i="30"/>
  <c r="D369" i="30"/>
  <c r="D370" i="30"/>
  <c r="D371" i="30"/>
  <c r="D372" i="30"/>
  <c r="D373" i="30"/>
  <c r="D374" i="30"/>
  <c r="D375" i="30"/>
  <c r="D376" i="30"/>
  <c r="D377" i="30"/>
  <c r="D378" i="30"/>
  <c r="D379" i="30"/>
  <c r="D380" i="30"/>
  <c r="D381" i="30"/>
  <c r="D382" i="30"/>
  <c r="D383" i="30"/>
  <c r="D384" i="30"/>
  <c r="D385" i="30"/>
  <c r="D386" i="30"/>
  <c r="D387" i="30"/>
  <c r="D388" i="30"/>
  <c r="D389" i="30"/>
  <c r="D390" i="30"/>
  <c r="D391" i="30"/>
  <c r="D392" i="30"/>
  <c r="D393" i="30"/>
  <c r="D394" i="30"/>
  <c r="D395" i="30"/>
  <c r="D396" i="30"/>
  <c r="D397" i="30"/>
  <c r="D398" i="30"/>
  <c r="D399" i="30"/>
  <c r="D400" i="30"/>
  <c r="D401" i="30"/>
  <c r="D2" i="30"/>
  <c r="F3" i="27" l="1"/>
  <c r="F4" i="27"/>
  <c r="F5" i="27"/>
  <c r="F6" i="27"/>
  <c r="F7" i="27"/>
  <c r="F8" i="27"/>
  <c r="F9" i="27"/>
  <c r="F10" i="27"/>
  <c r="F11" i="27"/>
  <c r="F12" i="27"/>
  <c r="F13" i="27"/>
  <c r="F14" i="27"/>
  <c r="F15" i="27"/>
  <c r="F16" i="27"/>
  <c r="F17" i="27"/>
  <c r="F18" i="27"/>
  <c r="F19" i="27"/>
  <c r="F20" i="27"/>
  <c r="F21" i="27"/>
  <c r="F22" i="27"/>
  <c r="F23" i="27"/>
  <c r="F24" i="27"/>
  <c r="F25" i="27"/>
  <c r="F26" i="27"/>
  <c r="F27" i="27"/>
  <c r="F28" i="27"/>
  <c r="F29" i="27"/>
  <c r="F30" i="27"/>
  <c r="F31" i="27"/>
  <c r="F32" i="27"/>
  <c r="F33" i="27"/>
  <c r="F34" i="27"/>
  <c r="F35" i="27"/>
  <c r="F36" i="27"/>
  <c r="F37" i="27"/>
  <c r="F38" i="27"/>
  <c r="F39" i="27"/>
  <c r="F40" i="27"/>
  <c r="F41" i="27"/>
  <c r="F42" i="27"/>
  <c r="F43" i="27"/>
  <c r="F44" i="27"/>
  <c r="F45" i="27"/>
  <c r="F46" i="27"/>
  <c r="F47" i="27"/>
  <c r="F48" i="27"/>
  <c r="F49" i="27"/>
  <c r="F50" i="27"/>
  <c r="F51" i="27"/>
  <c r="F52" i="27"/>
  <c r="F53" i="27"/>
  <c r="F54" i="27"/>
  <c r="F55" i="27"/>
  <c r="F56" i="27"/>
  <c r="F57" i="27"/>
  <c r="F58" i="27"/>
  <c r="F59" i="27"/>
  <c r="F60" i="27"/>
  <c r="F61" i="27"/>
  <c r="F62" i="27"/>
  <c r="F63" i="27"/>
  <c r="F64" i="27"/>
  <c r="F65" i="27"/>
  <c r="F66" i="27"/>
  <c r="F67" i="27"/>
  <c r="F68" i="27"/>
  <c r="F69" i="27"/>
  <c r="F70" i="27"/>
  <c r="F71" i="27"/>
  <c r="F72" i="27"/>
  <c r="F73" i="27"/>
  <c r="F74" i="27"/>
  <c r="F75" i="27"/>
  <c r="F76" i="27"/>
  <c r="F77" i="27"/>
  <c r="F78" i="27"/>
  <c r="F79" i="27"/>
  <c r="F80" i="27"/>
  <c r="F81" i="27"/>
  <c r="F82" i="27"/>
  <c r="F83" i="27"/>
  <c r="F84" i="27"/>
  <c r="F85" i="27"/>
  <c r="F86" i="27"/>
  <c r="F87" i="27"/>
  <c r="F88" i="27"/>
  <c r="F89" i="27"/>
  <c r="F90" i="27"/>
  <c r="F91" i="27"/>
  <c r="F92" i="27"/>
  <c r="F93" i="27"/>
  <c r="F94" i="27"/>
  <c r="F95" i="27"/>
  <c r="F96" i="27"/>
  <c r="F97" i="27"/>
  <c r="F98" i="27"/>
  <c r="F99" i="27"/>
  <c r="F100" i="27"/>
  <c r="F101" i="27"/>
  <c r="F102" i="27"/>
  <c r="F103" i="27"/>
  <c r="F104" i="27"/>
  <c r="F105" i="27"/>
  <c r="F106" i="27"/>
  <c r="F107" i="27"/>
  <c r="F108" i="27"/>
  <c r="F109" i="27"/>
  <c r="F110" i="27"/>
  <c r="F111" i="27"/>
  <c r="F112" i="27"/>
  <c r="F113" i="27"/>
  <c r="F114" i="27"/>
  <c r="F115" i="27"/>
  <c r="F116" i="27"/>
  <c r="F117" i="27"/>
  <c r="F118" i="27"/>
  <c r="F119" i="27"/>
  <c r="F120" i="27"/>
  <c r="F121" i="27"/>
  <c r="F122" i="27"/>
  <c r="F123" i="27"/>
  <c r="F124" i="27"/>
  <c r="F125" i="27"/>
  <c r="F126" i="27"/>
  <c r="F127" i="27"/>
  <c r="F128" i="27"/>
  <c r="F129" i="27"/>
  <c r="F130" i="27"/>
  <c r="F131" i="27"/>
  <c r="F132" i="27"/>
  <c r="F133" i="27"/>
  <c r="F134" i="27"/>
  <c r="F135" i="27"/>
  <c r="F136" i="27"/>
  <c r="F137" i="27"/>
  <c r="F138" i="27"/>
  <c r="F139" i="27"/>
  <c r="F140" i="27"/>
  <c r="F141" i="27"/>
  <c r="F142" i="27"/>
  <c r="F143" i="27"/>
  <c r="F144" i="27"/>
  <c r="F145" i="27"/>
  <c r="F146" i="27"/>
  <c r="F147" i="27"/>
  <c r="F148" i="27"/>
  <c r="F149" i="27"/>
  <c r="F150" i="27"/>
  <c r="F151" i="27"/>
  <c r="F152" i="27"/>
  <c r="F153" i="27"/>
  <c r="F154" i="27"/>
  <c r="F155" i="27"/>
  <c r="F156" i="27"/>
  <c r="F157" i="27"/>
  <c r="F158" i="27"/>
  <c r="F159" i="27"/>
  <c r="F160" i="27"/>
  <c r="F161" i="27"/>
  <c r="F162" i="27"/>
  <c r="F163" i="27"/>
  <c r="F164" i="27"/>
  <c r="F165" i="27"/>
  <c r="F166" i="27"/>
  <c r="F167" i="27"/>
  <c r="F168" i="27"/>
  <c r="F169" i="27"/>
  <c r="F170" i="27"/>
  <c r="F171" i="27"/>
  <c r="F172" i="27"/>
  <c r="F173" i="27"/>
  <c r="F174" i="27"/>
  <c r="F175" i="27"/>
  <c r="F176" i="27"/>
  <c r="F177" i="27"/>
  <c r="F178" i="27"/>
  <c r="F179" i="27"/>
  <c r="F180" i="27"/>
  <c r="F181" i="27"/>
  <c r="F182" i="27"/>
  <c r="F183" i="27"/>
  <c r="F184" i="27"/>
  <c r="F185" i="27"/>
  <c r="F186" i="27"/>
  <c r="F187" i="27"/>
  <c r="F188" i="27"/>
  <c r="F189" i="27"/>
  <c r="F190" i="27"/>
  <c r="F191" i="27"/>
  <c r="F192" i="27"/>
  <c r="F193" i="27"/>
  <c r="F194" i="27"/>
  <c r="F195" i="27"/>
  <c r="F196" i="27"/>
  <c r="F197" i="27"/>
  <c r="F198" i="27"/>
  <c r="F199" i="27"/>
  <c r="F200" i="27"/>
  <c r="F201" i="27"/>
  <c r="F202" i="27"/>
  <c r="F203" i="27"/>
  <c r="F204" i="27"/>
  <c r="F205" i="27"/>
  <c r="F206" i="27"/>
  <c r="F207" i="27"/>
  <c r="F208" i="27"/>
  <c r="F209" i="27"/>
  <c r="F210" i="27"/>
  <c r="F211" i="27"/>
  <c r="F212" i="27"/>
  <c r="F213" i="27"/>
  <c r="F214" i="27"/>
  <c r="F215" i="27"/>
  <c r="F216" i="27"/>
  <c r="F217" i="27"/>
  <c r="F218" i="27"/>
  <c r="F219" i="27"/>
  <c r="F220" i="27"/>
  <c r="F221" i="27"/>
  <c r="F222" i="27"/>
  <c r="F223" i="27"/>
  <c r="F224" i="27"/>
  <c r="F225" i="27"/>
  <c r="F226" i="27"/>
  <c r="F227" i="27"/>
  <c r="F228" i="27"/>
  <c r="F229" i="27"/>
  <c r="F230" i="27"/>
  <c r="F231" i="27"/>
  <c r="F232" i="27"/>
  <c r="F233" i="27"/>
  <c r="F234" i="27"/>
  <c r="F235" i="27"/>
  <c r="F236" i="27"/>
  <c r="F237" i="27"/>
  <c r="F238" i="27"/>
  <c r="F239" i="27"/>
  <c r="F240" i="27"/>
  <c r="F241" i="27"/>
  <c r="F242" i="27"/>
  <c r="F243" i="27"/>
  <c r="F244" i="27"/>
  <c r="F245" i="27"/>
  <c r="F246" i="27"/>
  <c r="F247" i="27"/>
  <c r="F248" i="27"/>
  <c r="F249" i="27"/>
  <c r="F250" i="27"/>
  <c r="F251" i="27"/>
  <c r="F252" i="27"/>
  <c r="F253" i="27"/>
  <c r="F254" i="27"/>
  <c r="F255" i="27"/>
  <c r="F256" i="27"/>
  <c r="F257" i="27"/>
  <c r="F258" i="27"/>
  <c r="F259" i="27"/>
  <c r="F260" i="27"/>
  <c r="F261" i="27"/>
  <c r="F262" i="27"/>
  <c r="F263" i="27"/>
  <c r="F264" i="27"/>
  <c r="F265" i="27"/>
  <c r="F266" i="27"/>
  <c r="F267" i="27"/>
  <c r="F268" i="27"/>
  <c r="F269" i="27"/>
  <c r="F270" i="27"/>
  <c r="F271" i="27"/>
  <c r="F272" i="27"/>
  <c r="F273" i="27"/>
  <c r="F274" i="27"/>
  <c r="F275" i="27"/>
  <c r="F276" i="27"/>
  <c r="F277" i="27"/>
  <c r="F278" i="27"/>
  <c r="F279" i="27"/>
  <c r="F280" i="27"/>
  <c r="F281" i="27"/>
  <c r="F282" i="27"/>
  <c r="F283" i="27"/>
  <c r="F284" i="27"/>
  <c r="F285" i="27"/>
  <c r="F286" i="27"/>
  <c r="F287" i="27"/>
  <c r="F288" i="27"/>
  <c r="F289" i="27"/>
  <c r="F290" i="27"/>
  <c r="F291" i="27"/>
  <c r="F292" i="27"/>
  <c r="F293" i="27"/>
  <c r="F294" i="27"/>
  <c r="F295" i="27"/>
  <c r="F296" i="27"/>
  <c r="F297" i="27"/>
  <c r="F298" i="27"/>
  <c r="F299" i="27"/>
  <c r="F300" i="27"/>
  <c r="F301" i="27"/>
  <c r="F302" i="27"/>
  <c r="F303" i="27"/>
  <c r="F304" i="27"/>
  <c r="F305" i="27"/>
  <c r="F306" i="27"/>
  <c r="F307" i="27"/>
  <c r="F308" i="27"/>
  <c r="F309" i="27"/>
  <c r="F310" i="27"/>
  <c r="F311" i="27"/>
  <c r="F312" i="27"/>
  <c r="F313" i="27"/>
  <c r="F314" i="27"/>
  <c r="F315" i="27"/>
  <c r="F316" i="27"/>
  <c r="F317" i="27"/>
  <c r="F318" i="27"/>
  <c r="F319" i="27"/>
  <c r="F320" i="27"/>
  <c r="F321" i="27"/>
  <c r="F322" i="27"/>
  <c r="F323" i="27"/>
  <c r="F324" i="27"/>
  <c r="F325" i="27"/>
  <c r="F326" i="27"/>
  <c r="F327" i="27"/>
  <c r="F328" i="27"/>
  <c r="F329" i="27"/>
  <c r="F330" i="27"/>
  <c r="F331" i="27"/>
  <c r="F332" i="27"/>
  <c r="F333" i="27"/>
  <c r="F334" i="27"/>
  <c r="F335" i="27"/>
  <c r="F336" i="27"/>
  <c r="F337" i="27"/>
  <c r="F338" i="27"/>
  <c r="F339" i="27"/>
  <c r="F340" i="27"/>
  <c r="F341" i="27"/>
  <c r="F342" i="27"/>
  <c r="F343" i="27"/>
  <c r="F344" i="27"/>
  <c r="F345" i="27"/>
  <c r="F346" i="27"/>
  <c r="F347" i="27"/>
  <c r="F348" i="27"/>
  <c r="F349" i="27"/>
  <c r="F350" i="27"/>
  <c r="F351" i="27"/>
  <c r="F352" i="27"/>
  <c r="F353" i="27"/>
  <c r="F354" i="27"/>
  <c r="F355" i="27"/>
  <c r="F356" i="27"/>
  <c r="F357" i="27"/>
  <c r="F358" i="27"/>
  <c r="F359" i="27"/>
  <c r="F360" i="27"/>
  <c r="F361" i="27"/>
  <c r="F362" i="27"/>
  <c r="F363" i="27"/>
  <c r="F364" i="27"/>
  <c r="F365" i="27"/>
  <c r="F366" i="27"/>
  <c r="F367" i="27"/>
  <c r="F368" i="27"/>
  <c r="F369" i="27"/>
  <c r="F370" i="27"/>
  <c r="F371" i="27"/>
  <c r="F372" i="27"/>
  <c r="F373" i="27"/>
  <c r="F374" i="27"/>
  <c r="F375" i="27"/>
  <c r="F376" i="27"/>
  <c r="F3" i="24"/>
  <c r="F4" i="24"/>
  <c r="F5" i="24"/>
  <c r="F6" i="24"/>
  <c r="F7" i="24"/>
  <c r="F8" i="24"/>
  <c r="F9" i="24"/>
  <c r="F10" i="24"/>
  <c r="F11" i="24"/>
  <c r="F12" i="24"/>
  <c r="F13" i="24"/>
  <c r="F14" i="24"/>
  <c r="F15" i="24"/>
  <c r="F16" i="24"/>
  <c r="F17" i="24"/>
  <c r="F18" i="24"/>
  <c r="F19" i="24"/>
  <c r="F20" i="24"/>
  <c r="F21" i="24"/>
  <c r="F22" i="24"/>
  <c r="F23" i="24"/>
  <c r="F24" i="24"/>
  <c r="F25" i="24"/>
  <c r="F26" i="24"/>
  <c r="F27" i="24"/>
  <c r="F28" i="24"/>
  <c r="F29" i="24"/>
  <c r="F30" i="24"/>
  <c r="F31" i="24"/>
  <c r="F32" i="24"/>
  <c r="F33" i="24"/>
  <c r="F34" i="24"/>
  <c r="F35" i="24"/>
  <c r="F36" i="24"/>
  <c r="F37" i="24"/>
  <c r="F38" i="24"/>
  <c r="F39" i="24"/>
  <c r="F40" i="24"/>
  <c r="F41" i="24"/>
  <c r="F42" i="24"/>
  <c r="F43" i="24"/>
  <c r="F44" i="24"/>
  <c r="F45" i="24"/>
  <c r="F46" i="24"/>
  <c r="F47" i="24"/>
  <c r="F48" i="24"/>
  <c r="F49" i="24"/>
  <c r="F50" i="24"/>
  <c r="F51" i="24"/>
  <c r="F52" i="24"/>
  <c r="F53" i="24"/>
  <c r="F54" i="24"/>
  <c r="F55" i="24"/>
  <c r="F56" i="24"/>
  <c r="F57" i="24"/>
  <c r="F58" i="24"/>
  <c r="F59" i="24"/>
  <c r="F60" i="24"/>
  <c r="F61" i="24"/>
  <c r="F62" i="24"/>
  <c r="F63" i="24"/>
  <c r="F64" i="24"/>
  <c r="F65" i="24"/>
  <c r="F66" i="24"/>
  <c r="F67" i="24"/>
  <c r="F68" i="24"/>
  <c r="F69" i="24"/>
  <c r="F70" i="24"/>
  <c r="F71" i="24"/>
  <c r="F72" i="24"/>
  <c r="F73" i="24"/>
  <c r="F74" i="24"/>
  <c r="F75" i="24"/>
  <c r="F76" i="24"/>
  <c r="F77" i="24"/>
  <c r="F78" i="24"/>
  <c r="F79" i="24"/>
  <c r="F80" i="24"/>
  <c r="F81" i="24"/>
  <c r="F82" i="24"/>
  <c r="F83" i="24"/>
  <c r="F84" i="24"/>
  <c r="F85" i="24"/>
  <c r="F86" i="24"/>
  <c r="F87" i="24"/>
  <c r="F88" i="24"/>
  <c r="F89" i="24"/>
  <c r="F90" i="24"/>
  <c r="F91" i="24"/>
  <c r="F92" i="24"/>
  <c r="F93" i="24"/>
  <c r="F94" i="24"/>
  <c r="F95" i="24"/>
  <c r="F96" i="24"/>
  <c r="F97" i="24"/>
  <c r="F98" i="24"/>
  <c r="F99" i="24"/>
  <c r="F100" i="24"/>
  <c r="F101" i="24"/>
  <c r="F102" i="24"/>
  <c r="F103" i="24"/>
  <c r="F104" i="24"/>
  <c r="F105" i="24"/>
  <c r="F106" i="24"/>
  <c r="F107" i="24"/>
  <c r="F108" i="24"/>
  <c r="F109" i="24"/>
  <c r="F110" i="24"/>
  <c r="F111" i="24"/>
  <c r="F112" i="24"/>
  <c r="F113" i="24"/>
  <c r="F114" i="24"/>
  <c r="F115" i="24"/>
  <c r="F116" i="24"/>
  <c r="F117" i="24"/>
  <c r="F118" i="24"/>
  <c r="F119" i="24"/>
  <c r="F120" i="24"/>
  <c r="F121" i="24"/>
  <c r="F122" i="24"/>
  <c r="F123" i="24"/>
  <c r="F124" i="24"/>
  <c r="F125" i="24"/>
  <c r="F126" i="24"/>
  <c r="F127" i="24"/>
  <c r="F128" i="24"/>
  <c r="F129" i="24"/>
  <c r="F130" i="24"/>
  <c r="F131" i="24"/>
  <c r="F132" i="24"/>
  <c r="F133" i="24"/>
  <c r="F134" i="24"/>
  <c r="F135" i="24"/>
  <c r="F136" i="24"/>
  <c r="F137" i="24"/>
  <c r="F138" i="24"/>
  <c r="F139" i="24"/>
  <c r="F140" i="24"/>
  <c r="F141" i="24"/>
  <c r="F142" i="24"/>
  <c r="F143" i="24"/>
  <c r="F144" i="24"/>
  <c r="F145" i="24"/>
  <c r="F146" i="24"/>
  <c r="F147" i="24"/>
  <c r="F148" i="24"/>
  <c r="F149" i="24"/>
  <c r="F150" i="24"/>
  <c r="F151" i="24"/>
  <c r="F152" i="24"/>
  <c r="F153" i="24"/>
  <c r="F154" i="24"/>
  <c r="F155" i="24"/>
  <c r="F156" i="24"/>
  <c r="F157" i="24"/>
  <c r="F158" i="24"/>
  <c r="F159" i="24"/>
  <c r="F160" i="24"/>
  <c r="F161" i="24"/>
  <c r="F162" i="24"/>
  <c r="F163" i="24"/>
  <c r="F164" i="24"/>
  <c r="F165" i="24"/>
  <c r="F166" i="24"/>
  <c r="F167" i="24"/>
  <c r="F168" i="24"/>
  <c r="F169" i="24"/>
  <c r="F170" i="24"/>
  <c r="F171" i="24"/>
  <c r="F172" i="24"/>
  <c r="F173" i="24"/>
  <c r="F174" i="24"/>
  <c r="F175" i="24"/>
  <c r="F176" i="24"/>
  <c r="F177" i="24"/>
  <c r="F178" i="24"/>
  <c r="F179" i="24"/>
  <c r="F180" i="24"/>
  <c r="F181" i="24"/>
  <c r="F182" i="24"/>
  <c r="F183" i="24"/>
  <c r="F184" i="24"/>
  <c r="F185" i="24"/>
  <c r="F186" i="24"/>
  <c r="F187" i="24"/>
  <c r="F188" i="24"/>
  <c r="F189" i="24"/>
  <c r="F190" i="24"/>
  <c r="F191" i="24"/>
  <c r="F192" i="24"/>
  <c r="F193" i="24"/>
  <c r="F194" i="24"/>
  <c r="F195" i="24"/>
  <c r="F196" i="24"/>
  <c r="F197" i="24"/>
  <c r="F198" i="24"/>
  <c r="F199" i="24"/>
  <c r="F200" i="24"/>
  <c r="F201" i="24"/>
  <c r="F202" i="24"/>
  <c r="F203" i="24"/>
  <c r="F204" i="24"/>
  <c r="F205" i="24"/>
  <c r="F206" i="24"/>
  <c r="F207" i="24"/>
  <c r="F208" i="24"/>
  <c r="F209" i="24"/>
  <c r="F210" i="24"/>
  <c r="F211" i="24"/>
  <c r="F212" i="24"/>
  <c r="F213" i="24"/>
  <c r="F214" i="24"/>
  <c r="F215" i="24"/>
  <c r="F216" i="24"/>
  <c r="F217" i="24"/>
  <c r="F218" i="24"/>
  <c r="F219" i="24"/>
  <c r="F220" i="24"/>
  <c r="F221" i="24"/>
  <c r="F222" i="24"/>
  <c r="F223" i="24"/>
  <c r="F224" i="24"/>
  <c r="F225" i="24"/>
  <c r="F226" i="24"/>
  <c r="F227" i="24"/>
  <c r="F228" i="24"/>
  <c r="F229" i="24"/>
  <c r="F230" i="24"/>
  <c r="F231" i="24"/>
  <c r="F232" i="24"/>
  <c r="F233" i="24"/>
  <c r="F234" i="24"/>
  <c r="F235" i="24"/>
  <c r="F236" i="24"/>
  <c r="F237" i="24"/>
  <c r="F238" i="24"/>
  <c r="F239" i="24"/>
  <c r="F240" i="24"/>
  <c r="F241" i="24"/>
  <c r="F242" i="24"/>
  <c r="F243" i="24"/>
  <c r="F244" i="24"/>
  <c r="F245" i="24"/>
  <c r="F246" i="24"/>
  <c r="F247" i="24"/>
  <c r="F248" i="24"/>
  <c r="F249" i="24"/>
  <c r="F250" i="24"/>
  <c r="F251" i="24"/>
  <c r="F252" i="24"/>
  <c r="F253" i="24"/>
  <c r="F254" i="24"/>
  <c r="F255" i="24"/>
  <c r="F256" i="24"/>
  <c r="F257" i="24"/>
  <c r="F258" i="24"/>
  <c r="F259" i="24"/>
  <c r="F260" i="24"/>
  <c r="F261" i="24"/>
  <c r="F262" i="24"/>
  <c r="F263" i="24"/>
  <c r="F264" i="24"/>
  <c r="F265" i="24"/>
  <c r="F266" i="24"/>
  <c r="F267" i="24"/>
  <c r="F268" i="24"/>
  <c r="F269" i="24"/>
  <c r="F270" i="24"/>
  <c r="F271" i="24"/>
  <c r="F272" i="24"/>
  <c r="F273" i="24"/>
  <c r="F274" i="24"/>
  <c r="F275" i="24"/>
  <c r="F276" i="24"/>
  <c r="F277" i="24"/>
  <c r="F278" i="24"/>
  <c r="F279" i="24"/>
  <c r="F280" i="24"/>
  <c r="F281" i="24"/>
  <c r="F282" i="24"/>
  <c r="F283" i="24"/>
  <c r="F284" i="24"/>
  <c r="F285" i="24"/>
  <c r="F286" i="24"/>
  <c r="F287" i="24"/>
  <c r="F288" i="24"/>
  <c r="F289" i="24"/>
  <c r="F290" i="24"/>
  <c r="F291" i="24"/>
  <c r="F292" i="24"/>
  <c r="F293" i="24"/>
  <c r="F294" i="24"/>
  <c r="F295" i="24"/>
  <c r="F296" i="24"/>
  <c r="F297" i="24"/>
  <c r="F298" i="24"/>
  <c r="F299" i="24"/>
  <c r="F300" i="24"/>
  <c r="F301" i="24"/>
  <c r="F302" i="24"/>
  <c r="F303" i="24"/>
  <c r="F304" i="24"/>
  <c r="F305" i="24"/>
  <c r="F306" i="24"/>
  <c r="F307" i="24"/>
  <c r="F308" i="24"/>
  <c r="F309" i="24"/>
  <c r="F310" i="24"/>
  <c r="F311" i="24"/>
  <c r="F312" i="24"/>
  <c r="F313" i="24"/>
  <c r="F314" i="24"/>
  <c r="F315" i="24"/>
  <c r="F316" i="24"/>
  <c r="F317" i="24"/>
  <c r="F318" i="24"/>
  <c r="F319" i="24"/>
  <c r="F320" i="24"/>
  <c r="F321" i="24"/>
  <c r="F322" i="24"/>
  <c r="F323" i="24"/>
  <c r="F324" i="24"/>
  <c r="F325" i="24"/>
  <c r="F326" i="24"/>
  <c r="F327" i="24"/>
  <c r="F328" i="24"/>
  <c r="F329" i="24"/>
  <c r="F330" i="24"/>
  <c r="F331" i="24"/>
  <c r="F332" i="24"/>
  <c r="F333" i="24"/>
  <c r="F334" i="24"/>
  <c r="F335" i="24"/>
  <c r="F336" i="24"/>
  <c r="F337" i="24"/>
  <c r="F338" i="24"/>
  <c r="F339" i="24"/>
  <c r="F340" i="24"/>
  <c r="F341" i="24"/>
  <c r="F342" i="24"/>
  <c r="F343" i="24"/>
  <c r="F344" i="24"/>
  <c r="F345" i="24"/>
  <c r="F346" i="24"/>
  <c r="F347" i="24"/>
  <c r="F348" i="24"/>
  <c r="F349" i="24"/>
  <c r="F350" i="24"/>
  <c r="F351" i="24"/>
  <c r="F352" i="24"/>
  <c r="F353" i="24"/>
  <c r="F354" i="24"/>
  <c r="F355" i="24"/>
  <c r="F356" i="24"/>
  <c r="F357" i="24"/>
  <c r="F358" i="24"/>
  <c r="F359" i="24"/>
  <c r="F360" i="24"/>
  <c r="F361" i="24"/>
  <c r="F362" i="24"/>
  <c r="F363" i="24"/>
  <c r="F364" i="24"/>
  <c r="F365" i="24"/>
  <c r="F366" i="24"/>
  <c r="F367" i="24"/>
  <c r="F368" i="24"/>
  <c r="F369" i="24"/>
  <c r="F370" i="24"/>
  <c r="F371" i="24"/>
  <c r="F372" i="24"/>
  <c r="F373" i="24"/>
  <c r="F374" i="24"/>
  <c r="F375" i="24"/>
  <c r="F376" i="24"/>
  <c r="F377" i="24"/>
  <c r="F378" i="24"/>
  <c r="F379" i="24"/>
  <c r="F380" i="24"/>
  <c r="F381" i="24"/>
  <c r="F382" i="24"/>
  <c r="F383" i="24"/>
  <c r="F384" i="24"/>
  <c r="F385" i="24"/>
  <c r="F386" i="24"/>
  <c r="F387" i="24"/>
  <c r="F388" i="24"/>
  <c r="F389" i="24"/>
  <c r="F390" i="24"/>
  <c r="F391" i="24"/>
  <c r="F392" i="24"/>
  <c r="F393" i="24"/>
  <c r="F394" i="24"/>
  <c r="F395" i="24"/>
  <c r="F396" i="24"/>
  <c r="F397" i="24"/>
  <c r="F398" i="24"/>
  <c r="E3" i="24"/>
  <c r="E4" i="24"/>
  <c r="E5" i="24"/>
  <c r="E6" i="24"/>
  <c r="E7" i="24"/>
  <c r="E8" i="24"/>
  <c r="E9" i="24"/>
  <c r="E10" i="24"/>
  <c r="E11" i="24"/>
  <c r="E12" i="24"/>
  <c r="E13" i="24"/>
  <c r="E14" i="24"/>
  <c r="E15" i="24"/>
  <c r="E16" i="24"/>
  <c r="E17" i="24"/>
  <c r="E18" i="24"/>
  <c r="E19" i="24"/>
  <c r="E20" i="24"/>
  <c r="E21" i="24"/>
  <c r="E22" i="24"/>
  <c r="E23" i="24"/>
  <c r="E24" i="24"/>
  <c r="E25" i="24"/>
  <c r="E26" i="24"/>
  <c r="E27" i="24"/>
  <c r="E28" i="24"/>
  <c r="E29" i="24"/>
  <c r="E30" i="24"/>
  <c r="E31" i="24"/>
  <c r="E32" i="24"/>
  <c r="E33" i="24"/>
  <c r="E34" i="24"/>
  <c r="E35" i="24"/>
  <c r="E36" i="24"/>
  <c r="E37" i="24"/>
  <c r="E38" i="24"/>
  <c r="E39" i="24"/>
  <c r="E40" i="24"/>
  <c r="E41" i="24"/>
  <c r="E42" i="24"/>
  <c r="E43" i="24"/>
  <c r="E44" i="24"/>
  <c r="E45" i="24"/>
  <c r="E46" i="24"/>
  <c r="E47" i="24"/>
  <c r="E48" i="24"/>
  <c r="E49" i="24"/>
  <c r="E50" i="24"/>
  <c r="E51" i="24"/>
  <c r="E52" i="24"/>
  <c r="E53" i="24"/>
  <c r="E54" i="24"/>
  <c r="E55" i="24"/>
  <c r="E56" i="24"/>
  <c r="E57" i="24"/>
  <c r="E58" i="24"/>
  <c r="E59" i="24"/>
  <c r="E60" i="24"/>
  <c r="E61" i="24"/>
  <c r="E62" i="24"/>
  <c r="E63" i="24"/>
  <c r="E64" i="24"/>
  <c r="E65" i="24"/>
  <c r="E66" i="24"/>
  <c r="E67" i="24"/>
  <c r="E68" i="24"/>
  <c r="E69" i="24"/>
  <c r="E70" i="24"/>
  <c r="E71" i="24"/>
  <c r="E72" i="24"/>
  <c r="E73" i="24"/>
  <c r="E74" i="24"/>
  <c r="E75" i="24"/>
  <c r="E76" i="24"/>
  <c r="E77" i="24"/>
  <c r="E78" i="24"/>
  <c r="E79" i="24"/>
  <c r="E80" i="24"/>
  <c r="E81" i="24"/>
  <c r="E82" i="24"/>
  <c r="E83" i="24"/>
  <c r="E84" i="24"/>
  <c r="E85" i="24"/>
  <c r="E86" i="24"/>
  <c r="E87" i="24"/>
  <c r="E88" i="24"/>
  <c r="E89" i="24"/>
  <c r="E90" i="24"/>
  <c r="E91" i="24"/>
  <c r="E92" i="24"/>
  <c r="E93" i="24"/>
  <c r="E94" i="24"/>
  <c r="E95" i="24"/>
  <c r="E96" i="24"/>
  <c r="E97" i="24"/>
  <c r="E98" i="24"/>
  <c r="E99" i="24"/>
  <c r="E100" i="24"/>
  <c r="E101" i="24"/>
  <c r="E102" i="24"/>
  <c r="E103" i="24"/>
  <c r="E104" i="24"/>
  <c r="E105" i="24"/>
  <c r="E106" i="24"/>
  <c r="E107" i="24"/>
  <c r="E108" i="24"/>
  <c r="E109" i="24"/>
  <c r="E110" i="24"/>
  <c r="E111" i="24"/>
  <c r="E112" i="24"/>
  <c r="E113" i="24"/>
  <c r="E114" i="24"/>
  <c r="E115" i="24"/>
  <c r="E116" i="24"/>
  <c r="E117" i="24"/>
  <c r="E118" i="24"/>
  <c r="E119" i="24"/>
  <c r="E120" i="24"/>
  <c r="E121" i="24"/>
  <c r="E122" i="24"/>
  <c r="E123" i="24"/>
  <c r="E124" i="24"/>
  <c r="E125" i="24"/>
  <c r="E126" i="24"/>
  <c r="E127" i="24"/>
  <c r="E128" i="24"/>
  <c r="E129" i="24"/>
  <c r="E130" i="24"/>
  <c r="E131" i="24"/>
  <c r="E132" i="24"/>
  <c r="E133" i="24"/>
  <c r="E134" i="24"/>
  <c r="E135" i="24"/>
  <c r="E136" i="24"/>
  <c r="E137" i="24"/>
  <c r="E138" i="24"/>
  <c r="E139" i="24"/>
  <c r="E140" i="24"/>
  <c r="E141" i="24"/>
  <c r="E142" i="24"/>
  <c r="E143" i="24"/>
  <c r="E144" i="24"/>
  <c r="E145" i="24"/>
  <c r="E146" i="24"/>
  <c r="E147" i="24"/>
  <c r="E148" i="24"/>
  <c r="E149" i="24"/>
  <c r="E150" i="24"/>
  <c r="E151" i="24"/>
  <c r="E152" i="24"/>
  <c r="E153" i="24"/>
  <c r="E154" i="24"/>
  <c r="E155" i="24"/>
  <c r="E156" i="24"/>
  <c r="E157" i="24"/>
  <c r="E158" i="24"/>
  <c r="E159" i="24"/>
  <c r="E160" i="24"/>
  <c r="E161" i="24"/>
  <c r="E162" i="24"/>
  <c r="E163" i="24"/>
  <c r="E164" i="24"/>
  <c r="E165" i="24"/>
  <c r="E166" i="24"/>
  <c r="E167" i="24"/>
  <c r="E168" i="24"/>
  <c r="E169" i="24"/>
  <c r="E170" i="24"/>
  <c r="E171" i="24"/>
  <c r="E172" i="24"/>
  <c r="E173" i="24"/>
  <c r="E174" i="24"/>
  <c r="E175" i="24"/>
  <c r="E176" i="24"/>
  <c r="E177" i="24"/>
  <c r="E178" i="24"/>
  <c r="E179" i="24"/>
  <c r="E180" i="24"/>
  <c r="E181" i="24"/>
  <c r="E182" i="24"/>
  <c r="E183" i="24"/>
  <c r="E184" i="24"/>
  <c r="E185" i="24"/>
  <c r="E186" i="24"/>
  <c r="E187" i="24"/>
  <c r="E188" i="24"/>
  <c r="E189" i="24"/>
  <c r="E190" i="24"/>
  <c r="E191" i="24"/>
  <c r="E192" i="24"/>
  <c r="E193" i="24"/>
  <c r="E194" i="24"/>
  <c r="E195" i="24"/>
  <c r="E196" i="24"/>
  <c r="E197" i="24"/>
  <c r="E198" i="24"/>
  <c r="E199" i="24"/>
  <c r="E200" i="24"/>
  <c r="E201" i="24"/>
  <c r="E202" i="24"/>
  <c r="E203" i="24"/>
  <c r="E204" i="24"/>
  <c r="E205" i="24"/>
  <c r="E206" i="24"/>
  <c r="E207" i="24"/>
  <c r="E208" i="24"/>
  <c r="E209" i="24"/>
  <c r="E210" i="24"/>
  <c r="E211" i="24"/>
  <c r="E212" i="24"/>
  <c r="E213" i="24"/>
  <c r="E214" i="24"/>
  <c r="E215" i="24"/>
  <c r="E216" i="24"/>
  <c r="E217" i="24"/>
  <c r="E218" i="24"/>
  <c r="E219" i="24"/>
  <c r="E220" i="24"/>
  <c r="E221" i="24"/>
  <c r="E222" i="24"/>
  <c r="E223" i="24"/>
  <c r="E224" i="24"/>
  <c r="E225" i="24"/>
  <c r="E226" i="24"/>
  <c r="E227" i="24"/>
  <c r="E228" i="24"/>
  <c r="E229" i="24"/>
  <c r="E230" i="24"/>
  <c r="E231" i="24"/>
  <c r="E232" i="24"/>
  <c r="E233" i="24"/>
  <c r="E234" i="24"/>
  <c r="E235" i="24"/>
  <c r="E236" i="24"/>
  <c r="E237" i="24"/>
  <c r="E238" i="24"/>
  <c r="E239" i="24"/>
  <c r="E240" i="24"/>
  <c r="E241" i="24"/>
  <c r="E242" i="24"/>
  <c r="E243" i="24"/>
  <c r="E244" i="24"/>
  <c r="E245" i="24"/>
  <c r="E246" i="24"/>
  <c r="E247" i="24"/>
  <c r="E248" i="24"/>
  <c r="E249" i="24"/>
  <c r="E250" i="24"/>
  <c r="E251" i="24"/>
  <c r="E252" i="24"/>
  <c r="E253" i="24"/>
  <c r="E254" i="24"/>
  <c r="E255" i="24"/>
  <c r="E256" i="24"/>
  <c r="E257" i="24"/>
  <c r="E258" i="24"/>
  <c r="E259" i="24"/>
  <c r="E260" i="24"/>
  <c r="E261" i="24"/>
  <c r="E262" i="24"/>
  <c r="E263" i="24"/>
  <c r="E264" i="24"/>
  <c r="E265" i="24"/>
  <c r="E266" i="24"/>
  <c r="E267" i="24"/>
  <c r="E268" i="24"/>
  <c r="E269" i="24"/>
  <c r="E270" i="24"/>
  <c r="E271" i="24"/>
  <c r="E272" i="24"/>
  <c r="E273" i="24"/>
  <c r="E274" i="24"/>
  <c r="E275" i="24"/>
  <c r="E276" i="24"/>
  <c r="E277" i="24"/>
  <c r="E278" i="24"/>
  <c r="E279" i="24"/>
  <c r="E280" i="24"/>
  <c r="E281" i="24"/>
  <c r="E282" i="24"/>
  <c r="E283" i="24"/>
  <c r="E284" i="24"/>
  <c r="E285" i="24"/>
  <c r="E286" i="24"/>
  <c r="E287" i="24"/>
  <c r="E288" i="24"/>
  <c r="E289" i="24"/>
  <c r="E290" i="24"/>
  <c r="E291" i="24"/>
  <c r="E292" i="24"/>
  <c r="E293" i="24"/>
  <c r="E294" i="24"/>
  <c r="E295" i="24"/>
  <c r="E296" i="24"/>
  <c r="E297" i="24"/>
  <c r="E298" i="24"/>
  <c r="E299" i="24"/>
  <c r="E300" i="24"/>
  <c r="E301" i="24"/>
  <c r="E302" i="24"/>
  <c r="E303" i="24"/>
  <c r="E304" i="24"/>
  <c r="E305" i="24"/>
  <c r="E306" i="24"/>
  <c r="E307" i="24"/>
  <c r="E308" i="24"/>
  <c r="E309" i="24"/>
  <c r="E310" i="24"/>
  <c r="E311" i="24"/>
  <c r="E312" i="24"/>
  <c r="E313" i="24"/>
  <c r="E314" i="24"/>
  <c r="E315" i="24"/>
  <c r="E316" i="24"/>
  <c r="E317" i="24"/>
  <c r="E318" i="24"/>
  <c r="E319" i="24"/>
  <c r="E320" i="24"/>
  <c r="E321" i="24"/>
  <c r="E322" i="24"/>
  <c r="E323" i="24"/>
  <c r="E324" i="24"/>
  <c r="E325" i="24"/>
  <c r="E326" i="24"/>
  <c r="E327" i="24"/>
  <c r="E328" i="24"/>
  <c r="E329" i="24"/>
  <c r="E330" i="24"/>
  <c r="E331" i="24"/>
  <c r="E332" i="24"/>
  <c r="E333" i="24"/>
  <c r="E334" i="24"/>
  <c r="E335" i="24"/>
  <c r="E336" i="24"/>
  <c r="E337" i="24"/>
  <c r="E338" i="24"/>
  <c r="E339" i="24"/>
  <c r="E340" i="24"/>
  <c r="E341" i="24"/>
  <c r="E342" i="24"/>
  <c r="E343" i="24"/>
  <c r="E344" i="24"/>
  <c r="E345" i="24"/>
  <c r="E346" i="24"/>
  <c r="E347" i="24"/>
  <c r="E348" i="24"/>
  <c r="E349" i="24"/>
  <c r="E350" i="24"/>
  <c r="E351" i="24"/>
  <c r="E352" i="24"/>
  <c r="E353" i="24"/>
  <c r="E354" i="24"/>
  <c r="E355" i="24"/>
  <c r="E356" i="24"/>
  <c r="E357" i="24"/>
  <c r="E358" i="24"/>
  <c r="E359" i="24"/>
  <c r="E360" i="24"/>
  <c r="E361" i="24"/>
  <c r="E362" i="24"/>
  <c r="E363" i="24"/>
  <c r="E364" i="24"/>
  <c r="E365" i="24"/>
  <c r="E366" i="24"/>
  <c r="E367" i="24"/>
  <c r="E368" i="24"/>
  <c r="E369" i="24"/>
  <c r="E370" i="24"/>
  <c r="E371" i="24"/>
  <c r="E372" i="24"/>
  <c r="E373" i="24"/>
  <c r="E374" i="24"/>
  <c r="E375" i="24"/>
  <c r="E376" i="24"/>
  <c r="E377" i="24"/>
  <c r="E378" i="24"/>
  <c r="E379" i="24"/>
  <c r="E380" i="24"/>
  <c r="E381" i="24"/>
  <c r="E382" i="24"/>
  <c r="E383" i="24"/>
  <c r="E384" i="24"/>
  <c r="E385" i="24"/>
  <c r="E386" i="24"/>
  <c r="E387" i="24"/>
  <c r="E388" i="24"/>
  <c r="E389" i="24"/>
  <c r="E390" i="24"/>
  <c r="E391" i="24"/>
  <c r="E392" i="24"/>
  <c r="E393" i="24"/>
  <c r="E394" i="24"/>
  <c r="E395" i="24"/>
  <c r="E396" i="24"/>
  <c r="E397" i="24"/>
  <c r="E398" i="24"/>
  <c r="E2" i="24"/>
  <c r="D3" i="24"/>
  <c r="D4" i="24"/>
  <c r="D5" i="24"/>
  <c r="D6" i="24"/>
  <c r="D7" i="24"/>
  <c r="D8" i="24"/>
  <c r="D9" i="24"/>
  <c r="D10" i="24"/>
  <c r="D11" i="24"/>
  <c r="D12" i="24"/>
  <c r="D13" i="24"/>
  <c r="D14" i="24"/>
  <c r="D15" i="24"/>
  <c r="D16" i="24"/>
  <c r="D17" i="24"/>
  <c r="D18" i="24"/>
  <c r="D19" i="24"/>
  <c r="D20" i="24"/>
  <c r="D21" i="24"/>
  <c r="D22" i="24"/>
  <c r="D23" i="24"/>
  <c r="D24" i="24"/>
  <c r="D25" i="24"/>
  <c r="D26" i="24"/>
  <c r="D27" i="24"/>
  <c r="D28" i="24"/>
  <c r="D29" i="24"/>
  <c r="D30" i="24"/>
  <c r="D31" i="24"/>
  <c r="D32" i="24"/>
  <c r="D33" i="24"/>
  <c r="D34" i="24"/>
  <c r="D35" i="24"/>
  <c r="D36" i="24"/>
  <c r="D37" i="24"/>
  <c r="D38" i="24"/>
  <c r="D39" i="24"/>
  <c r="D40" i="24"/>
  <c r="D41" i="24"/>
  <c r="D42" i="24"/>
  <c r="D43" i="24"/>
  <c r="D44" i="24"/>
  <c r="D45" i="24"/>
  <c r="D46" i="24"/>
  <c r="D47" i="24"/>
  <c r="D48" i="24"/>
  <c r="D49" i="24"/>
  <c r="D50" i="24"/>
  <c r="D51" i="24"/>
  <c r="D52" i="24"/>
  <c r="D53" i="24"/>
  <c r="D54" i="24"/>
  <c r="D55" i="24"/>
  <c r="D56" i="24"/>
  <c r="D57" i="24"/>
  <c r="D58" i="24"/>
  <c r="D59" i="24"/>
  <c r="D60" i="24"/>
  <c r="D61" i="24"/>
  <c r="D62" i="24"/>
  <c r="D63" i="24"/>
  <c r="D64" i="24"/>
  <c r="D65" i="24"/>
  <c r="D66" i="24"/>
  <c r="D67" i="24"/>
  <c r="D68" i="24"/>
  <c r="D69" i="24"/>
  <c r="D70" i="24"/>
  <c r="D71" i="24"/>
  <c r="D72" i="24"/>
  <c r="D73" i="24"/>
  <c r="D74" i="24"/>
  <c r="D75" i="24"/>
  <c r="D76" i="24"/>
  <c r="D77" i="24"/>
  <c r="D78" i="24"/>
  <c r="D79" i="24"/>
  <c r="D80" i="24"/>
  <c r="D81" i="24"/>
  <c r="D82" i="24"/>
  <c r="D83" i="24"/>
  <c r="D84" i="24"/>
  <c r="D85" i="24"/>
  <c r="D86" i="24"/>
  <c r="D87" i="24"/>
  <c r="D88" i="24"/>
  <c r="D89" i="24"/>
  <c r="D90" i="24"/>
  <c r="D91" i="24"/>
  <c r="D92" i="24"/>
  <c r="D93" i="24"/>
  <c r="D94" i="24"/>
  <c r="D95" i="24"/>
  <c r="D96" i="24"/>
  <c r="D97" i="24"/>
  <c r="D98" i="24"/>
  <c r="D99" i="24"/>
  <c r="D100" i="24"/>
  <c r="D101" i="24"/>
  <c r="D102" i="24"/>
  <c r="D103" i="24"/>
  <c r="D104" i="24"/>
  <c r="D105" i="24"/>
  <c r="D106" i="24"/>
  <c r="D107" i="24"/>
  <c r="D108" i="24"/>
  <c r="D109" i="24"/>
  <c r="D110" i="24"/>
  <c r="D111" i="24"/>
  <c r="D112" i="24"/>
  <c r="D113" i="24"/>
  <c r="D114" i="24"/>
  <c r="D115" i="24"/>
  <c r="D116" i="24"/>
  <c r="D117" i="24"/>
  <c r="D118" i="24"/>
  <c r="D119" i="24"/>
  <c r="D120" i="24"/>
  <c r="D121" i="24"/>
  <c r="D122" i="24"/>
  <c r="D123" i="24"/>
  <c r="D124" i="24"/>
  <c r="D125" i="24"/>
  <c r="D126" i="24"/>
  <c r="D127" i="24"/>
  <c r="D128" i="24"/>
  <c r="D129" i="24"/>
  <c r="D130" i="24"/>
  <c r="D131" i="24"/>
  <c r="D132" i="24"/>
  <c r="D133" i="24"/>
  <c r="D134" i="24"/>
  <c r="D135" i="24"/>
  <c r="D136" i="24"/>
  <c r="D137" i="24"/>
  <c r="D138" i="24"/>
  <c r="D139" i="24"/>
  <c r="D140" i="24"/>
  <c r="D141" i="24"/>
  <c r="D142" i="24"/>
  <c r="D143" i="24"/>
  <c r="D144" i="24"/>
  <c r="D145" i="24"/>
  <c r="D146" i="24"/>
  <c r="D147" i="24"/>
  <c r="D148" i="24"/>
  <c r="D149" i="24"/>
  <c r="D150" i="24"/>
  <c r="D151" i="24"/>
  <c r="D152" i="24"/>
  <c r="D153" i="24"/>
  <c r="D154" i="24"/>
  <c r="D155" i="24"/>
  <c r="D156" i="24"/>
  <c r="D157" i="24"/>
  <c r="D158" i="24"/>
  <c r="D159" i="24"/>
  <c r="D160" i="24"/>
  <c r="D161" i="24"/>
  <c r="D162" i="24"/>
  <c r="D163" i="24"/>
  <c r="D164" i="24"/>
  <c r="D165" i="24"/>
  <c r="D166" i="24"/>
  <c r="D167" i="24"/>
  <c r="D168" i="24"/>
  <c r="D169" i="24"/>
  <c r="D170" i="24"/>
  <c r="D171" i="24"/>
  <c r="D172" i="24"/>
  <c r="D173" i="24"/>
  <c r="D174" i="24"/>
  <c r="D175" i="24"/>
  <c r="D176" i="24"/>
  <c r="D177" i="24"/>
  <c r="D178" i="24"/>
  <c r="D179" i="24"/>
  <c r="D180" i="24"/>
  <c r="D181" i="24"/>
  <c r="D182" i="24"/>
  <c r="D183" i="24"/>
  <c r="D184" i="24"/>
  <c r="D185" i="24"/>
  <c r="D186" i="24"/>
  <c r="D187" i="24"/>
  <c r="D188" i="24"/>
  <c r="D189" i="24"/>
  <c r="D190" i="24"/>
  <c r="D191" i="24"/>
  <c r="D192" i="24"/>
  <c r="D193" i="24"/>
  <c r="D194" i="24"/>
  <c r="D195" i="24"/>
  <c r="D196" i="24"/>
  <c r="D197" i="24"/>
  <c r="D198" i="24"/>
  <c r="D199" i="24"/>
  <c r="D200" i="24"/>
  <c r="D201" i="24"/>
  <c r="D202" i="24"/>
  <c r="D203" i="24"/>
  <c r="D204" i="24"/>
  <c r="D205" i="24"/>
  <c r="D206" i="24"/>
  <c r="D207" i="24"/>
  <c r="D208" i="24"/>
  <c r="D209" i="24"/>
  <c r="D210" i="24"/>
  <c r="D211" i="24"/>
  <c r="D212" i="24"/>
  <c r="D213" i="24"/>
  <c r="D214" i="24"/>
  <c r="D215" i="24"/>
  <c r="D216" i="24"/>
  <c r="D217" i="24"/>
  <c r="D218" i="24"/>
  <c r="D219" i="24"/>
  <c r="D220" i="24"/>
  <c r="D221" i="24"/>
  <c r="D222" i="24"/>
  <c r="D223" i="24"/>
  <c r="D224" i="24"/>
  <c r="D225" i="24"/>
  <c r="D226" i="24"/>
  <c r="D227" i="24"/>
  <c r="D228" i="24"/>
  <c r="D229" i="24"/>
  <c r="D230" i="24"/>
  <c r="D231" i="24"/>
  <c r="D232" i="24"/>
  <c r="D233" i="24"/>
  <c r="D234" i="24"/>
  <c r="D235" i="24"/>
  <c r="D236" i="24"/>
  <c r="D237" i="24"/>
  <c r="D238" i="24"/>
  <c r="D239" i="24"/>
  <c r="D240" i="24"/>
  <c r="D241" i="24"/>
  <c r="D242" i="24"/>
  <c r="D243" i="24"/>
  <c r="D244" i="24"/>
  <c r="D245" i="24"/>
  <c r="D246" i="24"/>
  <c r="D247" i="24"/>
  <c r="D248" i="24"/>
  <c r="D249" i="24"/>
  <c r="D250" i="24"/>
  <c r="D251" i="24"/>
  <c r="D252" i="24"/>
  <c r="D253" i="24"/>
  <c r="D254" i="24"/>
  <c r="D255" i="24"/>
  <c r="D256" i="24"/>
  <c r="D257" i="24"/>
  <c r="D258" i="24"/>
  <c r="D259" i="24"/>
  <c r="D260" i="24"/>
  <c r="D261" i="24"/>
  <c r="D262" i="24"/>
  <c r="D263" i="24"/>
  <c r="D264" i="24"/>
  <c r="D265" i="24"/>
  <c r="D266" i="24"/>
  <c r="D267" i="24"/>
  <c r="D268" i="24"/>
  <c r="D269" i="24"/>
  <c r="D270" i="24"/>
  <c r="D271" i="24"/>
  <c r="D272" i="24"/>
  <c r="D273" i="24"/>
  <c r="D274" i="24"/>
  <c r="D275" i="24"/>
  <c r="D276" i="24"/>
  <c r="D277" i="24"/>
  <c r="D278" i="24"/>
  <c r="D279" i="24"/>
  <c r="D280" i="24"/>
  <c r="D281" i="24"/>
  <c r="D282" i="24"/>
  <c r="D283" i="24"/>
  <c r="D284" i="24"/>
  <c r="D285" i="24"/>
  <c r="D286" i="24"/>
  <c r="D287" i="24"/>
  <c r="D288" i="24"/>
  <c r="D289" i="24"/>
  <c r="D290" i="24"/>
  <c r="D291" i="24"/>
  <c r="D292" i="24"/>
  <c r="D293" i="24"/>
  <c r="D294" i="24"/>
  <c r="D295" i="24"/>
  <c r="D296" i="24"/>
  <c r="D297" i="24"/>
  <c r="D298" i="24"/>
  <c r="D299" i="24"/>
  <c r="D300" i="24"/>
  <c r="D301" i="24"/>
  <c r="D302" i="24"/>
  <c r="D303" i="24"/>
  <c r="D304" i="24"/>
  <c r="D305" i="24"/>
  <c r="D306" i="24"/>
  <c r="D307" i="24"/>
  <c r="D308" i="24"/>
  <c r="D309" i="24"/>
  <c r="D310" i="24"/>
  <c r="D311" i="24"/>
  <c r="D312" i="24"/>
  <c r="D313" i="24"/>
  <c r="D314" i="24"/>
  <c r="D315" i="24"/>
  <c r="D316" i="24"/>
  <c r="D317" i="24"/>
  <c r="D318" i="24"/>
  <c r="D319" i="24"/>
  <c r="D320" i="24"/>
  <c r="D321" i="24"/>
  <c r="D322" i="24"/>
  <c r="D323" i="24"/>
  <c r="D324" i="24"/>
  <c r="D325" i="24"/>
  <c r="D326" i="24"/>
  <c r="D327" i="24"/>
  <c r="D328" i="24"/>
  <c r="D329" i="24"/>
  <c r="D330" i="24"/>
  <c r="D331" i="24"/>
  <c r="D332" i="24"/>
  <c r="D333" i="24"/>
  <c r="D334" i="24"/>
  <c r="D335" i="24"/>
  <c r="D336" i="24"/>
  <c r="D337" i="24"/>
  <c r="D338" i="24"/>
  <c r="D339" i="24"/>
  <c r="D340" i="24"/>
  <c r="D341" i="24"/>
  <c r="D342" i="24"/>
  <c r="D343" i="24"/>
  <c r="D344" i="24"/>
  <c r="D345" i="24"/>
  <c r="D346" i="24"/>
  <c r="D347" i="24"/>
  <c r="D348" i="24"/>
  <c r="D349" i="24"/>
  <c r="D350" i="24"/>
  <c r="D351" i="24"/>
  <c r="D352" i="24"/>
  <c r="D353" i="24"/>
  <c r="D354" i="24"/>
  <c r="D355" i="24"/>
  <c r="D356" i="24"/>
  <c r="D357" i="24"/>
  <c r="D358" i="24"/>
  <c r="D359" i="24"/>
  <c r="D360" i="24"/>
  <c r="D361" i="24"/>
  <c r="D362" i="24"/>
  <c r="D363" i="24"/>
  <c r="D364" i="24"/>
  <c r="D365" i="24"/>
  <c r="D366" i="24"/>
  <c r="D367" i="24"/>
  <c r="D368" i="24"/>
  <c r="D369" i="24"/>
  <c r="D370" i="24"/>
  <c r="D371" i="24"/>
  <c r="D372" i="24"/>
  <c r="D373" i="24"/>
  <c r="D374" i="24"/>
  <c r="D375" i="24"/>
  <c r="D376" i="24"/>
  <c r="D377" i="24"/>
  <c r="D378" i="24"/>
  <c r="D379" i="24"/>
  <c r="D380" i="24"/>
  <c r="D381" i="24"/>
  <c r="D382" i="24"/>
  <c r="D383" i="24"/>
  <c r="D384" i="24"/>
  <c r="D385" i="24"/>
  <c r="D386" i="24"/>
  <c r="D387" i="24"/>
  <c r="D388" i="24"/>
  <c r="D389" i="24"/>
  <c r="D390" i="24"/>
  <c r="D391" i="24"/>
  <c r="D392" i="24"/>
  <c r="D393" i="24"/>
  <c r="D394" i="24"/>
  <c r="D395" i="24"/>
  <c r="D396" i="24"/>
  <c r="D397" i="24"/>
  <c r="D398" i="24"/>
  <c r="D2" i="24"/>
  <c r="E3" i="18"/>
  <c r="E4" i="18"/>
  <c r="E5" i="18"/>
  <c r="E6" i="18"/>
  <c r="E7" i="18"/>
  <c r="E8" i="18"/>
  <c r="E9" i="18"/>
  <c r="E10" i="18"/>
  <c r="E11" i="18"/>
  <c r="E12" i="18"/>
  <c r="E13" i="18"/>
  <c r="E14" i="18"/>
  <c r="E15" i="18"/>
  <c r="E16" i="18"/>
  <c r="E17" i="18"/>
  <c r="E18" i="18"/>
  <c r="E19" i="18"/>
  <c r="E20" i="18"/>
  <c r="E21" i="18"/>
  <c r="E22" i="18"/>
  <c r="E23" i="18"/>
  <c r="E24" i="18"/>
  <c r="E25" i="18"/>
  <c r="E26" i="18"/>
  <c r="E27" i="18"/>
  <c r="E28" i="18"/>
  <c r="E29" i="18"/>
  <c r="E30" i="18"/>
  <c r="E31" i="18"/>
  <c r="E32" i="18"/>
  <c r="E33" i="18"/>
  <c r="E34" i="18"/>
  <c r="E35" i="18"/>
  <c r="E36" i="18"/>
  <c r="E37" i="18"/>
  <c r="E38" i="18"/>
  <c r="E39" i="18"/>
  <c r="E40" i="18"/>
  <c r="E41" i="18"/>
  <c r="E42" i="18"/>
  <c r="E43" i="18"/>
  <c r="E44" i="18"/>
  <c r="E45" i="18"/>
  <c r="E46" i="18"/>
  <c r="E47" i="18"/>
  <c r="E48" i="18"/>
  <c r="E49" i="18"/>
  <c r="E50" i="18"/>
  <c r="E51" i="18"/>
  <c r="E52" i="18"/>
  <c r="E53" i="18"/>
  <c r="E54" i="18"/>
  <c r="E55" i="18"/>
  <c r="E56" i="18"/>
  <c r="E57" i="18"/>
  <c r="E58" i="18"/>
  <c r="E59" i="18"/>
  <c r="E60" i="18"/>
  <c r="E61" i="18"/>
  <c r="E62" i="18"/>
  <c r="E63" i="18"/>
  <c r="E64" i="18"/>
  <c r="E65" i="18"/>
  <c r="E66" i="18"/>
  <c r="E67" i="18"/>
  <c r="E68" i="18"/>
  <c r="E69" i="18"/>
  <c r="E70" i="18"/>
  <c r="E71" i="18"/>
  <c r="E72" i="18"/>
  <c r="E73" i="18"/>
  <c r="E74" i="18"/>
  <c r="E75" i="18"/>
  <c r="E76" i="18"/>
  <c r="E77" i="18"/>
  <c r="E78" i="18"/>
  <c r="E79" i="18"/>
  <c r="E80" i="18"/>
  <c r="E81" i="18"/>
  <c r="E82" i="18"/>
  <c r="E83" i="18"/>
  <c r="E84" i="18"/>
  <c r="E85" i="18"/>
  <c r="E86" i="18"/>
  <c r="E87" i="18"/>
  <c r="E88" i="18"/>
  <c r="E89" i="18"/>
  <c r="E90" i="18"/>
  <c r="E91" i="18"/>
  <c r="E92" i="18"/>
  <c r="E93" i="18"/>
  <c r="E94" i="18"/>
  <c r="E95" i="18"/>
  <c r="E96" i="18"/>
  <c r="E97" i="18"/>
  <c r="E98" i="18"/>
  <c r="E99" i="18"/>
  <c r="E100" i="18"/>
  <c r="E101" i="18"/>
  <c r="E102" i="18"/>
  <c r="E103" i="18"/>
  <c r="E104" i="18"/>
  <c r="E105" i="18"/>
  <c r="E106" i="18"/>
  <c r="E107" i="18"/>
  <c r="E108" i="18"/>
  <c r="E109" i="18"/>
  <c r="E110" i="18"/>
  <c r="E111" i="18"/>
  <c r="E112" i="18"/>
  <c r="E113" i="18"/>
  <c r="E114" i="18"/>
  <c r="E115" i="18"/>
  <c r="E116" i="18"/>
  <c r="E117" i="18"/>
  <c r="E118" i="18"/>
  <c r="E119" i="18"/>
  <c r="E120" i="18"/>
  <c r="E121" i="18"/>
  <c r="E122" i="18"/>
  <c r="E123" i="18"/>
  <c r="E124" i="18"/>
  <c r="E125" i="18"/>
  <c r="E126" i="18"/>
  <c r="E127" i="18"/>
  <c r="E128" i="18"/>
  <c r="E129" i="18"/>
  <c r="E130" i="18"/>
  <c r="E131" i="18"/>
  <c r="E132" i="18"/>
  <c r="E133" i="18"/>
  <c r="E134" i="18"/>
  <c r="E135" i="18"/>
  <c r="E136" i="18"/>
  <c r="E137" i="18"/>
  <c r="E138" i="18"/>
  <c r="E139" i="18"/>
  <c r="E140" i="18"/>
  <c r="E141" i="18"/>
  <c r="E142" i="18"/>
  <c r="E143" i="18"/>
  <c r="E144" i="18"/>
  <c r="E145" i="18"/>
  <c r="E146" i="18"/>
  <c r="E147" i="18"/>
  <c r="E148" i="18"/>
  <c r="E149" i="18"/>
  <c r="E150" i="18"/>
  <c r="E151" i="18"/>
  <c r="E152" i="18"/>
  <c r="E153" i="18"/>
  <c r="E154" i="18"/>
  <c r="E155" i="18"/>
  <c r="E156" i="18"/>
  <c r="E157" i="18"/>
  <c r="E158" i="18"/>
  <c r="E159" i="18"/>
  <c r="E160" i="18"/>
  <c r="E161" i="18"/>
  <c r="E162" i="18"/>
  <c r="E163" i="18"/>
  <c r="E164" i="18"/>
  <c r="E165" i="18"/>
  <c r="E166" i="18"/>
  <c r="E167" i="18"/>
  <c r="E168" i="18"/>
  <c r="E169" i="18"/>
  <c r="E170" i="18"/>
  <c r="E171" i="18"/>
  <c r="E172" i="18"/>
  <c r="E173" i="18"/>
  <c r="E174" i="18"/>
  <c r="E175" i="18"/>
  <c r="E176" i="18"/>
  <c r="E177" i="18"/>
  <c r="E178" i="18"/>
  <c r="E179" i="18"/>
  <c r="E180" i="18"/>
  <c r="E181" i="18"/>
  <c r="E182" i="18"/>
  <c r="E183" i="18"/>
  <c r="E184" i="18"/>
  <c r="E185" i="18"/>
  <c r="E186" i="18"/>
  <c r="E187" i="18"/>
  <c r="E188" i="18"/>
  <c r="E189" i="18"/>
  <c r="E190" i="18"/>
  <c r="E191" i="18"/>
  <c r="E192" i="18"/>
  <c r="E193" i="18"/>
  <c r="E194" i="18"/>
  <c r="E195" i="18"/>
  <c r="E196" i="18"/>
  <c r="E197" i="18"/>
  <c r="E198" i="18"/>
  <c r="E199" i="18"/>
  <c r="E200" i="18"/>
  <c r="E201" i="18"/>
  <c r="E202" i="18"/>
  <c r="E203" i="18"/>
  <c r="E204" i="18"/>
  <c r="E205" i="18"/>
  <c r="E206" i="18"/>
  <c r="E207" i="18"/>
  <c r="E208" i="18"/>
  <c r="E209" i="18"/>
  <c r="E210" i="18"/>
  <c r="E211" i="18"/>
  <c r="E212" i="18"/>
  <c r="E213" i="18"/>
  <c r="E214" i="18"/>
  <c r="E215" i="18"/>
  <c r="E216" i="18"/>
  <c r="E217" i="18"/>
  <c r="E218" i="18"/>
  <c r="E219" i="18"/>
  <c r="E220" i="18"/>
  <c r="E221" i="18"/>
  <c r="E222" i="18"/>
  <c r="E223" i="18"/>
  <c r="E224" i="18"/>
  <c r="E225" i="18"/>
  <c r="E226" i="18"/>
  <c r="E227" i="18"/>
  <c r="E228" i="18"/>
  <c r="E229" i="18"/>
  <c r="E230" i="18"/>
  <c r="E231" i="18"/>
  <c r="E232" i="18"/>
  <c r="E233" i="18"/>
  <c r="E234" i="18"/>
  <c r="E235" i="18"/>
  <c r="E236" i="18"/>
  <c r="E237" i="18"/>
  <c r="E238" i="18"/>
  <c r="E239" i="18"/>
  <c r="E240" i="18"/>
  <c r="E241" i="18"/>
  <c r="E242" i="18"/>
  <c r="E243" i="18"/>
  <c r="E244" i="18"/>
  <c r="E245" i="18"/>
  <c r="E246" i="18"/>
  <c r="E247" i="18"/>
  <c r="E248" i="18"/>
  <c r="E249" i="18"/>
  <c r="E250" i="18"/>
  <c r="E251" i="18"/>
  <c r="E252" i="18"/>
  <c r="E253" i="18"/>
  <c r="E254" i="18"/>
  <c r="E255" i="18"/>
  <c r="E256" i="18"/>
  <c r="E257" i="18"/>
  <c r="E258" i="18"/>
  <c r="E259" i="18"/>
  <c r="E260" i="18"/>
  <c r="E261" i="18"/>
  <c r="E262" i="18"/>
  <c r="E263" i="18"/>
  <c r="E264" i="18"/>
  <c r="E265" i="18"/>
  <c r="E266" i="18"/>
  <c r="E267" i="18"/>
  <c r="E268" i="18"/>
  <c r="E269" i="18"/>
  <c r="E270" i="18"/>
  <c r="E271" i="18"/>
  <c r="E272" i="18"/>
  <c r="E273" i="18"/>
  <c r="E274" i="18"/>
  <c r="E275" i="18"/>
  <c r="E276" i="18"/>
  <c r="E277" i="18"/>
  <c r="E278" i="18"/>
  <c r="E279" i="18"/>
  <c r="E280" i="18"/>
  <c r="E281" i="18"/>
  <c r="E282" i="18"/>
  <c r="E283" i="18"/>
  <c r="E284" i="18"/>
  <c r="E285" i="18"/>
  <c r="E286" i="18"/>
  <c r="E287" i="18"/>
  <c r="E288" i="18"/>
  <c r="E289" i="18"/>
  <c r="E290" i="18"/>
  <c r="E291" i="18"/>
  <c r="E292" i="18"/>
  <c r="E293" i="18"/>
  <c r="E294" i="18"/>
  <c r="E295" i="18"/>
  <c r="E296" i="18"/>
  <c r="E297" i="18"/>
  <c r="E298" i="18"/>
  <c r="E299" i="18"/>
  <c r="E300" i="18"/>
  <c r="E301" i="18"/>
  <c r="E302" i="18"/>
  <c r="E303" i="18"/>
  <c r="E304" i="18"/>
  <c r="E305" i="18"/>
  <c r="E306" i="18"/>
  <c r="E307" i="18"/>
  <c r="E308" i="18"/>
  <c r="E309" i="18"/>
  <c r="E310" i="18"/>
  <c r="E311" i="18"/>
  <c r="E312" i="18"/>
  <c r="E313" i="18"/>
  <c r="E314" i="18"/>
  <c r="E315" i="18"/>
  <c r="E316" i="18"/>
  <c r="E317" i="18"/>
  <c r="E318" i="18"/>
  <c r="E319" i="18"/>
  <c r="E320" i="18"/>
  <c r="E321" i="18"/>
  <c r="E322" i="18"/>
  <c r="E323" i="18"/>
  <c r="E324" i="18"/>
  <c r="E325" i="18"/>
  <c r="E326" i="18"/>
  <c r="E327" i="18"/>
  <c r="E328" i="18"/>
  <c r="E329" i="18"/>
  <c r="E330" i="18"/>
  <c r="E331" i="18"/>
  <c r="E332" i="18"/>
  <c r="E333" i="18"/>
  <c r="E334" i="18"/>
  <c r="E335" i="18"/>
  <c r="E336" i="18"/>
  <c r="E337" i="18"/>
  <c r="E338" i="18"/>
  <c r="E339" i="18"/>
  <c r="E340" i="18"/>
  <c r="E341" i="18"/>
  <c r="E342" i="18"/>
  <c r="E343" i="18"/>
  <c r="E344" i="18"/>
  <c r="E345" i="18"/>
  <c r="E346" i="18"/>
  <c r="E347" i="18"/>
  <c r="E348" i="18"/>
  <c r="E349" i="18"/>
  <c r="E350" i="18"/>
  <c r="E351" i="18"/>
  <c r="E352" i="18"/>
  <c r="E353" i="18"/>
  <c r="E354" i="18"/>
  <c r="E355" i="18"/>
  <c r="E356" i="18"/>
  <c r="E357" i="18"/>
  <c r="E358" i="18"/>
  <c r="E359" i="18"/>
  <c r="E360" i="18"/>
  <c r="E361" i="18"/>
  <c r="E362" i="18"/>
  <c r="E363" i="18"/>
  <c r="E364" i="18"/>
  <c r="E365" i="18"/>
  <c r="E366" i="18"/>
  <c r="E367" i="18"/>
  <c r="E368" i="18"/>
  <c r="E369" i="18"/>
  <c r="E370" i="18"/>
  <c r="E371" i="18"/>
  <c r="E372" i="18"/>
  <c r="E373" i="18"/>
  <c r="E374" i="18"/>
  <c r="E375" i="18"/>
  <c r="E376" i="18"/>
  <c r="E377" i="18"/>
  <c r="E378" i="18"/>
  <c r="E379" i="18"/>
  <c r="E380" i="18"/>
  <c r="E381" i="18"/>
  <c r="E382" i="18"/>
  <c r="E383" i="18"/>
  <c r="E384" i="18"/>
  <c r="E385" i="18"/>
  <c r="E386" i="18"/>
  <c r="E2" i="18"/>
  <c r="D3" i="18"/>
  <c r="D4" i="18"/>
  <c r="D5" i="18"/>
  <c r="D6" i="18"/>
  <c r="D7" i="18"/>
  <c r="D8" i="18"/>
  <c r="D9" i="18"/>
  <c r="D10" i="18"/>
  <c r="D11" i="18"/>
  <c r="D12" i="18"/>
  <c r="D13" i="18"/>
  <c r="D14" i="18"/>
  <c r="D15" i="18"/>
  <c r="D16" i="18"/>
  <c r="D17" i="18"/>
  <c r="D18" i="18"/>
  <c r="D19" i="18"/>
  <c r="D20" i="18"/>
  <c r="D21" i="18"/>
  <c r="D22" i="18"/>
  <c r="D23" i="18"/>
  <c r="D24" i="18"/>
  <c r="D25" i="18"/>
  <c r="D26" i="18"/>
  <c r="D27" i="18"/>
  <c r="D28" i="18"/>
  <c r="D29" i="18"/>
  <c r="D30" i="18"/>
  <c r="D31" i="18"/>
  <c r="D32" i="18"/>
  <c r="D33" i="18"/>
  <c r="D34" i="18"/>
  <c r="D35" i="18"/>
  <c r="D36" i="18"/>
  <c r="D37" i="18"/>
  <c r="D38" i="18"/>
  <c r="D39" i="18"/>
  <c r="D40" i="18"/>
  <c r="D41" i="18"/>
  <c r="D42" i="18"/>
  <c r="D43" i="18"/>
  <c r="D44" i="18"/>
  <c r="D45" i="18"/>
  <c r="D46" i="18"/>
  <c r="D47" i="18"/>
  <c r="D48" i="18"/>
  <c r="D49" i="18"/>
  <c r="D50" i="18"/>
  <c r="D51" i="18"/>
  <c r="D52" i="18"/>
  <c r="D53" i="18"/>
  <c r="D54" i="18"/>
  <c r="D55" i="18"/>
  <c r="D56" i="18"/>
  <c r="D57" i="18"/>
  <c r="D58" i="18"/>
  <c r="D59" i="18"/>
  <c r="D60" i="18"/>
  <c r="D61" i="18"/>
  <c r="D62" i="18"/>
  <c r="D63" i="18"/>
  <c r="D64" i="18"/>
  <c r="D65" i="18"/>
  <c r="D66" i="18"/>
  <c r="D67" i="18"/>
  <c r="D68" i="18"/>
  <c r="D69" i="18"/>
  <c r="D70" i="18"/>
  <c r="D71" i="18"/>
  <c r="D72" i="18"/>
  <c r="D73" i="18"/>
  <c r="D74" i="18"/>
  <c r="D75" i="18"/>
  <c r="D76" i="18"/>
  <c r="D77" i="18"/>
  <c r="D78" i="18"/>
  <c r="D79" i="18"/>
  <c r="D80" i="18"/>
  <c r="D81" i="18"/>
  <c r="D82" i="18"/>
  <c r="D83" i="18"/>
  <c r="D84" i="18"/>
  <c r="D85" i="18"/>
  <c r="D86" i="18"/>
  <c r="D87" i="18"/>
  <c r="D88" i="18"/>
  <c r="D89" i="18"/>
  <c r="D90" i="18"/>
  <c r="D91" i="18"/>
  <c r="D92" i="18"/>
  <c r="D93" i="18"/>
  <c r="D94" i="18"/>
  <c r="D95" i="18"/>
  <c r="D96" i="18"/>
  <c r="D97" i="18"/>
  <c r="D98" i="18"/>
  <c r="D99" i="18"/>
  <c r="D100" i="18"/>
  <c r="D101" i="18"/>
  <c r="D102" i="18"/>
  <c r="D103" i="18"/>
  <c r="D104" i="18"/>
  <c r="D105" i="18"/>
  <c r="D106" i="18"/>
  <c r="D107" i="18"/>
  <c r="D108" i="18"/>
  <c r="D109" i="18"/>
  <c r="D110" i="18"/>
  <c r="D111" i="18"/>
  <c r="D112" i="18"/>
  <c r="D113" i="18"/>
  <c r="D114" i="18"/>
  <c r="D115" i="18"/>
  <c r="D116" i="18"/>
  <c r="D117" i="18"/>
  <c r="D118" i="18"/>
  <c r="D119" i="18"/>
  <c r="D120" i="18"/>
  <c r="D121" i="18"/>
  <c r="D122" i="18"/>
  <c r="D123" i="18"/>
  <c r="D124" i="18"/>
  <c r="D125" i="18"/>
  <c r="D126" i="18"/>
  <c r="D127" i="18"/>
  <c r="D128" i="18"/>
  <c r="D129" i="18"/>
  <c r="D130" i="18"/>
  <c r="D131" i="18"/>
  <c r="D132" i="18"/>
  <c r="D133" i="18"/>
  <c r="D134" i="18"/>
  <c r="D135" i="18"/>
  <c r="D136" i="18"/>
  <c r="D137" i="18"/>
  <c r="D138" i="18"/>
  <c r="D139" i="18"/>
  <c r="D140" i="18"/>
  <c r="D141" i="18"/>
  <c r="D142" i="18"/>
  <c r="D143" i="18"/>
  <c r="D144" i="18"/>
  <c r="D145" i="18"/>
  <c r="D146" i="18"/>
  <c r="D147" i="18"/>
  <c r="D148" i="18"/>
  <c r="D149" i="18"/>
  <c r="D150" i="18"/>
  <c r="D151" i="18"/>
  <c r="D152" i="18"/>
  <c r="D153" i="18"/>
  <c r="D154" i="18"/>
  <c r="D155" i="18"/>
  <c r="D156" i="18"/>
  <c r="D157" i="18"/>
  <c r="D158" i="18"/>
  <c r="D159" i="18"/>
  <c r="D160" i="18"/>
  <c r="D161" i="18"/>
  <c r="D162" i="18"/>
  <c r="D163" i="18"/>
  <c r="D164" i="18"/>
  <c r="D165" i="18"/>
  <c r="D166" i="18"/>
  <c r="D167" i="18"/>
  <c r="D168" i="18"/>
  <c r="D169" i="18"/>
  <c r="D170" i="18"/>
  <c r="D171" i="18"/>
  <c r="D172" i="18"/>
  <c r="D173" i="18"/>
  <c r="D174" i="18"/>
  <c r="D175" i="18"/>
  <c r="D176" i="18"/>
  <c r="D177" i="18"/>
  <c r="D178" i="18"/>
  <c r="D179" i="18"/>
  <c r="D180" i="18"/>
  <c r="D181" i="18"/>
  <c r="D182" i="18"/>
  <c r="D183" i="18"/>
  <c r="D184" i="18"/>
  <c r="D185" i="18"/>
  <c r="D186" i="18"/>
  <c r="D187" i="18"/>
  <c r="D188" i="18"/>
  <c r="D189" i="18"/>
  <c r="D190" i="18"/>
  <c r="D191" i="18"/>
  <c r="D192" i="18"/>
  <c r="D193" i="18"/>
  <c r="D194" i="18"/>
  <c r="D195" i="18"/>
  <c r="D196" i="18"/>
  <c r="D197" i="18"/>
  <c r="D198" i="18"/>
  <c r="D199" i="18"/>
  <c r="D200" i="18"/>
  <c r="D201" i="18"/>
  <c r="D202" i="18"/>
  <c r="D203" i="18"/>
  <c r="D204" i="18"/>
  <c r="D205" i="18"/>
  <c r="D206" i="18"/>
  <c r="D207" i="18"/>
  <c r="D208" i="18"/>
  <c r="D209" i="18"/>
  <c r="D210" i="18"/>
  <c r="D211" i="18"/>
  <c r="D212" i="18"/>
  <c r="D213" i="18"/>
  <c r="D214" i="18"/>
  <c r="D215" i="18"/>
  <c r="D216" i="18"/>
  <c r="D217" i="18"/>
  <c r="D218" i="18"/>
  <c r="D219" i="18"/>
  <c r="D220" i="18"/>
  <c r="D221" i="18"/>
  <c r="D222" i="18"/>
  <c r="D223" i="18"/>
  <c r="D224" i="18"/>
  <c r="D225" i="18"/>
  <c r="D226" i="18"/>
  <c r="D227" i="18"/>
  <c r="D228" i="18"/>
  <c r="D229" i="18"/>
  <c r="D230" i="18"/>
  <c r="D231" i="18"/>
  <c r="D232" i="18"/>
  <c r="D233" i="18"/>
  <c r="D234" i="18"/>
  <c r="D235" i="18"/>
  <c r="D236" i="18"/>
  <c r="D237" i="18"/>
  <c r="D238" i="18"/>
  <c r="D239" i="18"/>
  <c r="D240" i="18"/>
  <c r="D241" i="18"/>
  <c r="D242" i="18"/>
  <c r="D243" i="18"/>
  <c r="D244" i="18"/>
  <c r="D245" i="18"/>
  <c r="D246" i="18"/>
  <c r="D247" i="18"/>
  <c r="D248" i="18"/>
  <c r="D249" i="18"/>
  <c r="D250" i="18"/>
  <c r="D251" i="18"/>
  <c r="D252" i="18"/>
  <c r="D253" i="18"/>
  <c r="D254" i="18"/>
  <c r="D255" i="18"/>
  <c r="D256" i="18"/>
  <c r="D257" i="18"/>
  <c r="D258" i="18"/>
  <c r="D259" i="18"/>
  <c r="D260" i="18"/>
  <c r="D261" i="18"/>
  <c r="D262" i="18"/>
  <c r="D263" i="18"/>
  <c r="D264" i="18"/>
  <c r="D265" i="18"/>
  <c r="D266" i="18"/>
  <c r="D267" i="18"/>
  <c r="D268" i="18"/>
  <c r="D269" i="18"/>
  <c r="D270" i="18"/>
  <c r="D271" i="18"/>
  <c r="D272" i="18"/>
  <c r="D273" i="18"/>
  <c r="D274" i="18"/>
  <c r="D275" i="18"/>
  <c r="D276" i="18"/>
  <c r="D277" i="18"/>
  <c r="D278" i="18"/>
  <c r="D279" i="18"/>
  <c r="D280" i="18"/>
  <c r="D281" i="18"/>
  <c r="D282" i="18"/>
  <c r="D283" i="18"/>
  <c r="D284" i="18"/>
  <c r="D285" i="18"/>
  <c r="D286" i="18"/>
  <c r="D287" i="18"/>
  <c r="D288" i="18"/>
  <c r="D289" i="18"/>
  <c r="D290" i="18"/>
  <c r="D291" i="18"/>
  <c r="D292" i="18"/>
  <c r="D293" i="18"/>
  <c r="D294" i="18"/>
  <c r="D295" i="18"/>
  <c r="D296" i="18"/>
  <c r="D297" i="18"/>
  <c r="D298" i="18"/>
  <c r="D299" i="18"/>
  <c r="D300" i="18"/>
  <c r="D301" i="18"/>
  <c r="D302" i="18"/>
  <c r="D303" i="18"/>
  <c r="D304" i="18"/>
  <c r="D305" i="18"/>
  <c r="D306" i="18"/>
  <c r="D307" i="18"/>
  <c r="D308" i="18"/>
  <c r="D309" i="18"/>
  <c r="D310" i="18"/>
  <c r="D311" i="18"/>
  <c r="D312" i="18"/>
  <c r="D313" i="18"/>
  <c r="D314" i="18"/>
  <c r="D315" i="18"/>
  <c r="D316" i="18"/>
  <c r="D317" i="18"/>
  <c r="D318" i="18"/>
  <c r="D319" i="18"/>
  <c r="D320" i="18"/>
  <c r="D321" i="18"/>
  <c r="D322" i="18"/>
  <c r="D323" i="18"/>
  <c r="D324" i="18"/>
  <c r="D325" i="18"/>
  <c r="D326" i="18"/>
  <c r="D327" i="18"/>
  <c r="D328" i="18"/>
  <c r="D329" i="18"/>
  <c r="D330" i="18"/>
  <c r="D331" i="18"/>
  <c r="D332" i="18"/>
  <c r="D333" i="18"/>
  <c r="D334" i="18"/>
  <c r="D335" i="18"/>
  <c r="D336" i="18"/>
  <c r="D337" i="18"/>
  <c r="D338" i="18"/>
  <c r="D339" i="18"/>
  <c r="D340" i="18"/>
  <c r="D341" i="18"/>
  <c r="D342" i="18"/>
  <c r="D343" i="18"/>
  <c r="D344" i="18"/>
  <c r="D345" i="18"/>
  <c r="D346" i="18"/>
  <c r="D347" i="18"/>
  <c r="D348" i="18"/>
  <c r="D349" i="18"/>
  <c r="D350" i="18"/>
  <c r="D351" i="18"/>
  <c r="D352" i="18"/>
  <c r="D353" i="18"/>
  <c r="D354" i="18"/>
  <c r="D355" i="18"/>
  <c r="D356" i="18"/>
  <c r="D357" i="18"/>
  <c r="D358" i="18"/>
  <c r="D359" i="18"/>
  <c r="D360" i="18"/>
  <c r="D361" i="18"/>
  <c r="D362" i="18"/>
  <c r="D363" i="18"/>
  <c r="D364" i="18"/>
  <c r="D365" i="18"/>
  <c r="D366" i="18"/>
  <c r="D367" i="18"/>
  <c r="D368" i="18"/>
  <c r="D369" i="18"/>
  <c r="D370" i="18"/>
  <c r="D371" i="18"/>
  <c r="D372" i="18"/>
  <c r="D373" i="18"/>
  <c r="D374" i="18"/>
  <c r="D375" i="18"/>
  <c r="D376" i="18"/>
  <c r="D377" i="18"/>
  <c r="D378" i="18"/>
  <c r="D379" i="18"/>
  <c r="D380" i="18"/>
  <c r="D381" i="18"/>
  <c r="D382" i="18"/>
  <c r="D383" i="18"/>
  <c r="D384" i="18"/>
  <c r="D385" i="18"/>
  <c r="D386" i="18"/>
  <c r="D2" i="18"/>
  <c r="F3" i="16"/>
  <c r="F4" i="16"/>
  <c r="F5" i="16"/>
  <c r="F6" i="16"/>
  <c r="F7" i="16"/>
  <c r="F8" i="16"/>
  <c r="F9" i="16"/>
  <c r="F10" i="16"/>
  <c r="F11" i="16"/>
  <c r="F12" i="16"/>
  <c r="F13" i="16"/>
  <c r="F14" i="16"/>
  <c r="F15" i="16"/>
  <c r="F16" i="16"/>
  <c r="F17" i="16"/>
  <c r="F18" i="16"/>
  <c r="F19" i="16"/>
  <c r="F20" i="16"/>
  <c r="F21" i="16"/>
  <c r="F22" i="16"/>
  <c r="F23" i="16"/>
  <c r="F24" i="16"/>
  <c r="F25" i="16"/>
  <c r="F26" i="16"/>
  <c r="F27" i="16"/>
  <c r="F28" i="16"/>
  <c r="F29" i="16"/>
  <c r="F30" i="16"/>
  <c r="F31" i="16"/>
  <c r="F32" i="16"/>
  <c r="F33" i="16"/>
  <c r="F34" i="16"/>
  <c r="F35" i="16"/>
  <c r="F36" i="16"/>
  <c r="F37" i="16"/>
  <c r="F38" i="16"/>
  <c r="F39" i="16"/>
  <c r="F40" i="16"/>
  <c r="F41" i="16"/>
  <c r="F42" i="16"/>
  <c r="F43" i="16"/>
  <c r="F44" i="16"/>
  <c r="F45" i="16"/>
  <c r="F46" i="16"/>
  <c r="F47" i="16"/>
  <c r="F48" i="16"/>
  <c r="F49" i="16"/>
  <c r="F50" i="16"/>
  <c r="F51" i="16"/>
  <c r="F52" i="16"/>
  <c r="F53" i="16"/>
  <c r="F54" i="16"/>
  <c r="F55" i="16"/>
  <c r="F56" i="16"/>
  <c r="F57" i="16"/>
  <c r="F58" i="16"/>
  <c r="F59" i="16"/>
  <c r="F60" i="16"/>
  <c r="F61" i="16"/>
  <c r="F62" i="16"/>
  <c r="F63" i="16"/>
  <c r="F64" i="16"/>
  <c r="F65" i="16"/>
  <c r="F66" i="16"/>
  <c r="F67" i="16"/>
  <c r="F68" i="16"/>
  <c r="F69" i="16"/>
  <c r="F70" i="16"/>
  <c r="F71" i="16"/>
  <c r="F72" i="16"/>
  <c r="F73" i="16"/>
  <c r="F74" i="16"/>
  <c r="F75" i="16"/>
  <c r="F76" i="16"/>
  <c r="F77" i="16"/>
  <c r="F78" i="16"/>
  <c r="F79" i="16"/>
  <c r="F80" i="16"/>
  <c r="F81" i="16"/>
  <c r="F82" i="16"/>
  <c r="F83" i="16"/>
  <c r="F84" i="16"/>
  <c r="F85" i="16"/>
  <c r="F86" i="16"/>
  <c r="F87" i="16"/>
  <c r="F88" i="16"/>
  <c r="F89" i="16"/>
  <c r="F90" i="16"/>
  <c r="F91" i="16"/>
  <c r="F92" i="16"/>
  <c r="F93" i="16"/>
  <c r="F94" i="16"/>
  <c r="F95" i="16"/>
  <c r="F96" i="16"/>
  <c r="F97" i="16"/>
  <c r="F98" i="16"/>
  <c r="F99" i="16"/>
  <c r="F100" i="16"/>
  <c r="F101" i="16"/>
  <c r="F102" i="16"/>
  <c r="F103" i="16"/>
  <c r="F104" i="16"/>
  <c r="F105" i="16"/>
  <c r="F106" i="16"/>
  <c r="F107" i="16"/>
  <c r="F108" i="16"/>
  <c r="F109" i="16"/>
  <c r="F110" i="16"/>
  <c r="F111" i="16"/>
  <c r="F112" i="16"/>
  <c r="F113" i="16"/>
  <c r="F114" i="16"/>
  <c r="F115" i="16"/>
  <c r="F116" i="16"/>
  <c r="F117" i="16"/>
  <c r="F118" i="16"/>
  <c r="F119" i="16"/>
  <c r="F120" i="16"/>
  <c r="F121" i="16"/>
  <c r="F122" i="16"/>
  <c r="F123" i="16"/>
  <c r="F124" i="16"/>
  <c r="F125" i="16"/>
  <c r="F126" i="16"/>
  <c r="F127" i="16"/>
  <c r="F128" i="16"/>
  <c r="F129" i="16"/>
  <c r="F130" i="16"/>
  <c r="F131" i="16"/>
  <c r="F132" i="16"/>
  <c r="F133" i="16"/>
  <c r="F134" i="16"/>
  <c r="F135" i="16"/>
  <c r="F136" i="16"/>
  <c r="F137" i="16"/>
  <c r="F138" i="16"/>
  <c r="F139" i="16"/>
  <c r="F140" i="16"/>
  <c r="F141" i="16"/>
  <c r="F142" i="16"/>
  <c r="F143" i="16"/>
  <c r="F144" i="16"/>
  <c r="F145" i="16"/>
  <c r="F146" i="16"/>
  <c r="F147" i="16"/>
  <c r="F148" i="16"/>
  <c r="F149" i="16"/>
  <c r="F150" i="16"/>
  <c r="F151" i="16"/>
  <c r="F152" i="16"/>
  <c r="F153" i="16"/>
  <c r="F154" i="16"/>
  <c r="F155" i="16"/>
  <c r="F156" i="16"/>
  <c r="F157" i="16"/>
  <c r="F158" i="16"/>
  <c r="F159" i="16"/>
  <c r="F160" i="16"/>
  <c r="F161" i="16"/>
  <c r="F162" i="16"/>
  <c r="F163" i="16"/>
  <c r="F164" i="16"/>
  <c r="F165" i="16"/>
  <c r="F166" i="16"/>
  <c r="F167" i="16"/>
  <c r="F168" i="16"/>
  <c r="F169" i="16"/>
  <c r="F170" i="16"/>
  <c r="F171" i="16"/>
  <c r="F172" i="16"/>
  <c r="F173" i="16"/>
  <c r="F174" i="16"/>
  <c r="F175" i="16"/>
  <c r="F176" i="16"/>
  <c r="F177" i="16"/>
  <c r="F178" i="16"/>
  <c r="F179" i="16"/>
  <c r="F180" i="16"/>
  <c r="F181" i="16"/>
  <c r="F182" i="16"/>
  <c r="F183" i="16"/>
  <c r="F184" i="16"/>
  <c r="F185" i="16"/>
  <c r="F186" i="16"/>
  <c r="F187" i="16"/>
  <c r="F188" i="16"/>
  <c r="F189" i="16"/>
  <c r="F190" i="16"/>
  <c r="F191" i="16"/>
  <c r="F192" i="16"/>
  <c r="F193" i="16"/>
  <c r="F194" i="16"/>
  <c r="F195" i="16"/>
  <c r="F196" i="16"/>
  <c r="F197" i="16"/>
  <c r="F198" i="16"/>
  <c r="F199" i="16"/>
  <c r="F200" i="16"/>
  <c r="F201" i="16"/>
  <c r="F202" i="16"/>
  <c r="F203" i="16"/>
  <c r="F204" i="16"/>
  <c r="F205" i="16"/>
  <c r="F206" i="16"/>
  <c r="F207" i="16"/>
  <c r="F208" i="16"/>
  <c r="F209" i="16"/>
  <c r="F210" i="16"/>
  <c r="F211" i="16"/>
  <c r="F212" i="16"/>
  <c r="F213" i="16"/>
  <c r="F214" i="16"/>
  <c r="F215" i="16"/>
  <c r="F216" i="16"/>
  <c r="F217" i="16"/>
  <c r="F218" i="16"/>
  <c r="F219" i="16"/>
  <c r="F220" i="16"/>
  <c r="F221" i="16"/>
  <c r="F222" i="16"/>
  <c r="F223" i="16"/>
  <c r="F224" i="16"/>
  <c r="F225" i="16"/>
  <c r="F226" i="16"/>
  <c r="F227" i="16"/>
  <c r="F228" i="16"/>
  <c r="F229" i="16"/>
  <c r="F230" i="16"/>
  <c r="F231" i="16"/>
  <c r="F232" i="16"/>
  <c r="F233" i="16"/>
  <c r="F234" i="16"/>
  <c r="F235" i="16"/>
  <c r="F236" i="16"/>
  <c r="F237" i="16"/>
  <c r="F238" i="16"/>
  <c r="F239" i="16"/>
  <c r="F240" i="16"/>
  <c r="F241" i="16"/>
  <c r="F242" i="16"/>
  <c r="F243" i="16"/>
  <c r="F244" i="16"/>
  <c r="F245" i="16"/>
  <c r="F246" i="16"/>
  <c r="F247" i="16"/>
  <c r="F248" i="16"/>
  <c r="F249" i="16"/>
  <c r="F250" i="16"/>
  <c r="F251" i="16"/>
  <c r="F252" i="16"/>
  <c r="F253" i="16"/>
  <c r="F254" i="16"/>
  <c r="F255" i="16"/>
  <c r="F256" i="16"/>
  <c r="F257" i="16"/>
  <c r="F258" i="16"/>
  <c r="F259" i="16"/>
  <c r="F260" i="16"/>
  <c r="F261" i="16"/>
  <c r="F262" i="16"/>
  <c r="F263" i="16"/>
  <c r="F264" i="16"/>
  <c r="F265" i="16"/>
  <c r="F266" i="16"/>
  <c r="F267" i="16"/>
  <c r="F268" i="16"/>
  <c r="F269" i="16"/>
  <c r="F270" i="16"/>
  <c r="F271" i="16"/>
  <c r="F272" i="16"/>
  <c r="F273" i="16"/>
  <c r="F274" i="16"/>
  <c r="F275" i="16"/>
  <c r="F276" i="16"/>
  <c r="F277" i="16"/>
  <c r="F278" i="16"/>
  <c r="F279" i="16"/>
  <c r="F280" i="16"/>
  <c r="F281" i="16"/>
  <c r="F282" i="16"/>
  <c r="F283" i="16"/>
  <c r="F284" i="16"/>
  <c r="F285" i="16"/>
  <c r="F286" i="16"/>
  <c r="F287" i="16"/>
  <c r="F288" i="16"/>
  <c r="F289" i="16"/>
  <c r="F290" i="16"/>
  <c r="F291" i="16"/>
  <c r="F292" i="16"/>
  <c r="F293" i="16"/>
  <c r="F294" i="16"/>
  <c r="F295" i="16"/>
  <c r="F296" i="16"/>
  <c r="F297" i="16"/>
  <c r="F298" i="16"/>
  <c r="F299" i="16"/>
  <c r="F300" i="16"/>
  <c r="F301" i="16"/>
  <c r="F302" i="16"/>
  <c r="F303" i="16"/>
  <c r="F304" i="16"/>
  <c r="F305" i="16"/>
  <c r="F306" i="16"/>
  <c r="F307" i="16"/>
  <c r="F308" i="16"/>
  <c r="F309" i="16"/>
  <c r="F310" i="16"/>
  <c r="F311" i="16"/>
  <c r="F312" i="16"/>
  <c r="F313" i="16"/>
  <c r="F314" i="16"/>
  <c r="F315" i="16"/>
  <c r="F316" i="16"/>
  <c r="F317" i="16"/>
  <c r="F318" i="16"/>
  <c r="F319" i="16"/>
  <c r="F320" i="16"/>
  <c r="F321" i="16"/>
  <c r="F322" i="16"/>
  <c r="F323" i="16"/>
  <c r="F324" i="16"/>
  <c r="F325" i="16"/>
  <c r="F326" i="16"/>
  <c r="F327" i="16"/>
  <c r="F328" i="16"/>
  <c r="F329" i="16"/>
  <c r="F330" i="16"/>
  <c r="F331" i="16"/>
  <c r="F332" i="16"/>
  <c r="F333" i="16"/>
  <c r="F334" i="16"/>
  <c r="F335" i="16"/>
  <c r="F336" i="16"/>
  <c r="F337" i="16"/>
  <c r="F338" i="16"/>
  <c r="F339" i="16"/>
  <c r="F340" i="16"/>
  <c r="F341" i="16"/>
  <c r="F342" i="16"/>
  <c r="F343" i="16"/>
  <c r="F344" i="16"/>
  <c r="F345" i="16"/>
  <c r="F346" i="16"/>
  <c r="F347" i="16"/>
  <c r="F348" i="16"/>
  <c r="F349" i="16"/>
  <c r="F350" i="16"/>
  <c r="F351" i="16"/>
  <c r="F352" i="16"/>
  <c r="F353" i="16"/>
  <c r="F354" i="16"/>
  <c r="F355" i="16"/>
  <c r="F356" i="16"/>
  <c r="F357" i="16"/>
  <c r="F358" i="16"/>
  <c r="F359" i="16"/>
  <c r="F360" i="16"/>
  <c r="F361" i="16"/>
  <c r="F362" i="16"/>
  <c r="F363" i="16"/>
  <c r="F364" i="16"/>
  <c r="F365" i="16"/>
  <c r="F366" i="16"/>
  <c r="F367" i="16"/>
  <c r="F368" i="16"/>
  <c r="F369" i="16"/>
  <c r="F370" i="16"/>
  <c r="F371" i="16"/>
  <c r="F372" i="16"/>
  <c r="F373" i="16"/>
  <c r="F374" i="16"/>
  <c r="F375" i="16"/>
  <c r="F376" i="16"/>
  <c r="F377" i="16"/>
  <c r="F378" i="16"/>
  <c r="F379" i="16"/>
  <c r="F380" i="16"/>
  <c r="F381" i="16"/>
  <c r="F382" i="16"/>
  <c r="F383" i="16"/>
  <c r="F384" i="16"/>
  <c r="F385" i="16"/>
  <c r="F386" i="16"/>
  <c r="F387" i="16"/>
  <c r="F388" i="16"/>
  <c r="F389" i="16"/>
  <c r="F390" i="16"/>
  <c r="F391" i="16"/>
  <c r="F392" i="16"/>
  <c r="F393" i="16"/>
  <c r="F394" i="16"/>
  <c r="F395" i="16"/>
  <c r="F396" i="16"/>
  <c r="F397" i="16"/>
  <c r="F398" i="16"/>
  <c r="F399" i="16"/>
  <c r="F400" i="16"/>
  <c r="F401" i="16"/>
  <c r="F402" i="16"/>
  <c r="F403" i="16"/>
  <c r="F404" i="16"/>
  <c r="F405" i="16"/>
  <c r="F406" i="16"/>
  <c r="F407" i="16"/>
  <c r="F408" i="16"/>
  <c r="F409" i="16"/>
  <c r="F410" i="16"/>
  <c r="F411" i="16"/>
  <c r="F412" i="16"/>
  <c r="F413" i="16"/>
  <c r="F3" i="5"/>
  <c r="F4" i="5"/>
  <c r="F5" i="5"/>
  <c r="F6" i="5"/>
  <c r="F7" i="5"/>
  <c r="F8" i="5"/>
  <c r="F9" i="5"/>
  <c r="F10" i="5"/>
  <c r="F11" i="5"/>
  <c r="F12" i="5"/>
  <c r="F13" i="5"/>
  <c r="F14" i="5"/>
  <c r="F15" i="5"/>
  <c r="F16" i="5"/>
  <c r="F17" i="5"/>
  <c r="F18" i="5"/>
  <c r="F19" i="5"/>
  <c r="F20" i="5"/>
  <c r="F21" i="5"/>
  <c r="F22" i="5"/>
  <c r="F23" i="5"/>
  <c r="F24" i="5"/>
  <c r="F25" i="5"/>
  <c r="F26" i="5"/>
  <c r="F27" i="5"/>
  <c r="F28" i="5"/>
  <c r="F29" i="5"/>
  <c r="F30" i="5"/>
  <c r="F31" i="5"/>
  <c r="F32" i="5"/>
  <c r="F33" i="5"/>
  <c r="F34" i="5"/>
  <c r="F35" i="5"/>
  <c r="F36" i="5"/>
  <c r="F37" i="5"/>
  <c r="F38" i="5"/>
  <c r="F39" i="5"/>
  <c r="F40" i="5"/>
  <c r="F41" i="5"/>
  <c r="F42" i="5"/>
  <c r="F43" i="5"/>
  <c r="F44" i="5"/>
  <c r="F45" i="5"/>
  <c r="F46" i="5"/>
  <c r="F47" i="5"/>
  <c r="F48" i="5"/>
  <c r="F49" i="5"/>
  <c r="F50" i="5"/>
  <c r="F51" i="5"/>
  <c r="F52" i="5"/>
  <c r="F53" i="5"/>
  <c r="F54" i="5"/>
  <c r="F55" i="5"/>
  <c r="F56" i="5"/>
  <c r="F57" i="5"/>
  <c r="F58" i="5"/>
  <c r="F59" i="5"/>
  <c r="F60" i="5"/>
  <c r="F61" i="5"/>
  <c r="F62" i="5"/>
  <c r="F63" i="5"/>
  <c r="F64" i="5"/>
  <c r="F65" i="5"/>
  <c r="F66" i="5"/>
  <c r="F67" i="5"/>
  <c r="F68" i="5"/>
  <c r="F69" i="5"/>
  <c r="F70" i="5"/>
  <c r="F71" i="5"/>
  <c r="F72" i="5"/>
  <c r="F73" i="5"/>
  <c r="F74" i="5"/>
  <c r="F75" i="5"/>
  <c r="F76" i="5"/>
  <c r="F77" i="5"/>
  <c r="F78" i="5"/>
  <c r="F79" i="5"/>
  <c r="F80" i="5"/>
  <c r="F81" i="5"/>
  <c r="F82" i="5"/>
  <c r="F83" i="5"/>
  <c r="F84" i="5"/>
  <c r="F85" i="5"/>
  <c r="F86" i="5"/>
  <c r="F87" i="5"/>
  <c r="F88" i="5"/>
  <c r="F89" i="5"/>
  <c r="F90" i="5"/>
  <c r="F91" i="5"/>
  <c r="F92" i="5"/>
  <c r="F93" i="5"/>
  <c r="F94" i="5"/>
  <c r="F95" i="5"/>
  <c r="F96" i="5"/>
  <c r="F97" i="5"/>
  <c r="F98" i="5"/>
  <c r="F99" i="5"/>
  <c r="F100" i="5"/>
  <c r="F101" i="5"/>
  <c r="F102" i="5"/>
  <c r="F103" i="5"/>
  <c r="F104" i="5"/>
  <c r="F105" i="5"/>
  <c r="F106" i="5"/>
  <c r="F107" i="5"/>
  <c r="F108" i="5"/>
  <c r="F109" i="5"/>
  <c r="F110" i="5"/>
  <c r="F111" i="5"/>
  <c r="F112" i="5"/>
  <c r="F113" i="5"/>
  <c r="F114" i="5"/>
  <c r="F115" i="5"/>
  <c r="F116" i="5"/>
  <c r="F117" i="5"/>
  <c r="F118" i="5"/>
  <c r="F119" i="5"/>
  <c r="F120" i="5"/>
  <c r="F121" i="5"/>
  <c r="F122" i="5"/>
  <c r="F123" i="5"/>
  <c r="F124" i="5"/>
  <c r="F125" i="5"/>
  <c r="F126" i="5"/>
  <c r="F127" i="5"/>
  <c r="F128" i="5"/>
  <c r="F129" i="5"/>
  <c r="F130" i="5"/>
  <c r="F131" i="5"/>
  <c r="F132" i="5"/>
  <c r="F133" i="5"/>
  <c r="F134" i="5"/>
  <c r="F135" i="5"/>
  <c r="F136" i="5"/>
  <c r="F137" i="5"/>
  <c r="F138" i="5"/>
  <c r="F139" i="5"/>
  <c r="F140" i="5"/>
  <c r="F141" i="5"/>
  <c r="F142" i="5"/>
  <c r="F143" i="5"/>
  <c r="F144" i="5"/>
  <c r="F145" i="5"/>
  <c r="F146" i="5"/>
  <c r="F147" i="5"/>
  <c r="F148" i="5"/>
  <c r="F149" i="5"/>
  <c r="F150" i="5"/>
  <c r="F151" i="5"/>
  <c r="F152" i="5"/>
  <c r="F153" i="5"/>
  <c r="F154" i="5"/>
  <c r="F155" i="5"/>
  <c r="F156" i="5"/>
  <c r="F157" i="5"/>
  <c r="F158" i="5"/>
  <c r="F159" i="5"/>
  <c r="F160" i="5"/>
  <c r="F161" i="5"/>
  <c r="F162" i="5"/>
  <c r="F163" i="5"/>
  <c r="F164" i="5"/>
  <c r="F165" i="5"/>
  <c r="F166" i="5"/>
  <c r="F167" i="5"/>
  <c r="F168" i="5"/>
  <c r="F169" i="5"/>
  <c r="F170" i="5"/>
  <c r="F171" i="5"/>
  <c r="F172" i="5"/>
  <c r="F173" i="5"/>
  <c r="F174" i="5"/>
  <c r="F175" i="5"/>
  <c r="F176" i="5"/>
  <c r="F177" i="5"/>
  <c r="F178" i="5"/>
  <c r="F179" i="5"/>
  <c r="F180" i="5"/>
  <c r="F181" i="5"/>
  <c r="F182" i="5"/>
  <c r="F183" i="5"/>
  <c r="F184" i="5"/>
  <c r="F185" i="5"/>
  <c r="F186" i="5"/>
  <c r="F187" i="5"/>
  <c r="F188" i="5"/>
  <c r="F189" i="5"/>
  <c r="F190" i="5"/>
  <c r="F191" i="5"/>
  <c r="F192" i="5"/>
  <c r="F193" i="5"/>
  <c r="F194" i="5"/>
  <c r="F195" i="5"/>
  <c r="F196" i="5"/>
  <c r="F197" i="5"/>
  <c r="F198" i="5"/>
  <c r="F199" i="5"/>
  <c r="F200" i="5"/>
  <c r="F201" i="5"/>
  <c r="F202" i="5"/>
  <c r="F203" i="5"/>
  <c r="F204" i="5"/>
  <c r="F205" i="5"/>
  <c r="F206" i="5"/>
  <c r="F207" i="5"/>
  <c r="F208" i="5"/>
  <c r="F209" i="5"/>
  <c r="F210" i="5"/>
  <c r="F211" i="5"/>
  <c r="F212" i="5"/>
  <c r="F213" i="5"/>
  <c r="F214" i="5"/>
  <c r="F215" i="5"/>
  <c r="F216" i="5"/>
  <c r="F217" i="5"/>
  <c r="F218" i="5"/>
  <c r="F219" i="5"/>
  <c r="F220" i="5"/>
  <c r="F221" i="5"/>
  <c r="F222" i="5"/>
  <c r="F223" i="5"/>
  <c r="F224" i="5"/>
  <c r="F225" i="5"/>
  <c r="F226" i="5"/>
  <c r="F227" i="5"/>
  <c r="F228" i="5"/>
  <c r="F229" i="5"/>
  <c r="F230" i="5"/>
  <c r="F231" i="5"/>
  <c r="F232" i="5"/>
  <c r="F233" i="5"/>
  <c r="F234" i="5"/>
  <c r="F235" i="5"/>
  <c r="F236" i="5"/>
  <c r="F237" i="5"/>
  <c r="F238" i="5"/>
  <c r="F239" i="5"/>
  <c r="F240" i="5"/>
  <c r="F241" i="5"/>
  <c r="F242" i="5"/>
  <c r="F243" i="5"/>
  <c r="F244" i="5"/>
  <c r="F245" i="5"/>
  <c r="F246" i="5"/>
  <c r="F247" i="5"/>
  <c r="F248" i="5"/>
  <c r="F249" i="5"/>
  <c r="F250" i="5"/>
  <c r="F251" i="5"/>
  <c r="F252" i="5"/>
  <c r="F253" i="5"/>
  <c r="F254" i="5"/>
  <c r="F255" i="5"/>
  <c r="F256" i="5"/>
  <c r="F257" i="5"/>
  <c r="F258" i="5"/>
  <c r="F259" i="5"/>
  <c r="F260" i="5"/>
  <c r="F261" i="5"/>
  <c r="F262" i="5"/>
  <c r="F263" i="5"/>
  <c r="F264" i="5"/>
  <c r="F265" i="5"/>
  <c r="F266" i="5"/>
  <c r="F267" i="5"/>
  <c r="F268" i="5"/>
  <c r="F269" i="5"/>
  <c r="F270" i="5"/>
  <c r="F271" i="5"/>
  <c r="F272" i="5"/>
  <c r="F273" i="5"/>
  <c r="F274" i="5"/>
  <c r="F275" i="5"/>
  <c r="F276" i="5"/>
  <c r="F277" i="5"/>
  <c r="F278" i="5"/>
  <c r="F279" i="5"/>
  <c r="F280" i="5"/>
  <c r="F281" i="5"/>
  <c r="F282" i="5"/>
  <c r="F283" i="5"/>
  <c r="F284" i="5"/>
  <c r="F285" i="5"/>
  <c r="F286" i="5"/>
  <c r="F287" i="5"/>
  <c r="F288" i="5"/>
  <c r="F289" i="5"/>
  <c r="F290" i="5"/>
  <c r="F291" i="5"/>
  <c r="F292" i="5"/>
  <c r="F293" i="5"/>
  <c r="F294" i="5"/>
  <c r="F295" i="5"/>
  <c r="F296" i="5"/>
  <c r="F297" i="5"/>
  <c r="F298" i="5"/>
  <c r="F299" i="5"/>
  <c r="F300" i="5"/>
  <c r="F301" i="5"/>
  <c r="F302" i="5"/>
  <c r="F303" i="5"/>
  <c r="F304" i="5"/>
  <c r="F305" i="5"/>
  <c r="F306" i="5"/>
  <c r="F307" i="5"/>
  <c r="F308" i="5"/>
  <c r="F309" i="5"/>
  <c r="F310" i="5"/>
  <c r="F311" i="5"/>
  <c r="F312" i="5"/>
  <c r="F313" i="5"/>
  <c r="F314" i="5"/>
  <c r="F315" i="5"/>
  <c r="F316" i="5"/>
  <c r="F317" i="5"/>
  <c r="F318" i="5"/>
  <c r="F319" i="5"/>
  <c r="F320" i="5"/>
  <c r="F321" i="5"/>
  <c r="F322" i="5"/>
  <c r="F323" i="5"/>
  <c r="F324" i="5"/>
  <c r="F325" i="5"/>
  <c r="F326" i="5"/>
  <c r="F327" i="5"/>
  <c r="F328" i="5"/>
  <c r="F329" i="5"/>
  <c r="F330" i="5"/>
  <c r="F331" i="5"/>
  <c r="F332" i="5"/>
  <c r="F333" i="5"/>
  <c r="F334" i="5"/>
  <c r="F335" i="5"/>
  <c r="F336" i="5"/>
  <c r="F337" i="5"/>
  <c r="F338" i="5"/>
  <c r="F339" i="5"/>
  <c r="F340" i="5"/>
  <c r="F341" i="5"/>
  <c r="F342" i="5"/>
  <c r="F343" i="5"/>
  <c r="F344" i="5"/>
  <c r="F345" i="5"/>
  <c r="F346" i="5"/>
  <c r="F347" i="5"/>
  <c r="F348" i="5"/>
  <c r="F349" i="5"/>
  <c r="F350" i="5"/>
  <c r="F351" i="5"/>
  <c r="F352" i="5"/>
  <c r="F353" i="5"/>
  <c r="F354" i="5"/>
  <c r="F355" i="5"/>
  <c r="F356" i="5"/>
  <c r="F357" i="5"/>
  <c r="F358" i="5"/>
  <c r="F359" i="5"/>
  <c r="F360" i="5"/>
  <c r="F361" i="5"/>
  <c r="F362" i="5"/>
  <c r="F363" i="5"/>
  <c r="F364" i="5"/>
  <c r="F365" i="5"/>
  <c r="F366" i="5"/>
  <c r="F367" i="5"/>
  <c r="F368" i="5"/>
  <c r="F369" i="5"/>
  <c r="F370" i="5"/>
  <c r="F371" i="5"/>
  <c r="F372" i="5"/>
  <c r="F373" i="5"/>
  <c r="F374" i="5"/>
  <c r="F375" i="5"/>
  <c r="F376" i="5"/>
  <c r="F377" i="5"/>
  <c r="F378" i="5"/>
  <c r="F379" i="5"/>
  <c r="F380" i="5"/>
  <c r="F381" i="5"/>
  <c r="F382" i="5"/>
  <c r="F383" i="5"/>
  <c r="F384" i="5"/>
  <c r="F385" i="5"/>
  <c r="F386" i="5"/>
  <c r="F387" i="5"/>
  <c r="F388" i="5"/>
  <c r="F389" i="5"/>
  <c r="F390" i="5"/>
  <c r="F391" i="5"/>
  <c r="F392" i="5"/>
  <c r="F393" i="5"/>
  <c r="F394" i="5"/>
  <c r="F395" i="5"/>
  <c r="F396" i="5"/>
  <c r="F397" i="5"/>
  <c r="F398" i="5"/>
  <c r="F399" i="5"/>
  <c r="F400" i="5"/>
  <c r="F401" i="5"/>
  <c r="F402" i="5"/>
  <c r="F403" i="5"/>
  <c r="F404" i="5"/>
  <c r="F405" i="5"/>
  <c r="F406" i="5"/>
  <c r="F407" i="5"/>
  <c r="F408" i="5"/>
  <c r="F409" i="5"/>
  <c r="F3" i="4"/>
  <c r="F4" i="4"/>
  <c r="F5" i="4"/>
  <c r="F6" i="4"/>
  <c r="F7" i="4"/>
  <c r="F8" i="4"/>
  <c r="F9" i="4"/>
  <c r="F10" i="4"/>
  <c r="F11" i="4"/>
  <c r="F12" i="4"/>
  <c r="F13" i="4"/>
  <c r="F14" i="4"/>
  <c r="F15" i="4"/>
  <c r="F16" i="4"/>
  <c r="F17" i="4"/>
  <c r="F18" i="4"/>
  <c r="F19" i="4"/>
  <c r="F20" i="4"/>
  <c r="F21" i="4"/>
  <c r="F22" i="4"/>
  <c r="F23" i="4"/>
  <c r="F24" i="4"/>
  <c r="F25" i="4"/>
  <c r="F26" i="4"/>
  <c r="F27" i="4"/>
  <c r="F28" i="4"/>
  <c r="F29" i="4"/>
  <c r="F30" i="4"/>
  <c r="F31" i="4"/>
  <c r="F32" i="4"/>
  <c r="F33" i="4"/>
  <c r="F34" i="4"/>
  <c r="F35" i="4"/>
  <c r="F36" i="4"/>
  <c r="F37" i="4"/>
  <c r="F38" i="4"/>
  <c r="F39" i="4"/>
  <c r="F40" i="4"/>
  <c r="F41" i="4"/>
  <c r="F42" i="4"/>
  <c r="F43" i="4"/>
  <c r="F44" i="4"/>
  <c r="F45" i="4"/>
  <c r="F46" i="4"/>
  <c r="F47" i="4"/>
  <c r="F48" i="4"/>
  <c r="F49" i="4"/>
  <c r="F50" i="4"/>
  <c r="F51" i="4"/>
  <c r="F52" i="4"/>
  <c r="F53" i="4"/>
  <c r="F54" i="4"/>
  <c r="F55" i="4"/>
  <c r="F56" i="4"/>
  <c r="F57" i="4"/>
  <c r="F58" i="4"/>
  <c r="F59" i="4"/>
  <c r="F60" i="4"/>
  <c r="F61" i="4"/>
  <c r="F62" i="4"/>
  <c r="F63" i="4"/>
  <c r="F64" i="4"/>
  <c r="F65" i="4"/>
  <c r="F66" i="4"/>
  <c r="F67" i="4"/>
  <c r="F68" i="4"/>
  <c r="F69" i="4"/>
  <c r="F70" i="4"/>
  <c r="F71" i="4"/>
  <c r="F72" i="4"/>
  <c r="F73" i="4"/>
  <c r="F74" i="4"/>
  <c r="F75" i="4"/>
  <c r="F76" i="4"/>
  <c r="F77" i="4"/>
  <c r="F78" i="4"/>
  <c r="F79" i="4"/>
  <c r="F80" i="4"/>
  <c r="F81" i="4"/>
  <c r="F82" i="4"/>
  <c r="F83" i="4"/>
  <c r="F84" i="4"/>
  <c r="F85" i="4"/>
  <c r="F86" i="4"/>
  <c r="F87" i="4"/>
  <c r="F88" i="4"/>
  <c r="F89" i="4"/>
  <c r="F90" i="4"/>
  <c r="F91" i="4"/>
  <c r="F92" i="4"/>
  <c r="F93" i="4"/>
  <c r="F94" i="4"/>
  <c r="F95" i="4"/>
  <c r="F96" i="4"/>
  <c r="F97" i="4"/>
  <c r="F98" i="4"/>
  <c r="F99" i="4"/>
  <c r="F100" i="4"/>
  <c r="F101" i="4"/>
  <c r="F102" i="4"/>
  <c r="F103" i="4"/>
  <c r="F104" i="4"/>
  <c r="F105" i="4"/>
  <c r="F106" i="4"/>
  <c r="F107" i="4"/>
  <c r="F108" i="4"/>
  <c r="F109" i="4"/>
  <c r="F110" i="4"/>
  <c r="F111" i="4"/>
  <c r="F112" i="4"/>
  <c r="F113" i="4"/>
  <c r="F114" i="4"/>
  <c r="F115" i="4"/>
  <c r="F116" i="4"/>
  <c r="F117" i="4"/>
  <c r="F118" i="4"/>
  <c r="F119" i="4"/>
  <c r="F120" i="4"/>
  <c r="F121" i="4"/>
  <c r="F122" i="4"/>
  <c r="F123" i="4"/>
  <c r="F124" i="4"/>
  <c r="F125" i="4"/>
  <c r="F126" i="4"/>
  <c r="F127" i="4"/>
  <c r="F128" i="4"/>
  <c r="F129" i="4"/>
  <c r="F130" i="4"/>
  <c r="F131" i="4"/>
  <c r="F132" i="4"/>
  <c r="F133" i="4"/>
  <c r="F134" i="4"/>
  <c r="F135" i="4"/>
  <c r="F136" i="4"/>
  <c r="F137" i="4"/>
  <c r="F138" i="4"/>
  <c r="F139" i="4"/>
  <c r="F140" i="4"/>
  <c r="F141" i="4"/>
  <c r="F142" i="4"/>
  <c r="F143" i="4"/>
  <c r="F144" i="4"/>
  <c r="F145" i="4"/>
  <c r="F146" i="4"/>
  <c r="F147" i="4"/>
  <c r="F148" i="4"/>
  <c r="F149" i="4"/>
  <c r="F150" i="4"/>
  <c r="F151" i="4"/>
  <c r="F152" i="4"/>
  <c r="F153" i="4"/>
  <c r="F154" i="4"/>
  <c r="F155" i="4"/>
  <c r="F156" i="4"/>
  <c r="F157" i="4"/>
  <c r="F158" i="4"/>
  <c r="F159" i="4"/>
  <c r="F160" i="4"/>
  <c r="F161" i="4"/>
  <c r="F162" i="4"/>
  <c r="F163" i="4"/>
  <c r="F164" i="4"/>
  <c r="F165" i="4"/>
  <c r="F166" i="4"/>
  <c r="F167" i="4"/>
  <c r="F168" i="4"/>
  <c r="F169" i="4"/>
  <c r="F170" i="4"/>
  <c r="F171" i="4"/>
  <c r="F172" i="4"/>
  <c r="F173" i="4"/>
  <c r="F174" i="4"/>
  <c r="F175" i="4"/>
  <c r="F176" i="4"/>
  <c r="F177" i="4"/>
  <c r="F178" i="4"/>
  <c r="F179" i="4"/>
  <c r="F180" i="4"/>
  <c r="F181" i="4"/>
  <c r="F182" i="4"/>
  <c r="F183" i="4"/>
  <c r="F184" i="4"/>
  <c r="F185" i="4"/>
  <c r="F186" i="4"/>
  <c r="F187" i="4"/>
  <c r="F188" i="4"/>
  <c r="F189" i="4"/>
  <c r="F190" i="4"/>
  <c r="F191" i="4"/>
  <c r="F192" i="4"/>
  <c r="F193" i="4"/>
  <c r="F194" i="4"/>
  <c r="F195" i="4"/>
  <c r="F196" i="4"/>
  <c r="F197" i="4"/>
  <c r="F198" i="4"/>
  <c r="F199" i="4"/>
  <c r="F200" i="4"/>
  <c r="F201" i="4"/>
  <c r="F202" i="4"/>
  <c r="F203" i="4"/>
  <c r="F204" i="4"/>
  <c r="F205" i="4"/>
  <c r="F206" i="4"/>
  <c r="F207" i="4"/>
  <c r="F208" i="4"/>
  <c r="F209" i="4"/>
  <c r="F210" i="4"/>
  <c r="F211" i="4"/>
  <c r="F212" i="4"/>
  <c r="F213" i="4"/>
  <c r="F214" i="4"/>
  <c r="F215" i="4"/>
  <c r="F216" i="4"/>
  <c r="F217" i="4"/>
  <c r="F218" i="4"/>
  <c r="F219" i="4"/>
  <c r="F220" i="4"/>
  <c r="F221" i="4"/>
  <c r="F222" i="4"/>
  <c r="F223" i="4"/>
  <c r="F224" i="4"/>
  <c r="F225" i="4"/>
  <c r="F226" i="4"/>
  <c r="F227" i="4"/>
  <c r="F228" i="4"/>
  <c r="F229" i="4"/>
  <c r="F230" i="4"/>
  <c r="F231" i="4"/>
  <c r="F232" i="4"/>
  <c r="F233" i="4"/>
  <c r="F234" i="4"/>
  <c r="F235" i="4"/>
  <c r="F236" i="4"/>
  <c r="F237" i="4"/>
  <c r="F238" i="4"/>
  <c r="F239" i="4"/>
  <c r="F240" i="4"/>
  <c r="F241" i="4"/>
  <c r="F242" i="4"/>
  <c r="F243" i="4"/>
  <c r="F244" i="4"/>
  <c r="F245" i="4"/>
  <c r="F246" i="4"/>
  <c r="F247" i="4"/>
  <c r="F248" i="4"/>
  <c r="F249" i="4"/>
  <c r="F250" i="4"/>
  <c r="F251" i="4"/>
  <c r="F252" i="4"/>
  <c r="F253" i="4"/>
  <c r="F254" i="4"/>
  <c r="F255" i="4"/>
  <c r="F256" i="4"/>
  <c r="F257" i="4"/>
  <c r="F258" i="4"/>
  <c r="F259" i="4"/>
  <c r="F260" i="4"/>
  <c r="F261" i="4"/>
  <c r="F262" i="4"/>
  <c r="F263" i="4"/>
  <c r="F264" i="4"/>
  <c r="F265" i="4"/>
  <c r="F266" i="4"/>
  <c r="F267" i="4"/>
  <c r="F268" i="4"/>
  <c r="F269" i="4"/>
  <c r="F270" i="4"/>
  <c r="F271" i="4"/>
  <c r="F272" i="4"/>
  <c r="F273" i="4"/>
  <c r="F274" i="4"/>
  <c r="F275" i="4"/>
  <c r="F276" i="4"/>
  <c r="F277" i="4"/>
  <c r="F278" i="4"/>
  <c r="F279" i="4"/>
  <c r="F280" i="4"/>
  <c r="F281" i="4"/>
  <c r="F282" i="4"/>
  <c r="F283" i="4"/>
  <c r="F284" i="4"/>
  <c r="F285" i="4"/>
  <c r="F286" i="4"/>
  <c r="F287" i="4"/>
  <c r="F288" i="4"/>
  <c r="F289" i="4"/>
  <c r="F290" i="4"/>
  <c r="F291" i="4"/>
  <c r="F292" i="4"/>
  <c r="F293" i="4"/>
  <c r="F294" i="4"/>
  <c r="F295" i="4"/>
  <c r="F296" i="4"/>
  <c r="F297" i="4"/>
  <c r="F298" i="4"/>
  <c r="F299" i="4"/>
  <c r="F300" i="4"/>
  <c r="F301" i="4"/>
  <c r="F302" i="4"/>
  <c r="F303" i="4"/>
  <c r="F304" i="4"/>
  <c r="F305" i="4"/>
  <c r="F306" i="4"/>
  <c r="F307" i="4"/>
  <c r="F308" i="4"/>
  <c r="F309" i="4"/>
  <c r="F310" i="4"/>
  <c r="F311" i="4"/>
  <c r="F312" i="4"/>
  <c r="F313" i="4"/>
  <c r="F314" i="4"/>
  <c r="F315" i="4"/>
  <c r="F316" i="4"/>
  <c r="F317" i="4"/>
  <c r="F318" i="4"/>
  <c r="F319" i="4"/>
  <c r="F320" i="4"/>
  <c r="F321" i="4"/>
  <c r="F322" i="4"/>
  <c r="F323" i="4"/>
  <c r="F324" i="4"/>
  <c r="F325" i="4"/>
  <c r="F326" i="4"/>
  <c r="F327" i="4"/>
  <c r="F328" i="4"/>
  <c r="F329" i="4"/>
  <c r="F330" i="4"/>
  <c r="F331" i="4"/>
  <c r="F332" i="4"/>
  <c r="F333" i="4"/>
  <c r="F334" i="4"/>
  <c r="F335" i="4"/>
  <c r="F336" i="4"/>
  <c r="F337" i="4"/>
  <c r="F338" i="4"/>
  <c r="F339" i="4"/>
  <c r="F340" i="4"/>
  <c r="F341" i="4"/>
  <c r="F342" i="4"/>
  <c r="F343" i="4"/>
  <c r="F344" i="4"/>
  <c r="F345" i="4"/>
  <c r="F346" i="4"/>
  <c r="F347" i="4"/>
  <c r="F348" i="4"/>
  <c r="F349" i="4"/>
  <c r="F350" i="4"/>
  <c r="F351" i="4"/>
  <c r="F352" i="4"/>
  <c r="F353" i="4"/>
  <c r="F354" i="4"/>
  <c r="F355" i="4"/>
  <c r="F356" i="4"/>
  <c r="F357" i="4"/>
  <c r="F358" i="4"/>
  <c r="F359" i="4"/>
  <c r="F360" i="4"/>
  <c r="F361" i="4"/>
  <c r="F362" i="4"/>
  <c r="F363" i="4"/>
  <c r="F364" i="4"/>
  <c r="F365" i="4"/>
  <c r="F366" i="4"/>
  <c r="F367" i="4"/>
  <c r="F368" i="4"/>
  <c r="F369" i="4"/>
  <c r="F370" i="4"/>
  <c r="F371" i="4"/>
  <c r="F372" i="4"/>
  <c r="F373" i="4"/>
  <c r="F374" i="4"/>
  <c r="F375" i="4"/>
  <c r="F376" i="4"/>
  <c r="F377" i="4"/>
  <c r="F378" i="4"/>
  <c r="F379" i="4"/>
  <c r="F380" i="4"/>
  <c r="F381" i="4"/>
  <c r="F382" i="4"/>
  <c r="F383" i="4"/>
  <c r="F384" i="4"/>
  <c r="F385" i="4"/>
  <c r="F386" i="4"/>
  <c r="F387" i="4"/>
  <c r="F388" i="4"/>
  <c r="F389" i="4"/>
  <c r="F390" i="4"/>
  <c r="F391" i="4"/>
  <c r="F392" i="4"/>
  <c r="F393" i="4"/>
  <c r="F394" i="4"/>
  <c r="F395" i="4"/>
  <c r="F396" i="4"/>
  <c r="F397" i="4"/>
  <c r="F398" i="4"/>
  <c r="F399" i="4"/>
  <c r="F400" i="4"/>
  <c r="F401" i="4"/>
  <c r="F402" i="4"/>
  <c r="F403" i="4"/>
  <c r="F404" i="4"/>
  <c r="F405" i="4"/>
  <c r="F406" i="4"/>
  <c r="F407" i="4"/>
  <c r="F408" i="4"/>
  <c r="F409" i="2"/>
  <c r="D407" i="15"/>
  <c r="E407" i="15"/>
  <c r="D408" i="15"/>
  <c r="E408" i="15"/>
  <c r="F408" i="15" s="1"/>
  <c r="D409" i="15"/>
  <c r="E409" i="15"/>
  <c r="F409" i="15" s="1"/>
  <c r="D410" i="15"/>
  <c r="E410" i="15"/>
  <c r="F410" i="15" s="1"/>
  <c r="D411" i="15"/>
  <c r="E411" i="15"/>
  <c r="F411" i="15" s="1"/>
  <c r="D412" i="15"/>
  <c r="E412" i="15"/>
  <c r="F412" i="15" s="1"/>
  <c r="D413" i="15"/>
  <c r="E413" i="15"/>
  <c r="E407" i="14"/>
  <c r="E408" i="14"/>
  <c r="E409" i="14"/>
  <c r="E410" i="14"/>
  <c r="E411" i="14"/>
  <c r="E412" i="14"/>
  <c r="E413" i="14"/>
  <c r="E414" i="14"/>
  <c r="E415" i="14"/>
  <c r="E3" i="4"/>
  <c r="E4" i="4"/>
  <c r="E5" i="4"/>
  <c r="E6" i="4"/>
  <c r="E7" i="4"/>
  <c r="E8" i="4"/>
  <c r="E9" i="4"/>
  <c r="E10" i="4"/>
  <c r="E11" i="4"/>
  <c r="E12" i="4"/>
  <c r="E13" i="4"/>
  <c r="E14" i="4"/>
  <c r="E15" i="4"/>
  <c r="E16" i="4"/>
  <c r="E17" i="4"/>
  <c r="E18" i="4"/>
  <c r="E19" i="4"/>
  <c r="E20" i="4"/>
  <c r="E21" i="4"/>
  <c r="E22" i="4"/>
  <c r="E23" i="4"/>
  <c r="E24" i="4"/>
  <c r="E25" i="4"/>
  <c r="E26" i="4"/>
  <c r="E27" i="4"/>
  <c r="E28" i="4"/>
  <c r="E29" i="4"/>
  <c r="E30" i="4"/>
  <c r="E31" i="4"/>
  <c r="E32" i="4"/>
  <c r="E33" i="4"/>
  <c r="E34" i="4"/>
  <c r="E35" i="4"/>
  <c r="E36" i="4"/>
  <c r="E37" i="4"/>
  <c r="E38" i="4"/>
  <c r="E39" i="4"/>
  <c r="E40" i="4"/>
  <c r="E41" i="4"/>
  <c r="E42" i="4"/>
  <c r="E43" i="4"/>
  <c r="E44" i="4"/>
  <c r="E45" i="4"/>
  <c r="E46" i="4"/>
  <c r="E47" i="4"/>
  <c r="E48" i="4"/>
  <c r="E49" i="4"/>
  <c r="E50" i="4"/>
  <c r="E51" i="4"/>
  <c r="E52" i="4"/>
  <c r="E53" i="4"/>
  <c r="E54" i="4"/>
  <c r="E55" i="4"/>
  <c r="E56" i="4"/>
  <c r="E57" i="4"/>
  <c r="E58" i="4"/>
  <c r="E59" i="4"/>
  <c r="E60" i="4"/>
  <c r="E61" i="4"/>
  <c r="E62" i="4"/>
  <c r="E63" i="4"/>
  <c r="E64" i="4"/>
  <c r="E65" i="4"/>
  <c r="E66" i="4"/>
  <c r="E67" i="4"/>
  <c r="E68" i="4"/>
  <c r="E69" i="4"/>
  <c r="E70" i="4"/>
  <c r="E71" i="4"/>
  <c r="E72" i="4"/>
  <c r="E73" i="4"/>
  <c r="E74" i="4"/>
  <c r="E75" i="4"/>
  <c r="E76" i="4"/>
  <c r="E77" i="4"/>
  <c r="E78" i="4"/>
  <c r="E79" i="4"/>
  <c r="E80" i="4"/>
  <c r="E81" i="4"/>
  <c r="E82" i="4"/>
  <c r="E83" i="4"/>
  <c r="E84" i="4"/>
  <c r="E85" i="4"/>
  <c r="E86" i="4"/>
  <c r="E87" i="4"/>
  <c r="E88" i="4"/>
  <c r="E89" i="4"/>
  <c r="E90" i="4"/>
  <c r="E91" i="4"/>
  <c r="E92" i="4"/>
  <c r="E93" i="4"/>
  <c r="E94" i="4"/>
  <c r="E95" i="4"/>
  <c r="E96" i="4"/>
  <c r="E97" i="4"/>
  <c r="E98" i="4"/>
  <c r="E99" i="4"/>
  <c r="E100" i="4"/>
  <c r="E101" i="4"/>
  <c r="E102" i="4"/>
  <c r="E103" i="4"/>
  <c r="E104" i="4"/>
  <c r="E105" i="4"/>
  <c r="E106" i="4"/>
  <c r="E107" i="4"/>
  <c r="E108" i="4"/>
  <c r="E109" i="4"/>
  <c r="E110" i="4"/>
  <c r="E111" i="4"/>
  <c r="E112" i="4"/>
  <c r="E113" i="4"/>
  <c r="E114" i="4"/>
  <c r="E115" i="4"/>
  <c r="E116" i="4"/>
  <c r="E117" i="4"/>
  <c r="E118" i="4"/>
  <c r="E119" i="4"/>
  <c r="E120" i="4"/>
  <c r="E121" i="4"/>
  <c r="E122" i="4"/>
  <c r="E123" i="4"/>
  <c r="E124" i="4"/>
  <c r="E125" i="4"/>
  <c r="E126" i="4"/>
  <c r="E127" i="4"/>
  <c r="E128" i="4"/>
  <c r="E129" i="4"/>
  <c r="E130" i="4"/>
  <c r="E131" i="4"/>
  <c r="E132" i="4"/>
  <c r="E133" i="4"/>
  <c r="E134" i="4"/>
  <c r="E135" i="4"/>
  <c r="E136" i="4"/>
  <c r="E137" i="4"/>
  <c r="E138" i="4"/>
  <c r="E139" i="4"/>
  <c r="E140" i="4"/>
  <c r="E141" i="4"/>
  <c r="E142" i="4"/>
  <c r="E143" i="4"/>
  <c r="E144" i="4"/>
  <c r="E145" i="4"/>
  <c r="E146" i="4"/>
  <c r="E147" i="4"/>
  <c r="E148" i="4"/>
  <c r="E149" i="4"/>
  <c r="E150" i="4"/>
  <c r="E151" i="4"/>
  <c r="E152" i="4"/>
  <c r="E153" i="4"/>
  <c r="E154" i="4"/>
  <c r="E155" i="4"/>
  <c r="E156" i="4"/>
  <c r="E157" i="4"/>
  <c r="E158" i="4"/>
  <c r="E159" i="4"/>
  <c r="E160" i="4"/>
  <c r="E161" i="4"/>
  <c r="E162" i="4"/>
  <c r="E163" i="4"/>
  <c r="E164" i="4"/>
  <c r="E165" i="4"/>
  <c r="E166" i="4"/>
  <c r="E167" i="4"/>
  <c r="E168" i="4"/>
  <c r="E169" i="4"/>
  <c r="E170" i="4"/>
  <c r="E171" i="4"/>
  <c r="E172" i="4"/>
  <c r="E173" i="4"/>
  <c r="E174" i="4"/>
  <c r="E175" i="4"/>
  <c r="E176" i="4"/>
  <c r="E177" i="4"/>
  <c r="E178" i="4"/>
  <c r="E179" i="4"/>
  <c r="E180" i="4"/>
  <c r="E181" i="4"/>
  <c r="E182" i="4"/>
  <c r="E183" i="4"/>
  <c r="E184" i="4"/>
  <c r="E185" i="4"/>
  <c r="E186" i="4"/>
  <c r="E187" i="4"/>
  <c r="E188" i="4"/>
  <c r="E189" i="4"/>
  <c r="E190" i="4"/>
  <c r="E191" i="4"/>
  <c r="E192" i="4"/>
  <c r="E193" i="4"/>
  <c r="E194" i="4"/>
  <c r="E195" i="4"/>
  <c r="E196" i="4"/>
  <c r="E197" i="4"/>
  <c r="E198" i="4"/>
  <c r="E199" i="4"/>
  <c r="E200" i="4"/>
  <c r="E201" i="4"/>
  <c r="E202" i="4"/>
  <c r="E203" i="4"/>
  <c r="E204" i="4"/>
  <c r="E205" i="4"/>
  <c r="E206" i="4"/>
  <c r="E207" i="4"/>
  <c r="E208" i="4"/>
  <c r="E209" i="4"/>
  <c r="E210" i="4"/>
  <c r="E211" i="4"/>
  <c r="E212" i="4"/>
  <c r="E213" i="4"/>
  <c r="E214" i="4"/>
  <c r="E215" i="4"/>
  <c r="E216" i="4"/>
  <c r="E217" i="4"/>
  <c r="E218" i="4"/>
  <c r="E219" i="4"/>
  <c r="E220" i="4"/>
  <c r="E221" i="4"/>
  <c r="E222" i="4"/>
  <c r="E223" i="4"/>
  <c r="E224" i="4"/>
  <c r="E225" i="4"/>
  <c r="E226" i="4"/>
  <c r="E227" i="4"/>
  <c r="E228" i="4"/>
  <c r="E229" i="4"/>
  <c r="E230" i="4"/>
  <c r="E231" i="4"/>
  <c r="E232" i="4"/>
  <c r="E233" i="4"/>
  <c r="E234" i="4"/>
  <c r="E235" i="4"/>
  <c r="E236" i="4"/>
  <c r="E237" i="4"/>
  <c r="E238" i="4"/>
  <c r="E239" i="4"/>
  <c r="E240" i="4"/>
  <c r="E241" i="4"/>
  <c r="E242" i="4"/>
  <c r="E243" i="4"/>
  <c r="E244" i="4"/>
  <c r="E245" i="4"/>
  <c r="E246" i="4"/>
  <c r="E247" i="4"/>
  <c r="E248" i="4"/>
  <c r="E249" i="4"/>
  <c r="E250" i="4"/>
  <c r="E251" i="4"/>
  <c r="E252" i="4"/>
  <c r="E253" i="4"/>
  <c r="E254" i="4"/>
  <c r="E255" i="4"/>
  <c r="E256" i="4"/>
  <c r="E257" i="4"/>
  <c r="E258" i="4"/>
  <c r="E259" i="4"/>
  <c r="E260" i="4"/>
  <c r="E261" i="4"/>
  <c r="E262" i="4"/>
  <c r="E263" i="4"/>
  <c r="E264" i="4"/>
  <c r="E265" i="4"/>
  <c r="E266" i="4"/>
  <c r="E267" i="4"/>
  <c r="E268" i="4"/>
  <c r="E269" i="4"/>
  <c r="E270" i="4"/>
  <c r="E271" i="4"/>
  <c r="E272" i="4"/>
  <c r="E273" i="4"/>
  <c r="E274" i="4"/>
  <c r="E275" i="4"/>
  <c r="E276" i="4"/>
  <c r="E277" i="4"/>
  <c r="E278" i="4"/>
  <c r="E279" i="4"/>
  <c r="E280" i="4"/>
  <c r="E281" i="4"/>
  <c r="E282" i="4"/>
  <c r="E283" i="4"/>
  <c r="E284" i="4"/>
  <c r="E285" i="4"/>
  <c r="E286" i="4"/>
  <c r="E287" i="4"/>
  <c r="E288" i="4"/>
  <c r="E289" i="4"/>
  <c r="E290" i="4"/>
  <c r="E291" i="4"/>
  <c r="E292" i="4"/>
  <c r="E293" i="4"/>
  <c r="E294" i="4"/>
  <c r="E295" i="4"/>
  <c r="E296" i="4"/>
  <c r="E297" i="4"/>
  <c r="E298" i="4"/>
  <c r="E299" i="4"/>
  <c r="E300" i="4"/>
  <c r="E301" i="4"/>
  <c r="E302" i="4"/>
  <c r="E303" i="4"/>
  <c r="E304" i="4"/>
  <c r="E305" i="4"/>
  <c r="E306" i="4"/>
  <c r="E307" i="4"/>
  <c r="E308" i="4"/>
  <c r="E309" i="4"/>
  <c r="E310" i="4"/>
  <c r="E311" i="4"/>
  <c r="E312" i="4"/>
  <c r="E313" i="4"/>
  <c r="E314" i="4"/>
  <c r="E315" i="4"/>
  <c r="E316" i="4"/>
  <c r="E317" i="4"/>
  <c r="E318" i="4"/>
  <c r="E319" i="4"/>
  <c r="E320" i="4"/>
  <c r="E321" i="4"/>
  <c r="E322" i="4"/>
  <c r="E323" i="4"/>
  <c r="E324" i="4"/>
  <c r="E325" i="4"/>
  <c r="E326" i="4"/>
  <c r="E327" i="4"/>
  <c r="E328" i="4"/>
  <c r="E329" i="4"/>
  <c r="E330" i="4"/>
  <c r="E331" i="4"/>
  <c r="E332" i="4"/>
  <c r="E333" i="4"/>
  <c r="E334" i="4"/>
  <c r="E335" i="4"/>
  <c r="E336" i="4"/>
  <c r="E337" i="4"/>
  <c r="E338" i="4"/>
  <c r="E339" i="4"/>
  <c r="E340" i="4"/>
  <c r="E341" i="4"/>
  <c r="E342" i="4"/>
  <c r="E343" i="4"/>
  <c r="E344" i="4"/>
  <c r="E345" i="4"/>
  <c r="E346" i="4"/>
  <c r="E347" i="4"/>
  <c r="E348" i="4"/>
  <c r="E349" i="4"/>
  <c r="E350" i="4"/>
  <c r="E351" i="4"/>
  <c r="E352" i="4"/>
  <c r="E353" i="4"/>
  <c r="E354" i="4"/>
  <c r="E355" i="4"/>
  <c r="E356" i="4"/>
  <c r="E357" i="4"/>
  <c r="E358" i="4"/>
  <c r="E359" i="4"/>
  <c r="E360" i="4"/>
  <c r="E361" i="4"/>
  <c r="E362" i="4"/>
  <c r="E363" i="4"/>
  <c r="E364" i="4"/>
  <c r="E365" i="4"/>
  <c r="E366" i="4"/>
  <c r="E367" i="4"/>
  <c r="E368" i="4"/>
  <c r="E369" i="4"/>
  <c r="E370" i="4"/>
  <c r="E371" i="4"/>
  <c r="E372" i="4"/>
  <c r="E373" i="4"/>
  <c r="E374" i="4"/>
  <c r="E375" i="4"/>
  <c r="E376" i="4"/>
  <c r="E377" i="4"/>
  <c r="E378" i="4"/>
  <c r="E379" i="4"/>
  <c r="E380" i="4"/>
  <c r="E381" i="4"/>
  <c r="E382" i="4"/>
  <c r="E383" i="4"/>
  <c r="E384" i="4"/>
  <c r="E385" i="4"/>
  <c r="E386" i="4"/>
  <c r="E387" i="4"/>
  <c r="E388" i="4"/>
  <c r="E389" i="4"/>
  <c r="E390" i="4"/>
  <c r="E391" i="4"/>
  <c r="E392" i="4"/>
  <c r="E393" i="4"/>
  <c r="E394" i="4"/>
  <c r="E395" i="4"/>
  <c r="E396" i="4"/>
  <c r="E397" i="4"/>
  <c r="E398" i="4"/>
  <c r="E399" i="4"/>
  <c r="E400" i="4"/>
  <c r="E401" i="4"/>
  <c r="E402" i="4"/>
  <c r="E403" i="4"/>
  <c r="E404" i="4"/>
  <c r="E405" i="4"/>
  <c r="E406" i="4"/>
  <c r="E407" i="4"/>
  <c r="E408" i="4"/>
  <c r="E2" i="4"/>
  <c r="E3" i="2"/>
  <c r="E4" i="2"/>
  <c r="E5" i="2"/>
  <c r="E6" i="2"/>
  <c r="E7" i="2"/>
  <c r="E8" i="2"/>
  <c r="E9" i="2"/>
  <c r="E10" i="2"/>
  <c r="E11" i="2"/>
  <c r="E12" i="2"/>
  <c r="E13" i="2"/>
  <c r="E14" i="2"/>
  <c r="E15" i="2"/>
  <c r="E16" i="2"/>
  <c r="E17" i="2"/>
  <c r="E18" i="2"/>
  <c r="E19" i="2"/>
  <c r="E20" i="2"/>
  <c r="E21" i="2"/>
  <c r="E22" i="2"/>
  <c r="E23" i="2"/>
  <c r="E24" i="2"/>
  <c r="E25" i="2"/>
  <c r="E26" i="2"/>
  <c r="E27" i="2"/>
  <c r="E28" i="2"/>
  <c r="E29" i="2"/>
  <c r="E30" i="2"/>
  <c r="E31" i="2"/>
  <c r="E32" i="2"/>
  <c r="E33" i="2"/>
  <c r="E34" i="2"/>
  <c r="E35" i="2"/>
  <c r="E36" i="2"/>
  <c r="E37" i="2"/>
  <c r="E38" i="2"/>
  <c r="E39" i="2"/>
  <c r="E40" i="2"/>
  <c r="E41" i="2"/>
  <c r="E42" i="2"/>
  <c r="E43" i="2"/>
  <c r="E44" i="2"/>
  <c r="E45" i="2"/>
  <c r="E46" i="2"/>
  <c r="E47" i="2"/>
  <c r="E48" i="2"/>
  <c r="E49" i="2"/>
  <c r="E50" i="2"/>
  <c r="E51" i="2"/>
  <c r="E52" i="2"/>
  <c r="E53" i="2"/>
  <c r="E54" i="2"/>
  <c r="E55" i="2"/>
  <c r="E56" i="2"/>
  <c r="E57" i="2"/>
  <c r="E58" i="2"/>
  <c r="E59" i="2"/>
  <c r="E60" i="2"/>
  <c r="E61" i="2"/>
  <c r="E62" i="2"/>
  <c r="E63" i="2"/>
  <c r="E64" i="2"/>
  <c r="E65" i="2"/>
  <c r="E66" i="2"/>
  <c r="E67" i="2"/>
  <c r="E68" i="2"/>
  <c r="E69" i="2"/>
  <c r="E70" i="2"/>
  <c r="E71" i="2"/>
  <c r="E72" i="2"/>
  <c r="E73" i="2"/>
  <c r="E74" i="2"/>
  <c r="E75" i="2"/>
  <c r="E76" i="2"/>
  <c r="E77" i="2"/>
  <c r="E78" i="2"/>
  <c r="E79" i="2"/>
  <c r="E80" i="2"/>
  <c r="E81" i="2"/>
  <c r="E82" i="2"/>
  <c r="E83" i="2"/>
  <c r="E84" i="2"/>
  <c r="E85" i="2"/>
  <c r="E86" i="2"/>
  <c r="E87" i="2"/>
  <c r="E88" i="2"/>
  <c r="E89" i="2"/>
  <c r="E90" i="2"/>
  <c r="E91" i="2"/>
  <c r="E92" i="2"/>
  <c r="E93" i="2"/>
  <c r="E94" i="2"/>
  <c r="E95" i="2"/>
  <c r="E96" i="2"/>
  <c r="E97" i="2"/>
  <c r="E98" i="2"/>
  <c r="E99" i="2"/>
  <c r="E100" i="2"/>
  <c r="E101" i="2"/>
  <c r="E102" i="2"/>
  <c r="E103" i="2"/>
  <c r="E104" i="2"/>
  <c r="E105" i="2"/>
  <c r="E106" i="2"/>
  <c r="E107" i="2"/>
  <c r="E108" i="2"/>
  <c r="E109" i="2"/>
  <c r="E110" i="2"/>
  <c r="E111" i="2"/>
  <c r="E112" i="2"/>
  <c r="E113" i="2"/>
  <c r="E114" i="2"/>
  <c r="E115" i="2"/>
  <c r="E116" i="2"/>
  <c r="E117" i="2"/>
  <c r="E118" i="2"/>
  <c r="E119" i="2"/>
  <c r="E120" i="2"/>
  <c r="E121" i="2"/>
  <c r="E122" i="2"/>
  <c r="E123" i="2"/>
  <c r="E124" i="2"/>
  <c r="E125" i="2"/>
  <c r="E126" i="2"/>
  <c r="E127" i="2"/>
  <c r="E128" i="2"/>
  <c r="E129" i="2"/>
  <c r="E130" i="2"/>
  <c r="E131" i="2"/>
  <c r="E132" i="2"/>
  <c r="E133" i="2"/>
  <c r="E134" i="2"/>
  <c r="E135" i="2"/>
  <c r="E136" i="2"/>
  <c r="E137" i="2"/>
  <c r="E138" i="2"/>
  <c r="E139" i="2"/>
  <c r="E140" i="2"/>
  <c r="E141" i="2"/>
  <c r="E142" i="2"/>
  <c r="E143" i="2"/>
  <c r="E144" i="2"/>
  <c r="E145" i="2"/>
  <c r="E146" i="2"/>
  <c r="E147" i="2"/>
  <c r="E148" i="2"/>
  <c r="E149" i="2"/>
  <c r="E150" i="2"/>
  <c r="E151" i="2"/>
  <c r="E152" i="2"/>
  <c r="E153" i="2"/>
  <c r="E154" i="2"/>
  <c r="E155" i="2"/>
  <c r="E156" i="2"/>
  <c r="E157" i="2"/>
  <c r="E158" i="2"/>
  <c r="E159" i="2"/>
  <c r="E160" i="2"/>
  <c r="E161" i="2"/>
  <c r="E162" i="2"/>
  <c r="E163" i="2"/>
  <c r="E164" i="2"/>
  <c r="E165" i="2"/>
  <c r="E166" i="2"/>
  <c r="E167" i="2"/>
  <c r="E168" i="2"/>
  <c r="E169" i="2"/>
  <c r="E170" i="2"/>
  <c r="E171" i="2"/>
  <c r="E172" i="2"/>
  <c r="E173" i="2"/>
  <c r="E174" i="2"/>
  <c r="E175" i="2"/>
  <c r="E176" i="2"/>
  <c r="E177" i="2"/>
  <c r="E178" i="2"/>
  <c r="E179" i="2"/>
  <c r="E180" i="2"/>
  <c r="E181" i="2"/>
  <c r="E182" i="2"/>
  <c r="E183" i="2"/>
  <c r="E184" i="2"/>
  <c r="E185" i="2"/>
  <c r="E186" i="2"/>
  <c r="E187" i="2"/>
  <c r="E188" i="2"/>
  <c r="E189" i="2"/>
  <c r="E190" i="2"/>
  <c r="E191" i="2"/>
  <c r="E192" i="2"/>
  <c r="E193" i="2"/>
  <c r="E194" i="2"/>
  <c r="E195" i="2"/>
  <c r="E196" i="2"/>
  <c r="E197" i="2"/>
  <c r="E198" i="2"/>
  <c r="E199" i="2"/>
  <c r="E200" i="2"/>
  <c r="E201" i="2"/>
  <c r="E202" i="2"/>
  <c r="E203" i="2"/>
  <c r="E204" i="2"/>
  <c r="E205" i="2"/>
  <c r="E206" i="2"/>
  <c r="E207" i="2"/>
  <c r="E208" i="2"/>
  <c r="E209" i="2"/>
  <c r="E210" i="2"/>
  <c r="E211" i="2"/>
  <c r="E212" i="2"/>
  <c r="E213" i="2"/>
  <c r="E214" i="2"/>
  <c r="E215" i="2"/>
  <c r="E216" i="2"/>
  <c r="E217" i="2"/>
  <c r="E218" i="2"/>
  <c r="E219" i="2"/>
  <c r="E220" i="2"/>
  <c r="E221" i="2"/>
  <c r="E222" i="2"/>
  <c r="E223" i="2"/>
  <c r="E224" i="2"/>
  <c r="E225" i="2"/>
  <c r="E226" i="2"/>
  <c r="E227" i="2"/>
  <c r="E228" i="2"/>
  <c r="E229" i="2"/>
  <c r="E230" i="2"/>
  <c r="E231" i="2"/>
  <c r="E232" i="2"/>
  <c r="E233" i="2"/>
  <c r="E234" i="2"/>
  <c r="E235" i="2"/>
  <c r="E236" i="2"/>
  <c r="E237" i="2"/>
  <c r="E238" i="2"/>
  <c r="E239" i="2"/>
  <c r="E240" i="2"/>
  <c r="E241" i="2"/>
  <c r="E242" i="2"/>
  <c r="E243" i="2"/>
  <c r="E244" i="2"/>
  <c r="E245" i="2"/>
  <c r="E246" i="2"/>
  <c r="E247" i="2"/>
  <c r="E248" i="2"/>
  <c r="E249" i="2"/>
  <c r="E250" i="2"/>
  <c r="E251" i="2"/>
  <c r="E252" i="2"/>
  <c r="E253" i="2"/>
  <c r="E254" i="2"/>
  <c r="E255" i="2"/>
  <c r="E256" i="2"/>
  <c r="E257" i="2"/>
  <c r="E258" i="2"/>
  <c r="E259" i="2"/>
  <c r="E260" i="2"/>
  <c r="E261" i="2"/>
  <c r="E262" i="2"/>
  <c r="E263" i="2"/>
  <c r="E264" i="2"/>
  <c r="E265" i="2"/>
  <c r="E266" i="2"/>
  <c r="E267" i="2"/>
  <c r="E268" i="2"/>
  <c r="E269" i="2"/>
  <c r="E270" i="2"/>
  <c r="E271" i="2"/>
  <c r="E272" i="2"/>
  <c r="E273" i="2"/>
  <c r="E274" i="2"/>
  <c r="E275" i="2"/>
  <c r="E276" i="2"/>
  <c r="E277" i="2"/>
  <c r="E278" i="2"/>
  <c r="E279" i="2"/>
  <c r="E280" i="2"/>
  <c r="E281" i="2"/>
  <c r="E282" i="2"/>
  <c r="E283" i="2"/>
  <c r="E284" i="2"/>
  <c r="E285" i="2"/>
  <c r="E286" i="2"/>
  <c r="E287" i="2"/>
  <c r="E288" i="2"/>
  <c r="E289" i="2"/>
  <c r="E290" i="2"/>
  <c r="E291" i="2"/>
  <c r="E292" i="2"/>
  <c r="E293" i="2"/>
  <c r="E294" i="2"/>
  <c r="E295" i="2"/>
  <c r="E296" i="2"/>
  <c r="E297" i="2"/>
  <c r="E298" i="2"/>
  <c r="E299" i="2"/>
  <c r="E300" i="2"/>
  <c r="E301" i="2"/>
  <c r="E302" i="2"/>
  <c r="E303" i="2"/>
  <c r="E304" i="2"/>
  <c r="E305" i="2"/>
  <c r="E306" i="2"/>
  <c r="E307" i="2"/>
  <c r="E308" i="2"/>
  <c r="E309" i="2"/>
  <c r="E310" i="2"/>
  <c r="E311" i="2"/>
  <c r="E312" i="2"/>
  <c r="E313" i="2"/>
  <c r="E314" i="2"/>
  <c r="E315" i="2"/>
  <c r="E316" i="2"/>
  <c r="E317" i="2"/>
  <c r="E318" i="2"/>
  <c r="E319" i="2"/>
  <c r="E320" i="2"/>
  <c r="E321" i="2"/>
  <c r="E322" i="2"/>
  <c r="E323" i="2"/>
  <c r="E324" i="2"/>
  <c r="E325" i="2"/>
  <c r="E326" i="2"/>
  <c r="E327" i="2"/>
  <c r="E328" i="2"/>
  <c r="E329" i="2"/>
  <c r="E330" i="2"/>
  <c r="E331" i="2"/>
  <c r="E332" i="2"/>
  <c r="E333" i="2"/>
  <c r="E334" i="2"/>
  <c r="E335" i="2"/>
  <c r="E336" i="2"/>
  <c r="E337" i="2"/>
  <c r="E338" i="2"/>
  <c r="E339" i="2"/>
  <c r="E340" i="2"/>
  <c r="E341" i="2"/>
  <c r="E342" i="2"/>
  <c r="E343" i="2"/>
  <c r="E344" i="2"/>
  <c r="E345" i="2"/>
  <c r="E346" i="2"/>
  <c r="E347" i="2"/>
  <c r="E348" i="2"/>
  <c r="E349" i="2"/>
  <c r="E350" i="2"/>
  <c r="E351" i="2"/>
  <c r="E352" i="2"/>
  <c r="E353" i="2"/>
  <c r="E354" i="2"/>
  <c r="E355" i="2"/>
  <c r="E356" i="2"/>
  <c r="E357" i="2"/>
  <c r="E358" i="2"/>
  <c r="E359" i="2"/>
  <c r="E360" i="2"/>
  <c r="E361" i="2"/>
  <c r="E362" i="2"/>
  <c r="E363" i="2"/>
  <c r="E364" i="2"/>
  <c r="E365" i="2"/>
  <c r="E366" i="2"/>
  <c r="E367" i="2"/>
  <c r="E368" i="2"/>
  <c r="E369" i="2"/>
  <c r="E370" i="2"/>
  <c r="E371" i="2"/>
  <c r="E372" i="2"/>
  <c r="E373" i="2"/>
  <c r="E374" i="2"/>
  <c r="E375" i="2"/>
  <c r="E376" i="2"/>
  <c r="E377" i="2"/>
  <c r="E378" i="2"/>
  <c r="E379" i="2"/>
  <c r="E380" i="2"/>
  <c r="E381" i="2"/>
  <c r="E382" i="2"/>
  <c r="E383" i="2"/>
  <c r="E384" i="2"/>
  <c r="E385" i="2"/>
  <c r="E386" i="2"/>
  <c r="E387" i="2"/>
  <c r="E388" i="2"/>
  <c r="E389" i="2"/>
  <c r="E390" i="2"/>
  <c r="E391" i="2"/>
  <c r="E392" i="2"/>
  <c r="E393" i="2"/>
  <c r="E394" i="2"/>
  <c r="E395" i="2"/>
  <c r="E396" i="2"/>
  <c r="E397" i="2"/>
  <c r="E398" i="2"/>
  <c r="E399" i="2"/>
  <c r="E400" i="2"/>
  <c r="E401" i="2"/>
  <c r="E402" i="2"/>
  <c r="E403" i="2"/>
  <c r="E404" i="2"/>
  <c r="E405" i="2"/>
  <c r="E406" i="2"/>
  <c r="E407" i="2"/>
  <c r="E408" i="2"/>
  <c r="F408" i="2" s="1"/>
  <c r="E409" i="2"/>
  <c r="D408" i="2"/>
  <c r="D409" i="2"/>
  <c r="F407" i="15" l="1"/>
  <c r="F413" i="15"/>
  <c r="A403" i="31"/>
  <c r="A402" i="31"/>
  <c r="G2" i="31" s="1"/>
  <c r="G3" i="31" s="1"/>
  <c r="A403" i="30"/>
  <c r="A402" i="30"/>
  <c r="G2" i="30" s="1"/>
  <c r="G3" i="30" s="1"/>
  <c r="A411" i="2" l="1"/>
  <c r="E3" i="15"/>
  <c r="E4" i="15"/>
  <c r="E5" i="15"/>
  <c r="E6" i="15"/>
  <c r="E7" i="15"/>
  <c r="E8" i="15"/>
  <c r="E9" i="15"/>
  <c r="E10" i="15"/>
  <c r="F10" i="15" s="1"/>
  <c r="E11" i="15"/>
  <c r="F11" i="15" s="1"/>
  <c r="E12" i="15"/>
  <c r="F12" i="15" s="1"/>
  <c r="E13" i="15"/>
  <c r="E14" i="15"/>
  <c r="E15" i="15"/>
  <c r="E16" i="15"/>
  <c r="E17" i="15"/>
  <c r="E18" i="15"/>
  <c r="E19" i="15"/>
  <c r="E20" i="15"/>
  <c r="E21" i="15"/>
  <c r="E22" i="15"/>
  <c r="F22" i="15" s="1"/>
  <c r="E23" i="15"/>
  <c r="F23" i="15" s="1"/>
  <c r="E24" i="15"/>
  <c r="F24" i="15" s="1"/>
  <c r="E25" i="15"/>
  <c r="E26" i="15"/>
  <c r="E27" i="15"/>
  <c r="E28" i="15"/>
  <c r="E29" i="15"/>
  <c r="E30" i="15"/>
  <c r="E31" i="15"/>
  <c r="E32" i="15"/>
  <c r="E33" i="15"/>
  <c r="E34" i="15"/>
  <c r="F34" i="15" s="1"/>
  <c r="E35" i="15"/>
  <c r="F35" i="15" s="1"/>
  <c r="E36" i="15"/>
  <c r="F36" i="15" s="1"/>
  <c r="E37" i="15"/>
  <c r="E38" i="15"/>
  <c r="E39" i="15"/>
  <c r="E40" i="15"/>
  <c r="E41" i="15"/>
  <c r="E42" i="15"/>
  <c r="E43" i="15"/>
  <c r="E44" i="15"/>
  <c r="E45" i="15"/>
  <c r="E46" i="15"/>
  <c r="F46" i="15" s="1"/>
  <c r="E47" i="15"/>
  <c r="F47" i="15" s="1"/>
  <c r="E48" i="15"/>
  <c r="F48" i="15" s="1"/>
  <c r="E49" i="15"/>
  <c r="E50" i="15"/>
  <c r="E51" i="15"/>
  <c r="E52" i="15"/>
  <c r="E53" i="15"/>
  <c r="E54" i="15"/>
  <c r="E55" i="15"/>
  <c r="E56" i="15"/>
  <c r="F56" i="15" s="1"/>
  <c r="E57" i="15"/>
  <c r="E58" i="15"/>
  <c r="F58" i="15" s="1"/>
  <c r="E59" i="15"/>
  <c r="F59" i="15" s="1"/>
  <c r="E60" i="15"/>
  <c r="F60" i="15" s="1"/>
  <c r="E61" i="15"/>
  <c r="E62" i="15"/>
  <c r="E63" i="15"/>
  <c r="E64" i="15"/>
  <c r="E65" i="15"/>
  <c r="E66" i="15"/>
  <c r="E67" i="15"/>
  <c r="E68" i="15"/>
  <c r="F68" i="15" s="1"/>
  <c r="E69" i="15"/>
  <c r="E70" i="15"/>
  <c r="F70" i="15" s="1"/>
  <c r="E71" i="15"/>
  <c r="F71" i="15" s="1"/>
  <c r="E72" i="15"/>
  <c r="F72" i="15" s="1"/>
  <c r="E73" i="15"/>
  <c r="E74" i="15"/>
  <c r="E75" i="15"/>
  <c r="E76" i="15"/>
  <c r="E77" i="15"/>
  <c r="E78" i="15"/>
  <c r="E79" i="15"/>
  <c r="E80" i="15"/>
  <c r="F80" i="15" s="1"/>
  <c r="E81" i="15"/>
  <c r="E82" i="15"/>
  <c r="F82" i="15" s="1"/>
  <c r="E83" i="15"/>
  <c r="F83" i="15" s="1"/>
  <c r="E84" i="15"/>
  <c r="F84" i="15" s="1"/>
  <c r="E85" i="15"/>
  <c r="E86" i="15"/>
  <c r="E87" i="15"/>
  <c r="E88" i="15"/>
  <c r="E89" i="15"/>
  <c r="E90" i="15"/>
  <c r="E91" i="15"/>
  <c r="E92" i="15"/>
  <c r="F92" i="15" s="1"/>
  <c r="E93" i="15"/>
  <c r="E94" i="15"/>
  <c r="F94" i="15" s="1"/>
  <c r="E95" i="15"/>
  <c r="F95" i="15" s="1"/>
  <c r="E96" i="15"/>
  <c r="F96" i="15" s="1"/>
  <c r="E97" i="15"/>
  <c r="E98" i="15"/>
  <c r="E99" i="15"/>
  <c r="E100" i="15"/>
  <c r="E101" i="15"/>
  <c r="E102" i="15"/>
  <c r="E103" i="15"/>
  <c r="E104" i="15"/>
  <c r="F104" i="15" s="1"/>
  <c r="E105" i="15"/>
  <c r="E106" i="15"/>
  <c r="F106" i="15" s="1"/>
  <c r="E107" i="15"/>
  <c r="F107" i="15" s="1"/>
  <c r="E108" i="15"/>
  <c r="F108" i="15" s="1"/>
  <c r="E109" i="15"/>
  <c r="E110" i="15"/>
  <c r="E111" i="15"/>
  <c r="E112" i="15"/>
  <c r="E113" i="15"/>
  <c r="E114" i="15"/>
  <c r="E115" i="15"/>
  <c r="E116" i="15"/>
  <c r="F116" i="15" s="1"/>
  <c r="E117" i="15"/>
  <c r="E118" i="15"/>
  <c r="F118" i="15" s="1"/>
  <c r="E119" i="15"/>
  <c r="F119" i="15" s="1"/>
  <c r="E120" i="15"/>
  <c r="F120" i="15" s="1"/>
  <c r="E121" i="15"/>
  <c r="E122" i="15"/>
  <c r="E123" i="15"/>
  <c r="E124" i="15"/>
  <c r="E125" i="15"/>
  <c r="E126" i="15"/>
  <c r="E127" i="15"/>
  <c r="E128" i="15"/>
  <c r="F128" i="15" s="1"/>
  <c r="E129" i="15"/>
  <c r="E130" i="15"/>
  <c r="F130" i="15" s="1"/>
  <c r="E131" i="15"/>
  <c r="F131" i="15" s="1"/>
  <c r="E132" i="15"/>
  <c r="F132" i="15" s="1"/>
  <c r="E133" i="15"/>
  <c r="E134" i="15"/>
  <c r="E135" i="15"/>
  <c r="E136" i="15"/>
  <c r="E137" i="15"/>
  <c r="E138" i="15"/>
  <c r="E139" i="15"/>
  <c r="E140" i="15"/>
  <c r="F140" i="15" s="1"/>
  <c r="E141" i="15"/>
  <c r="E142" i="15"/>
  <c r="F142" i="15" s="1"/>
  <c r="E143" i="15"/>
  <c r="F143" i="15" s="1"/>
  <c r="E144" i="15"/>
  <c r="F144" i="15" s="1"/>
  <c r="E145" i="15"/>
  <c r="E146" i="15"/>
  <c r="E147" i="15"/>
  <c r="E148" i="15"/>
  <c r="E149" i="15"/>
  <c r="E150" i="15"/>
  <c r="E151" i="15"/>
  <c r="E152" i="15"/>
  <c r="F152" i="15" s="1"/>
  <c r="E153" i="15"/>
  <c r="E154" i="15"/>
  <c r="F154" i="15" s="1"/>
  <c r="E155" i="15"/>
  <c r="F155" i="15" s="1"/>
  <c r="E156" i="15"/>
  <c r="F156" i="15" s="1"/>
  <c r="E157" i="15"/>
  <c r="E158" i="15"/>
  <c r="E159" i="15"/>
  <c r="E160" i="15"/>
  <c r="E161" i="15"/>
  <c r="E162" i="15"/>
  <c r="E163" i="15"/>
  <c r="E164" i="15"/>
  <c r="F164" i="15" s="1"/>
  <c r="E165" i="15"/>
  <c r="E166" i="15"/>
  <c r="F166" i="15" s="1"/>
  <c r="E167" i="15"/>
  <c r="F167" i="15" s="1"/>
  <c r="E168" i="15"/>
  <c r="F168" i="15" s="1"/>
  <c r="E169" i="15"/>
  <c r="E170" i="15"/>
  <c r="E171" i="15"/>
  <c r="E172" i="15"/>
  <c r="E173" i="15"/>
  <c r="E174" i="15"/>
  <c r="E175" i="15"/>
  <c r="E176" i="15"/>
  <c r="F176" i="15" s="1"/>
  <c r="E177" i="15"/>
  <c r="E178" i="15"/>
  <c r="F178" i="15" s="1"/>
  <c r="E179" i="15"/>
  <c r="F179" i="15" s="1"/>
  <c r="E180" i="15"/>
  <c r="F180" i="15" s="1"/>
  <c r="E181" i="15"/>
  <c r="E182" i="15"/>
  <c r="E183" i="15"/>
  <c r="E184" i="15"/>
  <c r="E185" i="15"/>
  <c r="E186" i="15"/>
  <c r="E187" i="15"/>
  <c r="E188" i="15"/>
  <c r="F188" i="15" s="1"/>
  <c r="E189" i="15"/>
  <c r="E190" i="15"/>
  <c r="F190" i="15" s="1"/>
  <c r="E191" i="15"/>
  <c r="F191" i="15" s="1"/>
  <c r="E192" i="15"/>
  <c r="F192" i="15" s="1"/>
  <c r="E193" i="15"/>
  <c r="E194" i="15"/>
  <c r="E195" i="15"/>
  <c r="E196" i="15"/>
  <c r="E197" i="15"/>
  <c r="E198" i="15"/>
  <c r="E199" i="15"/>
  <c r="E200" i="15"/>
  <c r="F200" i="15" s="1"/>
  <c r="E201" i="15"/>
  <c r="E202" i="15"/>
  <c r="F202" i="15" s="1"/>
  <c r="E203" i="15"/>
  <c r="F203" i="15" s="1"/>
  <c r="E204" i="15"/>
  <c r="F204" i="15" s="1"/>
  <c r="E205" i="15"/>
  <c r="E206" i="15"/>
  <c r="E207" i="15"/>
  <c r="E208" i="15"/>
  <c r="E209" i="15"/>
  <c r="E210" i="15"/>
  <c r="E211" i="15"/>
  <c r="E212" i="15"/>
  <c r="F212" i="15" s="1"/>
  <c r="E213" i="15"/>
  <c r="E214" i="15"/>
  <c r="F214" i="15" s="1"/>
  <c r="E215" i="15"/>
  <c r="F215" i="15" s="1"/>
  <c r="E216" i="15"/>
  <c r="F216" i="15" s="1"/>
  <c r="E217" i="15"/>
  <c r="E218" i="15"/>
  <c r="E219" i="15"/>
  <c r="E220" i="15"/>
  <c r="E221" i="15"/>
  <c r="E222" i="15"/>
  <c r="E223" i="15"/>
  <c r="E224" i="15"/>
  <c r="F224" i="15" s="1"/>
  <c r="E225" i="15"/>
  <c r="E226" i="15"/>
  <c r="F226" i="15" s="1"/>
  <c r="E227" i="15"/>
  <c r="F227" i="15" s="1"/>
  <c r="E228" i="15"/>
  <c r="F228" i="15" s="1"/>
  <c r="E229" i="15"/>
  <c r="E230" i="15"/>
  <c r="E231" i="15"/>
  <c r="E232" i="15"/>
  <c r="E233" i="15"/>
  <c r="E234" i="15"/>
  <c r="E235" i="15"/>
  <c r="E236" i="15"/>
  <c r="F236" i="15" s="1"/>
  <c r="E237" i="15"/>
  <c r="E238" i="15"/>
  <c r="F238" i="15" s="1"/>
  <c r="E239" i="15"/>
  <c r="F239" i="15" s="1"/>
  <c r="E240" i="15"/>
  <c r="F240" i="15" s="1"/>
  <c r="E241" i="15"/>
  <c r="E242" i="15"/>
  <c r="E243" i="15"/>
  <c r="E244" i="15"/>
  <c r="E245" i="15"/>
  <c r="E246" i="15"/>
  <c r="E247" i="15"/>
  <c r="E248" i="15"/>
  <c r="F248" i="15" s="1"/>
  <c r="E249" i="15"/>
  <c r="E250" i="15"/>
  <c r="F250" i="15" s="1"/>
  <c r="E251" i="15"/>
  <c r="F251" i="15" s="1"/>
  <c r="E252" i="15"/>
  <c r="F252" i="15" s="1"/>
  <c r="E253" i="15"/>
  <c r="E254" i="15"/>
  <c r="E255" i="15"/>
  <c r="E256" i="15"/>
  <c r="E257" i="15"/>
  <c r="E258" i="15"/>
  <c r="E259" i="15"/>
  <c r="E260" i="15"/>
  <c r="F260" i="15" s="1"/>
  <c r="E261" i="15"/>
  <c r="E262" i="15"/>
  <c r="F262" i="15" s="1"/>
  <c r="E263" i="15"/>
  <c r="F263" i="15" s="1"/>
  <c r="E264" i="15"/>
  <c r="F264" i="15" s="1"/>
  <c r="E265" i="15"/>
  <c r="E266" i="15"/>
  <c r="E267" i="15"/>
  <c r="E268" i="15"/>
  <c r="E269" i="15"/>
  <c r="E270" i="15"/>
  <c r="E271" i="15"/>
  <c r="E272" i="15"/>
  <c r="F272" i="15" s="1"/>
  <c r="E273" i="15"/>
  <c r="E274" i="15"/>
  <c r="F274" i="15" s="1"/>
  <c r="E275" i="15"/>
  <c r="F275" i="15" s="1"/>
  <c r="E276" i="15"/>
  <c r="F276" i="15" s="1"/>
  <c r="E277" i="15"/>
  <c r="E278" i="15"/>
  <c r="E279" i="15"/>
  <c r="E280" i="15"/>
  <c r="E281" i="15"/>
  <c r="E282" i="15"/>
  <c r="E283" i="15"/>
  <c r="E284" i="15"/>
  <c r="F284" i="15" s="1"/>
  <c r="E285" i="15"/>
  <c r="E286" i="15"/>
  <c r="F286" i="15" s="1"/>
  <c r="E287" i="15"/>
  <c r="F287" i="15" s="1"/>
  <c r="E288" i="15"/>
  <c r="F288" i="15" s="1"/>
  <c r="E289" i="15"/>
  <c r="E290" i="15"/>
  <c r="E291" i="15"/>
  <c r="E292" i="15"/>
  <c r="E293" i="15"/>
  <c r="E294" i="15"/>
  <c r="E295" i="15"/>
  <c r="E296" i="15"/>
  <c r="F296" i="15" s="1"/>
  <c r="E297" i="15"/>
  <c r="E298" i="15"/>
  <c r="F298" i="15" s="1"/>
  <c r="E299" i="15"/>
  <c r="F299" i="15" s="1"/>
  <c r="E300" i="15"/>
  <c r="F300" i="15" s="1"/>
  <c r="E301" i="15"/>
  <c r="E302" i="15"/>
  <c r="E303" i="15"/>
  <c r="E304" i="15"/>
  <c r="E305" i="15"/>
  <c r="E306" i="15"/>
  <c r="E307" i="15"/>
  <c r="E308" i="15"/>
  <c r="F308" i="15" s="1"/>
  <c r="E309" i="15"/>
  <c r="E310" i="15"/>
  <c r="F310" i="15" s="1"/>
  <c r="E311" i="15"/>
  <c r="F311" i="15" s="1"/>
  <c r="E312" i="15"/>
  <c r="F312" i="15" s="1"/>
  <c r="E313" i="15"/>
  <c r="E314" i="15"/>
  <c r="E315" i="15"/>
  <c r="E316" i="15"/>
  <c r="E317" i="15"/>
  <c r="E318" i="15"/>
  <c r="E319" i="15"/>
  <c r="E320" i="15"/>
  <c r="F320" i="15" s="1"/>
  <c r="E321" i="15"/>
  <c r="E322" i="15"/>
  <c r="F322" i="15" s="1"/>
  <c r="E323" i="15"/>
  <c r="F323" i="15" s="1"/>
  <c r="E324" i="15"/>
  <c r="F324" i="15" s="1"/>
  <c r="E325" i="15"/>
  <c r="E326" i="15"/>
  <c r="E327" i="15"/>
  <c r="E328" i="15"/>
  <c r="E329" i="15"/>
  <c r="E330" i="15"/>
  <c r="E331" i="15"/>
  <c r="E332" i="15"/>
  <c r="F332" i="15" s="1"/>
  <c r="E333" i="15"/>
  <c r="E334" i="15"/>
  <c r="F334" i="15" s="1"/>
  <c r="E335" i="15"/>
  <c r="F335" i="15" s="1"/>
  <c r="E336" i="15"/>
  <c r="F336" i="15" s="1"/>
  <c r="E337" i="15"/>
  <c r="E338" i="15"/>
  <c r="E339" i="15"/>
  <c r="E340" i="15"/>
  <c r="E341" i="15"/>
  <c r="E342" i="15"/>
  <c r="E343" i="15"/>
  <c r="E344" i="15"/>
  <c r="F344" i="15" s="1"/>
  <c r="E345" i="15"/>
  <c r="E346" i="15"/>
  <c r="F346" i="15" s="1"/>
  <c r="E347" i="15"/>
  <c r="F347" i="15" s="1"/>
  <c r="E348" i="15"/>
  <c r="F348" i="15" s="1"/>
  <c r="E349" i="15"/>
  <c r="E350" i="15"/>
  <c r="E351" i="15"/>
  <c r="E352" i="15"/>
  <c r="E353" i="15"/>
  <c r="E354" i="15"/>
  <c r="E355" i="15"/>
  <c r="E356" i="15"/>
  <c r="F356" i="15" s="1"/>
  <c r="E357" i="15"/>
  <c r="E358" i="15"/>
  <c r="F358" i="15" s="1"/>
  <c r="E359" i="15"/>
  <c r="F359" i="15" s="1"/>
  <c r="E360" i="15"/>
  <c r="F360" i="15" s="1"/>
  <c r="E361" i="15"/>
  <c r="E362" i="15"/>
  <c r="E363" i="15"/>
  <c r="E364" i="15"/>
  <c r="E365" i="15"/>
  <c r="E366" i="15"/>
  <c r="E367" i="15"/>
  <c r="E368" i="15"/>
  <c r="F368" i="15" s="1"/>
  <c r="E369" i="15"/>
  <c r="E370" i="15"/>
  <c r="F370" i="15" s="1"/>
  <c r="E371" i="15"/>
  <c r="F371" i="15" s="1"/>
  <c r="E372" i="15"/>
  <c r="F372" i="15" s="1"/>
  <c r="E373" i="15"/>
  <c r="E374" i="15"/>
  <c r="E375" i="15"/>
  <c r="E376" i="15"/>
  <c r="E377" i="15"/>
  <c r="E378" i="15"/>
  <c r="E379" i="15"/>
  <c r="E380" i="15"/>
  <c r="F380" i="15" s="1"/>
  <c r="E381" i="15"/>
  <c r="E382" i="15"/>
  <c r="F382" i="15" s="1"/>
  <c r="E383" i="15"/>
  <c r="F383" i="15" s="1"/>
  <c r="E384" i="15"/>
  <c r="F384" i="15" s="1"/>
  <c r="E385" i="15"/>
  <c r="E386" i="15"/>
  <c r="E387" i="15"/>
  <c r="E388" i="15"/>
  <c r="E389" i="15"/>
  <c r="E390" i="15"/>
  <c r="E391" i="15"/>
  <c r="E392" i="15"/>
  <c r="F392" i="15" s="1"/>
  <c r="E393" i="15"/>
  <c r="E394" i="15"/>
  <c r="F394" i="15" s="1"/>
  <c r="E395" i="15"/>
  <c r="F395" i="15" s="1"/>
  <c r="E396" i="15"/>
  <c r="F396" i="15" s="1"/>
  <c r="E397" i="15"/>
  <c r="E398" i="15"/>
  <c r="E399" i="15"/>
  <c r="E400" i="15"/>
  <c r="E401" i="15"/>
  <c r="E402" i="15"/>
  <c r="E403" i="15"/>
  <c r="E404" i="15"/>
  <c r="F404" i="15" s="1"/>
  <c r="E405" i="15"/>
  <c r="E406" i="15"/>
  <c r="F406" i="15" s="1"/>
  <c r="E2" i="15"/>
  <c r="D3" i="15"/>
  <c r="D4" i="15"/>
  <c r="D5" i="15"/>
  <c r="D6" i="15"/>
  <c r="D7" i="15"/>
  <c r="D8" i="15"/>
  <c r="D9" i="15"/>
  <c r="D10" i="15"/>
  <c r="D11" i="15"/>
  <c r="D12" i="15"/>
  <c r="D13" i="15"/>
  <c r="D14" i="15"/>
  <c r="D15" i="15"/>
  <c r="D16" i="15"/>
  <c r="D17" i="15"/>
  <c r="D18" i="15"/>
  <c r="D19" i="15"/>
  <c r="D20" i="15"/>
  <c r="D21" i="15"/>
  <c r="D22" i="15"/>
  <c r="D23" i="15"/>
  <c r="D24" i="15"/>
  <c r="D25" i="15"/>
  <c r="D26" i="15"/>
  <c r="D27" i="15"/>
  <c r="D28" i="15"/>
  <c r="D29" i="15"/>
  <c r="D30" i="15"/>
  <c r="D31" i="15"/>
  <c r="D32" i="15"/>
  <c r="D33" i="15"/>
  <c r="D34" i="15"/>
  <c r="D35" i="15"/>
  <c r="D36" i="15"/>
  <c r="D37" i="15"/>
  <c r="D38" i="15"/>
  <c r="D39" i="15"/>
  <c r="D40" i="15"/>
  <c r="D41" i="15"/>
  <c r="D42" i="15"/>
  <c r="D43" i="15"/>
  <c r="D44" i="15"/>
  <c r="D45" i="15"/>
  <c r="D46" i="15"/>
  <c r="D47" i="15"/>
  <c r="D48" i="15"/>
  <c r="D49" i="15"/>
  <c r="D50" i="15"/>
  <c r="D51" i="15"/>
  <c r="D52" i="15"/>
  <c r="D53" i="15"/>
  <c r="D54" i="15"/>
  <c r="D55" i="15"/>
  <c r="D56" i="15"/>
  <c r="D57" i="15"/>
  <c r="D58" i="15"/>
  <c r="D59" i="15"/>
  <c r="D60" i="15"/>
  <c r="D61" i="15"/>
  <c r="D62" i="15"/>
  <c r="D63" i="15"/>
  <c r="D64" i="15"/>
  <c r="D65" i="15"/>
  <c r="D66" i="15"/>
  <c r="D67" i="15"/>
  <c r="D68" i="15"/>
  <c r="D69" i="15"/>
  <c r="D70" i="15"/>
  <c r="D71" i="15"/>
  <c r="D72" i="15"/>
  <c r="D73" i="15"/>
  <c r="D74" i="15"/>
  <c r="D75" i="15"/>
  <c r="D76" i="15"/>
  <c r="D77" i="15"/>
  <c r="D78" i="15"/>
  <c r="D79" i="15"/>
  <c r="D80" i="15"/>
  <c r="D81" i="15"/>
  <c r="D82" i="15"/>
  <c r="D83" i="15"/>
  <c r="D84" i="15"/>
  <c r="D85" i="15"/>
  <c r="D86" i="15"/>
  <c r="D87" i="15"/>
  <c r="D88" i="15"/>
  <c r="D89" i="15"/>
  <c r="D90" i="15"/>
  <c r="D91" i="15"/>
  <c r="D92" i="15"/>
  <c r="D93" i="15"/>
  <c r="D94" i="15"/>
  <c r="D95" i="15"/>
  <c r="D96" i="15"/>
  <c r="D97" i="15"/>
  <c r="D98" i="15"/>
  <c r="D99" i="15"/>
  <c r="D100" i="15"/>
  <c r="D101" i="15"/>
  <c r="D102" i="15"/>
  <c r="D103" i="15"/>
  <c r="D104" i="15"/>
  <c r="D105" i="15"/>
  <c r="D106" i="15"/>
  <c r="D107" i="15"/>
  <c r="D108" i="15"/>
  <c r="D109" i="15"/>
  <c r="D110" i="15"/>
  <c r="D111" i="15"/>
  <c r="D112" i="15"/>
  <c r="D113" i="15"/>
  <c r="D114" i="15"/>
  <c r="D115" i="15"/>
  <c r="D116" i="15"/>
  <c r="D117" i="15"/>
  <c r="D118" i="15"/>
  <c r="D119" i="15"/>
  <c r="D120" i="15"/>
  <c r="D121" i="15"/>
  <c r="D122" i="15"/>
  <c r="D123" i="15"/>
  <c r="D124" i="15"/>
  <c r="D125" i="15"/>
  <c r="D126" i="15"/>
  <c r="D127" i="15"/>
  <c r="D128" i="15"/>
  <c r="D129" i="15"/>
  <c r="D130" i="15"/>
  <c r="D131" i="15"/>
  <c r="D132" i="15"/>
  <c r="D133" i="15"/>
  <c r="D134" i="15"/>
  <c r="D135" i="15"/>
  <c r="D136" i="15"/>
  <c r="D137" i="15"/>
  <c r="D138" i="15"/>
  <c r="D139" i="15"/>
  <c r="D140" i="15"/>
  <c r="D141" i="15"/>
  <c r="D142" i="15"/>
  <c r="D143" i="15"/>
  <c r="D144" i="15"/>
  <c r="D145" i="15"/>
  <c r="D146" i="15"/>
  <c r="D147" i="15"/>
  <c r="D148" i="15"/>
  <c r="D149" i="15"/>
  <c r="D150" i="15"/>
  <c r="D151" i="15"/>
  <c r="D152" i="15"/>
  <c r="D153" i="15"/>
  <c r="D154" i="15"/>
  <c r="D155" i="15"/>
  <c r="D156" i="15"/>
  <c r="D157" i="15"/>
  <c r="D158" i="15"/>
  <c r="D159" i="15"/>
  <c r="D160" i="15"/>
  <c r="D161" i="15"/>
  <c r="D162" i="15"/>
  <c r="D163" i="15"/>
  <c r="D164" i="15"/>
  <c r="D165" i="15"/>
  <c r="D166" i="15"/>
  <c r="D167" i="15"/>
  <c r="D168" i="15"/>
  <c r="D169" i="15"/>
  <c r="D170" i="15"/>
  <c r="D171" i="15"/>
  <c r="D172" i="15"/>
  <c r="D173" i="15"/>
  <c r="D174" i="15"/>
  <c r="D175" i="15"/>
  <c r="D176" i="15"/>
  <c r="D177" i="15"/>
  <c r="D178" i="15"/>
  <c r="D179" i="15"/>
  <c r="D180" i="15"/>
  <c r="D181" i="15"/>
  <c r="D182" i="15"/>
  <c r="D183" i="15"/>
  <c r="D184" i="15"/>
  <c r="D185" i="15"/>
  <c r="D186" i="15"/>
  <c r="D187" i="15"/>
  <c r="D188" i="15"/>
  <c r="D189" i="15"/>
  <c r="D190" i="15"/>
  <c r="D191" i="15"/>
  <c r="D192" i="15"/>
  <c r="D193" i="15"/>
  <c r="D194" i="15"/>
  <c r="D195" i="15"/>
  <c r="D196" i="15"/>
  <c r="D197" i="15"/>
  <c r="D198" i="15"/>
  <c r="D199" i="15"/>
  <c r="D200" i="15"/>
  <c r="D201" i="15"/>
  <c r="D202" i="15"/>
  <c r="D203" i="15"/>
  <c r="D204" i="15"/>
  <c r="D205" i="15"/>
  <c r="D206" i="15"/>
  <c r="D207" i="15"/>
  <c r="D208" i="15"/>
  <c r="D209" i="15"/>
  <c r="D210" i="15"/>
  <c r="D211" i="15"/>
  <c r="D212" i="15"/>
  <c r="D213" i="15"/>
  <c r="D214" i="15"/>
  <c r="D215" i="15"/>
  <c r="D216" i="15"/>
  <c r="D217" i="15"/>
  <c r="D218" i="15"/>
  <c r="D219" i="15"/>
  <c r="D220" i="15"/>
  <c r="D221" i="15"/>
  <c r="D222" i="15"/>
  <c r="D223" i="15"/>
  <c r="D224" i="15"/>
  <c r="D225" i="15"/>
  <c r="D226" i="15"/>
  <c r="D227" i="15"/>
  <c r="D228" i="15"/>
  <c r="D229" i="15"/>
  <c r="D230" i="15"/>
  <c r="D231" i="15"/>
  <c r="D232" i="15"/>
  <c r="D233" i="15"/>
  <c r="D234" i="15"/>
  <c r="D235" i="15"/>
  <c r="D236" i="15"/>
  <c r="D237" i="15"/>
  <c r="D238" i="15"/>
  <c r="D239" i="15"/>
  <c r="D240" i="15"/>
  <c r="D241" i="15"/>
  <c r="D242" i="15"/>
  <c r="D243" i="15"/>
  <c r="D244" i="15"/>
  <c r="D245" i="15"/>
  <c r="D246" i="15"/>
  <c r="D247" i="15"/>
  <c r="D248" i="15"/>
  <c r="D249" i="15"/>
  <c r="D250" i="15"/>
  <c r="D251" i="15"/>
  <c r="D252" i="15"/>
  <c r="D253" i="15"/>
  <c r="D254" i="15"/>
  <c r="D255" i="15"/>
  <c r="D256" i="15"/>
  <c r="D257" i="15"/>
  <c r="D258" i="15"/>
  <c r="D259" i="15"/>
  <c r="D260" i="15"/>
  <c r="D261" i="15"/>
  <c r="D262" i="15"/>
  <c r="D263" i="15"/>
  <c r="D264" i="15"/>
  <c r="D265" i="15"/>
  <c r="D266" i="15"/>
  <c r="D267" i="15"/>
  <c r="D268" i="15"/>
  <c r="D269" i="15"/>
  <c r="D270" i="15"/>
  <c r="D271" i="15"/>
  <c r="D272" i="15"/>
  <c r="D273" i="15"/>
  <c r="D274" i="15"/>
  <c r="D275" i="15"/>
  <c r="D276" i="15"/>
  <c r="D277" i="15"/>
  <c r="D278" i="15"/>
  <c r="D279" i="15"/>
  <c r="D280" i="15"/>
  <c r="D281" i="15"/>
  <c r="D282" i="15"/>
  <c r="D283" i="15"/>
  <c r="D284" i="15"/>
  <c r="D285" i="15"/>
  <c r="D286" i="15"/>
  <c r="D287" i="15"/>
  <c r="D288" i="15"/>
  <c r="D289" i="15"/>
  <c r="D290" i="15"/>
  <c r="D291" i="15"/>
  <c r="D292" i="15"/>
  <c r="D293" i="15"/>
  <c r="D294" i="15"/>
  <c r="D295" i="15"/>
  <c r="D296" i="15"/>
  <c r="D297" i="15"/>
  <c r="D298" i="15"/>
  <c r="D299" i="15"/>
  <c r="D300" i="15"/>
  <c r="D301" i="15"/>
  <c r="D302" i="15"/>
  <c r="D303" i="15"/>
  <c r="D304" i="15"/>
  <c r="D305" i="15"/>
  <c r="D306" i="15"/>
  <c r="D307" i="15"/>
  <c r="D308" i="15"/>
  <c r="D309" i="15"/>
  <c r="D310" i="15"/>
  <c r="D311" i="15"/>
  <c r="D312" i="15"/>
  <c r="D313" i="15"/>
  <c r="D314" i="15"/>
  <c r="D315" i="15"/>
  <c r="D316" i="15"/>
  <c r="D317" i="15"/>
  <c r="D318" i="15"/>
  <c r="D319" i="15"/>
  <c r="D320" i="15"/>
  <c r="D321" i="15"/>
  <c r="D322" i="15"/>
  <c r="D323" i="15"/>
  <c r="D324" i="15"/>
  <c r="D325" i="15"/>
  <c r="D326" i="15"/>
  <c r="D327" i="15"/>
  <c r="D328" i="15"/>
  <c r="D329" i="15"/>
  <c r="D330" i="15"/>
  <c r="D331" i="15"/>
  <c r="D332" i="15"/>
  <c r="D333" i="15"/>
  <c r="D334" i="15"/>
  <c r="D335" i="15"/>
  <c r="D336" i="15"/>
  <c r="D337" i="15"/>
  <c r="D338" i="15"/>
  <c r="D339" i="15"/>
  <c r="D340" i="15"/>
  <c r="D341" i="15"/>
  <c r="D342" i="15"/>
  <c r="D343" i="15"/>
  <c r="D344" i="15"/>
  <c r="D345" i="15"/>
  <c r="D346" i="15"/>
  <c r="D347" i="15"/>
  <c r="D348" i="15"/>
  <c r="D349" i="15"/>
  <c r="D350" i="15"/>
  <c r="D351" i="15"/>
  <c r="D352" i="15"/>
  <c r="D353" i="15"/>
  <c r="D354" i="15"/>
  <c r="D355" i="15"/>
  <c r="D356" i="15"/>
  <c r="D357" i="15"/>
  <c r="D358" i="15"/>
  <c r="D359" i="15"/>
  <c r="D360" i="15"/>
  <c r="D361" i="15"/>
  <c r="D362" i="15"/>
  <c r="D363" i="15"/>
  <c r="D364" i="15"/>
  <c r="D365" i="15"/>
  <c r="D366" i="15"/>
  <c r="D367" i="15"/>
  <c r="D368" i="15"/>
  <c r="D369" i="15"/>
  <c r="D370" i="15"/>
  <c r="D371" i="15"/>
  <c r="D372" i="15"/>
  <c r="D373" i="15"/>
  <c r="D374" i="15"/>
  <c r="D375" i="15"/>
  <c r="D376" i="15"/>
  <c r="D377" i="15"/>
  <c r="D378" i="15"/>
  <c r="D379" i="15"/>
  <c r="D380" i="15"/>
  <c r="D381" i="15"/>
  <c r="D382" i="15"/>
  <c r="D383" i="15"/>
  <c r="D384" i="15"/>
  <c r="D385" i="15"/>
  <c r="D386" i="15"/>
  <c r="D387" i="15"/>
  <c r="D388" i="15"/>
  <c r="D389" i="15"/>
  <c r="D390" i="15"/>
  <c r="D391" i="15"/>
  <c r="D392" i="15"/>
  <c r="D393" i="15"/>
  <c r="D394" i="15"/>
  <c r="D395" i="15"/>
  <c r="D396" i="15"/>
  <c r="D397" i="15"/>
  <c r="D398" i="15"/>
  <c r="D399" i="15"/>
  <c r="D400" i="15"/>
  <c r="D401" i="15"/>
  <c r="D402" i="15"/>
  <c r="D403" i="15"/>
  <c r="D404" i="15"/>
  <c r="D405" i="15"/>
  <c r="D406" i="15"/>
  <c r="D2" i="15"/>
  <c r="A415" i="15"/>
  <c r="C417" i="15" s="1"/>
  <c r="E3" i="28"/>
  <c r="E4" i="28"/>
  <c r="E5" i="28"/>
  <c r="E6" i="28"/>
  <c r="E7" i="28"/>
  <c r="E8" i="28"/>
  <c r="E9" i="28"/>
  <c r="E10" i="28"/>
  <c r="E11" i="28"/>
  <c r="E12" i="28"/>
  <c r="E13" i="28"/>
  <c r="E14" i="28"/>
  <c r="E15" i="28"/>
  <c r="E16" i="28"/>
  <c r="E17" i="28"/>
  <c r="E18" i="28"/>
  <c r="E19" i="28"/>
  <c r="E20" i="28"/>
  <c r="E21" i="28"/>
  <c r="E22" i="28"/>
  <c r="E23" i="28"/>
  <c r="E24" i="28"/>
  <c r="E25" i="28"/>
  <c r="E26" i="28"/>
  <c r="E27" i="28"/>
  <c r="E28" i="28"/>
  <c r="E29" i="28"/>
  <c r="E30" i="28"/>
  <c r="E31" i="28"/>
  <c r="E32" i="28"/>
  <c r="E33" i="28"/>
  <c r="E34" i="28"/>
  <c r="E35" i="28"/>
  <c r="E36" i="28"/>
  <c r="E37" i="28"/>
  <c r="E38" i="28"/>
  <c r="E39" i="28"/>
  <c r="E40" i="28"/>
  <c r="E41" i="28"/>
  <c r="E42" i="28"/>
  <c r="E43" i="28"/>
  <c r="E44" i="28"/>
  <c r="E45" i="28"/>
  <c r="E46" i="28"/>
  <c r="E47" i="28"/>
  <c r="E48" i="28"/>
  <c r="E49" i="28"/>
  <c r="E50" i="28"/>
  <c r="E51" i="28"/>
  <c r="E52" i="28"/>
  <c r="E53" i="28"/>
  <c r="E54" i="28"/>
  <c r="E55" i="28"/>
  <c r="E56" i="28"/>
  <c r="E57" i="28"/>
  <c r="E58" i="28"/>
  <c r="E59" i="28"/>
  <c r="E60" i="28"/>
  <c r="E61" i="28"/>
  <c r="E62" i="28"/>
  <c r="E63" i="28"/>
  <c r="E64" i="28"/>
  <c r="E65" i="28"/>
  <c r="E66" i="28"/>
  <c r="E67" i="28"/>
  <c r="E68" i="28"/>
  <c r="E69" i="28"/>
  <c r="E70" i="28"/>
  <c r="E71" i="28"/>
  <c r="E72" i="28"/>
  <c r="E73" i="28"/>
  <c r="E74" i="28"/>
  <c r="E75" i="28"/>
  <c r="E76" i="28"/>
  <c r="E77" i="28"/>
  <c r="E78" i="28"/>
  <c r="E79" i="28"/>
  <c r="E80" i="28"/>
  <c r="E81" i="28"/>
  <c r="E82" i="28"/>
  <c r="E83" i="28"/>
  <c r="E84" i="28"/>
  <c r="E85" i="28"/>
  <c r="E86" i="28"/>
  <c r="E87" i="28"/>
  <c r="E88" i="28"/>
  <c r="E89" i="28"/>
  <c r="E90" i="28"/>
  <c r="E91" i="28"/>
  <c r="E92" i="28"/>
  <c r="E93" i="28"/>
  <c r="E94" i="28"/>
  <c r="E95" i="28"/>
  <c r="E96" i="28"/>
  <c r="E97" i="28"/>
  <c r="E98" i="28"/>
  <c r="E99" i="28"/>
  <c r="E100" i="28"/>
  <c r="E101" i="28"/>
  <c r="E102" i="28"/>
  <c r="E103" i="28"/>
  <c r="E104" i="28"/>
  <c r="E105" i="28"/>
  <c r="E106" i="28"/>
  <c r="E107" i="28"/>
  <c r="E108" i="28"/>
  <c r="E109" i="28"/>
  <c r="E110" i="28"/>
  <c r="E111" i="28"/>
  <c r="E112" i="28"/>
  <c r="E113" i="28"/>
  <c r="E114" i="28"/>
  <c r="E115" i="28"/>
  <c r="E116" i="28"/>
  <c r="E117" i="28"/>
  <c r="E118" i="28"/>
  <c r="E119" i="28"/>
  <c r="E120" i="28"/>
  <c r="E121" i="28"/>
  <c r="E122" i="28"/>
  <c r="E123" i="28"/>
  <c r="E124" i="28"/>
  <c r="E125" i="28"/>
  <c r="E126" i="28"/>
  <c r="E127" i="28"/>
  <c r="E128" i="28"/>
  <c r="E129" i="28"/>
  <c r="E130" i="28"/>
  <c r="E131" i="28"/>
  <c r="E132" i="28"/>
  <c r="E133" i="28"/>
  <c r="E134" i="28"/>
  <c r="E135" i="28"/>
  <c r="E136" i="28"/>
  <c r="E137" i="28"/>
  <c r="E138" i="28"/>
  <c r="E139" i="28"/>
  <c r="E140" i="28"/>
  <c r="E141" i="28"/>
  <c r="E142" i="28"/>
  <c r="E143" i="28"/>
  <c r="E144" i="28"/>
  <c r="E145" i="28"/>
  <c r="E146" i="28"/>
  <c r="E147" i="28"/>
  <c r="E148" i="28"/>
  <c r="E149" i="28"/>
  <c r="E150" i="28"/>
  <c r="E151" i="28"/>
  <c r="E152" i="28"/>
  <c r="E153" i="28"/>
  <c r="E154" i="28"/>
  <c r="E155" i="28"/>
  <c r="E156" i="28"/>
  <c r="E157" i="28"/>
  <c r="E158" i="28"/>
  <c r="E159" i="28"/>
  <c r="E160" i="28"/>
  <c r="E161" i="28"/>
  <c r="E162" i="28"/>
  <c r="E163" i="28"/>
  <c r="E164" i="28"/>
  <c r="E165" i="28"/>
  <c r="E166" i="28"/>
  <c r="E167" i="28"/>
  <c r="E168" i="28"/>
  <c r="E169" i="28"/>
  <c r="E170" i="28"/>
  <c r="E171" i="28"/>
  <c r="E172" i="28"/>
  <c r="E173" i="28"/>
  <c r="E174" i="28"/>
  <c r="E175" i="28"/>
  <c r="E176" i="28"/>
  <c r="E177" i="28"/>
  <c r="E178" i="28"/>
  <c r="E179" i="28"/>
  <c r="E180" i="28"/>
  <c r="E181" i="28"/>
  <c r="E182" i="28"/>
  <c r="E183" i="28"/>
  <c r="E184" i="28"/>
  <c r="E185" i="28"/>
  <c r="E186" i="28"/>
  <c r="E187" i="28"/>
  <c r="E188" i="28"/>
  <c r="E189" i="28"/>
  <c r="E190" i="28"/>
  <c r="E191" i="28"/>
  <c r="E192" i="28"/>
  <c r="E193" i="28"/>
  <c r="E194" i="28"/>
  <c r="E195" i="28"/>
  <c r="E196" i="28"/>
  <c r="E197" i="28"/>
  <c r="E198" i="28"/>
  <c r="E199" i="28"/>
  <c r="E200" i="28"/>
  <c r="E201" i="28"/>
  <c r="E202" i="28"/>
  <c r="E203" i="28"/>
  <c r="E204" i="28"/>
  <c r="E205" i="28"/>
  <c r="E206" i="28"/>
  <c r="E207" i="28"/>
  <c r="E208" i="28"/>
  <c r="E209" i="28"/>
  <c r="E210" i="28"/>
  <c r="E211" i="28"/>
  <c r="E212" i="28"/>
  <c r="E213" i="28"/>
  <c r="E214" i="28"/>
  <c r="E215" i="28"/>
  <c r="E216" i="28"/>
  <c r="E217" i="28"/>
  <c r="E218" i="28"/>
  <c r="E219" i="28"/>
  <c r="E220" i="28"/>
  <c r="E221" i="28"/>
  <c r="E222" i="28"/>
  <c r="E223" i="28"/>
  <c r="E224" i="28"/>
  <c r="E225" i="28"/>
  <c r="E226" i="28"/>
  <c r="E227" i="28"/>
  <c r="E228" i="28"/>
  <c r="E229" i="28"/>
  <c r="E230" i="28"/>
  <c r="E231" i="28"/>
  <c r="E232" i="28"/>
  <c r="E233" i="28"/>
  <c r="E234" i="28"/>
  <c r="E235" i="28"/>
  <c r="E236" i="28"/>
  <c r="E237" i="28"/>
  <c r="E238" i="28"/>
  <c r="E239" i="28"/>
  <c r="E240" i="28"/>
  <c r="E241" i="28"/>
  <c r="E242" i="28"/>
  <c r="E243" i="28"/>
  <c r="E244" i="28"/>
  <c r="E245" i="28"/>
  <c r="E246" i="28"/>
  <c r="E247" i="28"/>
  <c r="E248" i="28"/>
  <c r="E249" i="28"/>
  <c r="E250" i="28"/>
  <c r="E251" i="28"/>
  <c r="E252" i="28"/>
  <c r="E253" i="28"/>
  <c r="E254" i="28"/>
  <c r="E255" i="28"/>
  <c r="E256" i="28"/>
  <c r="E257" i="28"/>
  <c r="E258" i="28"/>
  <c r="E259" i="28"/>
  <c r="E260" i="28"/>
  <c r="E261" i="28"/>
  <c r="E262" i="28"/>
  <c r="E263" i="28"/>
  <c r="E264" i="28"/>
  <c r="E265" i="28"/>
  <c r="E266" i="28"/>
  <c r="E267" i="28"/>
  <c r="E268" i="28"/>
  <c r="E269" i="28"/>
  <c r="E270" i="28"/>
  <c r="E271" i="28"/>
  <c r="E272" i="28"/>
  <c r="E273" i="28"/>
  <c r="E274" i="28"/>
  <c r="E275" i="28"/>
  <c r="E276" i="28"/>
  <c r="E277" i="28"/>
  <c r="E278" i="28"/>
  <c r="E279" i="28"/>
  <c r="E280" i="28"/>
  <c r="E281" i="28"/>
  <c r="E282" i="28"/>
  <c r="E283" i="28"/>
  <c r="F283" i="28" s="1"/>
  <c r="E284" i="28"/>
  <c r="E285" i="28"/>
  <c r="E286" i="28"/>
  <c r="E287" i="28"/>
  <c r="E288" i="28"/>
  <c r="E289" i="28"/>
  <c r="E290" i="28"/>
  <c r="E291" i="28"/>
  <c r="E292" i="28"/>
  <c r="E293" i="28"/>
  <c r="E294" i="28"/>
  <c r="E295" i="28"/>
  <c r="E296" i="28"/>
  <c r="E297" i="28"/>
  <c r="E298" i="28"/>
  <c r="E299" i="28"/>
  <c r="E300" i="28"/>
  <c r="E301" i="28"/>
  <c r="E302" i="28"/>
  <c r="E303" i="28"/>
  <c r="E304" i="28"/>
  <c r="E305" i="28"/>
  <c r="E306" i="28"/>
  <c r="E307" i="28"/>
  <c r="E308" i="28"/>
  <c r="E309" i="28"/>
  <c r="E310" i="28"/>
  <c r="E311" i="28"/>
  <c r="E312" i="28"/>
  <c r="E313" i="28"/>
  <c r="E314" i="28"/>
  <c r="E315" i="28"/>
  <c r="E316" i="28"/>
  <c r="E317" i="28"/>
  <c r="E318" i="28"/>
  <c r="E319" i="28"/>
  <c r="E320" i="28"/>
  <c r="E321" i="28"/>
  <c r="E322" i="28"/>
  <c r="E323" i="28"/>
  <c r="E324" i="28"/>
  <c r="E325" i="28"/>
  <c r="E326" i="28"/>
  <c r="E327" i="28"/>
  <c r="E328" i="28"/>
  <c r="E329" i="28"/>
  <c r="E330" i="28"/>
  <c r="E331" i="28"/>
  <c r="E332" i="28"/>
  <c r="E333" i="28"/>
  <c r="E334" i="28"/>
  <c r="E335" i="28"/>
  <c r="E336" i="28"/>
  <c r="E337" i="28"/>
  <c r="E338" i="28"/>
  <c r="E339" i="28"/>
  <c r="E340" i="28"/>
  <c r="E341" i="28"/>
  <c r="E342" i="28"/>
  <c r="E343" i="28"/>
  <c r="E344" i="28"/>
  <c r="E345" i="28"/>
  <c r="E346" i="28"/>
  <c r="E347" i="28"/>
  <c r="E348" i="28"/>
  <c r="E349" i="28"/>
  <c r="E350" i="28"/>
  <c r="E351" i="28"/>
  <c r="E352" i="28"/>
  <c r="E353" i="28"/>
  <c r="E354" i="28"/>
  <c r="E355" i="28"/>
  <c r="E356" i="28"/>
  <c r="E357" i="28"/>
  <c r="E358" i="28"/>
  <c r="E359" i="28"/>
  <c r="E360" i="28"/>
  <c r="E361" i="28"/>
  <c r="E362" i="28"/>
  <c r="E363" i="28"/>
  <c r="E364" i="28"/>
  <c r="E365" i="28"/>
  <c r="E366" i="28"/>
  <c r="E367" i="28"/>
  <c r="E368" i="28"/>
  <c r="E369" i="28"/>
  <c r="E370" i="28"/>
  <c r="E371" i="28"/>
  <c r="E372" i="28"/>
  <c r="E373" i="28"/>
  <c r="E2" i="28"/>
  <c r="D3" i="28"/>
  <c r="D4" i="28"/>
  <c r="D5" i="28"/>
  <c r="D6" i="28"/>
  <c r="D7" i="28"/>
  <c r="D8" i="28"/>
  <c r="D9" i="28"/>
  <c r="D10" i="28"/>
  <c r="D11" i="28"/>
  <c r="D12" i="28"/>
  <c r="D13" i="28"/>
  <c r="D14" i="28"/>
  <c r="D15" i="28"/>
  <c r="D16" i="28"/>
  <c r="D17" i="28"/>
  <c r="D18" i="28"/>
  <c r="D19" i="28"/>
  <c r="D20" i="28"/>
  <c r="D21" i="28"/>
  <c r="D22" i="28"/>
  <c r="D23" i="28"/>
  <c r="D24" i="28"/>
  <c r="D25" i="28"/>
  <c r="D26" i="28"/>
  <c r="D27" i="28"/>
  <c r="D28" i="28"/>
  <c r="D29" i="28"/>
  <c r="D30" i="28"/>
  <c r="D31" i="28"/>
  <c r="D32" i="28"/>
  <c r="D33" i="28"/>
  <c r="D34" i="28"/>
  <c r="D35" i="28"/>
  <c r="D36" i="28"/>
  <c r="D37" i="28"/>
  <c r="D38" i="28"/>
  <c r="D39" i="28"/>
  <c r="D40" i="28"/>
  <c r="D41" i="28"/>
  <c r="D42" i="28"/>
  <c r="D43" i="28"/>
  <c r="D44" i="28"/>
  <c r="D45" i="28"/>
  <c r="D46" i="28"/>
  <c r="D47" i="28"/>
  <c r="D48" i="28"/>
  <c r="D49" i="28"/>
  <c r="D50" i="28"/>
  <c r="D51" i="28"/>
  <c r="D52" i="28"/>
  <c r="D53" i="28"/>
  <c r="D54" i="28"/>
  <c r="D55" i="28"/>
  <c r="D56" i="28"/>
  <c r="D57" i="28"/>
  <c r="D58" i="28"/>
  <c r="D59" i="28"/>
  <c r="D60" i="28"/>
  <c r="D61" i="28"/>
  <c r="D62" i="28"/>
  <c r="D63" i="28"/>
  <c r="D64" i="28"/>
  <c r="D65" i="28"/>
  <c r="D66" i="28"/>
  <c r="D67" i="28"/>
  <c r="D68" i="28"/>
  <c r="D69" i="28"/>
  <c r="D70" i="28"/>
  <c r="D71" i="28"/>
  <c r="D72" i="28"/>
  <c r="D73" i="28"/>
  <c r="D74" i="28"/>
  <c r="D75" i="28"/>
  <c r="D76" i="28"/>
  <c r="D77" i="28"/>
  <c r="D78" i="28"/>
  <c r="D79" i="28"/>
  <c r="D80" i="28"/>
  <c r="D81" i="28"/>
  <c r="D82" i="28"/>
  <c r="D83" i="28"/>
  <c r="D84" i="28"/>
  <c r="D85" i="28"/>
  <c r="D86" i="28"/>
  <c r="D87" i="28"/>
  <c r="D88" i="28"/>
  <c r="D89" i="28"/>
  <c r="D90" i="28"/>
  <c r="D91" i="28"/>
  <c r="D92" i="28"/>
  <c r="D93" i="28"/>
  <c r="D94" i="28"/>
  <c r="D95" i="28"/>
  <c r="D96" i="28"/>
  <c r="D97" i="28"/>
  <c r="D98" i="28"/>
  <c r="D99" i="28"/>
  <c r="D100" i="28"/>
  <c r="D101" i="28"/>
  <c r="D102" i="28"/>
  <c r="D103" i="28"/>
  <c r="D104" i="28"/>
  <c r="D105" i="28"/>
  <c r="D106" i="28"/>
  <c r="D107" i="28"/>
  <c r="D108" i="28"/>
  <c r="D109" i="28"/>
  <c r="D110" i="28"/>
  <c r="D111" i="28"/>
  <c r="D112" i="28"/>
  <c r="D113" i="28"/>
  <c r="D114" i="28"/>
  <c r="D115" i="28"/>
  <c r="D116" i="28"/>
  <c r="D117" i="28"/>
  <c r="D118" i="28"/>
  <c r="D119" i="28"/>
  <c r="D120" i="28"/>
  <c r="D121" i="28"/>
  <c r="D122" i="28"/>
  <c r="D123" i="28"/>
  <c r="D124" i="28"/>
  <c r="D125" i="28"/>
  <c r="D126" i="28"/>
  <c r="D127" i="28"/>
  <c r="D128" i="28"/>
  <c r="D129" i="28"/>
  <c r="D130" i="28"/>
  <c r="D131" i="28"/>
  <c r="D132" i="28"/>
  <c r="D133" i="28"/>
  <c r="D134" i="28"/>
  <c r="D135" i="28"/>
  <c r="D136" i="28"/>
  <c r="D137" i="28"/>
  <c r="D138" i="28"/>
  <c r="D139" i="28"/>
  <c r="D140" i="28"/>
  <c r="D141" i="28"/>
  <c r="D142" i="28"/>
  <c r="D143" i="28"/>
  <c r="D144" i="28"/>
  <c r="D145" i="28"/>
  <c r="D146" i="28"/>
  <c r="D147" i="28"/>
  <c r="D148" i="28"/>
  <c r="D149" i="28"/>
  <c r="D150" i="28"/>
  <c r="D151" i="28"/>
  <c r="D152" i="28"/>
  <c r="D153" i="28"/>
  <c r="D154" i="28"/>
  <c r="D155" i="28"/>
  <c r="D156" i="28"/>
  <c r="D157" i="28"/>
  <c r="D158" i="28"/>
  <c r="D159" i="28"/>
  <c r="D160" i="28"/>
  <c r="D161" i="28"/>
  <c r="D162" i="28"/>
  <c r="D163" i="28"/>
  <c r="D164" i="28"/>
  <c r="D165" i="28"/>
  <c r="D166" i="28"/>
  <c r="D167" i="28"/>
  <c r="D168" i="28"/>
  <c r="D169" i="28"/>
  <c r="D170" i="28"/>
  <c r="D171" i="28"/>
  <c r="D172" i="28"/>
  <c r="D173" i="28"/>
  <c r="D174" i="28"/>
  <c r="D175" i="28"/>
  <c r="D176" i="28"/>
  <c r="D177" i="28"/>
  <c r="D178" i="28"/>
  <c r="D179" i="28"/>
  <c r="D180" i="28"/>
  <c r="D181" i="28"/>
  <c r="D182" i="28"/>
  <c r="D183" i="28"/>
  <c r="D184" i="28"/>
  <c r="D185" i="28"/>
  <c r="D186" i="28"/>
  <c r="D187" i="28"/>
  <c r="D188" i="28"/>
  <c r="D189" i="28"/>
  <c r="D190" i="28"/>
  <c r="D191" i="28"/>
  <c r="D192" i="28"/>
  <c r="D193" i="28"/>
  <c r="D194" i="28"/>
  <c r="D195" i="28"/>
  <c r="D196" i="28"/>
  <c r="D197" i="28"/>
  <c r="D198" i="28"/>
  <c r="D199" i="28"/>
  <c r="D200" i="28"/>
  <c r="D201" i="28"/>
  <c r="D202" i="28"/>
  <c r="D203" i="28"/>
  <c r="D204" i="28"/>
  <c r="D205" i="28"/>
  <c r="D206" i="28"/>
  <c r="D207" i="28"/>
  <c r="D208" i="28"/>
  <c r="D209" i="28"/>
  <c r="D210" i="28"/>
  <c r="D211" i="28"/>
  <c r="D212" i="28"/>
  <c r="D213" i="28"/>
  <c r="D214" i="28"/>
  <c r="D215" i="28"/>
  <c r="D216" i="28"/>
  <c r="D217" i="28"/>
  <c r="D218" i="28"/>
  <c r="D219" i="28"/>
  <c r="D220" i="28"/>
  <c r="D221" i="28"/>
  <c r="D222" i="28"/>
  <c r="D223" i="28"/>
  <c r="D224" i="28"/>
  <c r="D225" i="28"/>
  <c r="D226" i="28"/>
  <c r="D227" i="28"/>
  <c r="D228" i="28"/>
  <c r="D229" i="28"/>
  <c r="D230" i="28"/>
  <c r="D231" i="28"/>
  <c r="D232" i="28"/>
  <c r="D233" i="28"/>
  <c r="D234" i="28"/>
  <c r="D235" i="28"/>
  <c r="D236" i="28"/>
  <c r="D237" i="28"/>
  <c r="D238" i="28"/>
  <c r="D239" i="28"/>
  <c r="D240" i="28"/>
  <c r="D241" i="28"/>
  <c r="D242" i="28"/>
  <c r="D243" i="28"/>
  <c r="D244" i="28"/>
  <c r="D245" i="28"/>
  <c r="D246" i="28"/>
  <c r="D247" i="28"/>
  <c r="D248" i="28"/>
  <c r="D249" i="28"/>
  <c r="D250" i="28"/>
  <c r="D251" i="28"/>
  <c r="D252" i="28"/>
  <c r="D253" i="28"/>
  <c r="D254" i="28"/>
  <c r="D255" i="28"/>
  <c r="D256" i="28"/>
  <c r="D257" i="28"/>
  <c r="D258" i="28"/>
  <c r="D259" i="28"/>
  <c r="D260" i="28"/>
  <c r="D261" i="28"/>
  <c r="D262" i="28"/>
  <c r="D263" i="28"/>
  <c r="D264" i="28"/>
  <c r="D265" i="28"/>
  <c r="D266" i="28"/>
  <c r="D267" i="28"/>
  <c r="D268" i="28"/>
  <c r="D269" i="28"/>
  <c r="D270" i="28"/>
  <c r="D271" i="28"/>
  <c r="D272" i="28"/>
  <c r="D273" i="28"/>
  <c r="D274" i="28"/>
  <c r="D275" i="28"/>
  <c r="D276" i="28"/>
  <c r="D277" i="28"/>
  <c r="D278" i="28"/>
  <c r="D279" i="28"/>
  <c r="D280" i="28"/>
  <c r="D281" i="28"/>
  <c r="D282" i="28"/>
  <c r="D283" i="28"/>
  <c r="D284" i="28"/>
  <c r="D285" i="28"/>
  <c r="D286" i="28"/>
  <c r="D287" i="28"/>
  <c r="D288" i="28"/>
  <c r="D289" i="28"/>
  <c r="D290" i="28"/>
  <c r="D291" i="28"/>
  <c r="D292" i="28"/>
  <c r="D293" i="28"/>
  <c r="D294" i="28"/>
  <c r="D295" i="28"/>
  <c r="D296" i="28"/>
  <c r="D297" i="28"/>
  <c r="D298" i="28"/>
  <c r="D299" i="28"/>
  <c r="D300" i="28"/>
  <c r="D301" i="28"/>
  <c r="D302" i="28"/>
  <c r="D303" i="28"/>
  <c r="D304" i="28"/>
  <c r="D305" i="28"/>
  <c r="D306" i="28"/>
  <c r="D307" i="28"/>
  <c r="D308" i="28"/>
  <c r="D309" i="28"/>
  <c r="D310" i="28"/>
  <c r="D311" i="28"/>
  <c r="D312" i="28"/>
  <c r="D313" i="28"/>
  <c r="D314" i="28"/>
  <c r="D315" i="28"/>
  <c r="D316" i="28"/>
  <c r="D317" i="28"/>
  <c r="D318" i="28"/>
  <c r="D319" i="28"/>
  <c r="D320" i="28"/>
  <c r="D321" i="28"/>
  <c r="D322" i="28"/>
  <c r="D323" i="28"/>
  <c r="D324" i="28"/>
  <c r="D325" i="28"/>
  <c r="D326" i="28"/>
  <c r="D327" i="28"/>
  <c r="D328" i="28"/>
  <c r="D329" i="28"/>
  <c r="D330" i="28"/>
  <c r="D331" i="28"/>
  <c r="D332" i="28"/>
  <c r="D333" i="28"/>
  <c r="D334" i="28"/>
  <c r="D335" i="28"/>
  <c r="D336" i="28"/>
  <c r="D337" i="28"/>
  <c r="D338" i="28"/>
  <c r="D339" i="28"/>
  <c r="D340" i="28"/>
  <c r="D341" i="28"/>
  <c r="D342" i="28"/>
  <c r="D343" i="28"/>
  <c r="D344" i="28"/>
  <c r="D345" i="28"/>
  <c r="D346" i="28"/>
  <c r="D347" i="28"/>
  <c r="D348" i="28"/>
  <c r="D349" i="28"/>
  <c r="D350" i="28"/>
  <c r="D351" i="28"/>
  <c r="D352" i="28"/>
  <c r="D353" i="28"/>
  <c r="D354" i="28"/>
  <c r="D355" i="28"/>
  <c r="D356" i="28"/>
  <c r="D357" i="28"/>
  <c r="D358" i="28"/>
  <c r="D359" i="28"/>
  <c r="D360" i="28"/>
  <c r="D361" i="28"/>
  <c r="D362" i="28"/>
  <c r="D363" i="28"/>
  <c r="D364" i="28"/>
  <c r="D365" i="28"/>
  <c r="D366" i="28"/>
  <c r="D367" i="28"/>
  <c r="D368" i="28"/>
  <c r="D369" i="28"/>
  <c r="D370" i="28"/>
  <c r="D371" i="28"/>
  <c r="D372" i="28"/>
  <c r="D373" i="28"/>
  <c r="D2" i="28"/>
  <c r="A378" i="27"/>
  <c r="E3" i="27"/>
  <c r="E4" i="27"/>
  <c r="E5" i="27"/>
  <c r="E6" i="27"/>
  <c r="E7" i="27"/>
  <c r="E8" i="27"/>
  <c r="E9" i="27"/>
  <c r="E10" i="27"/>
  <c r="E11" i="27"/>
  <c r="E12" i="27"/>
  <c r="E13" i="27"/>
  <c r="E14" i="27"/>
  <c r="E15" i="27"/>
  <c r="E16" i="27"/>
  <c r="E17" i="27"/>
  <c r="E18" i="27"/>
  <c r="E19" i="27"/>
  <c r="E20" i="27"/>
  <c r="E21" i="27"/>
  <c r="E22" i="27"/>
  <c r="E23" i="27"/>
  <c r="E24" i="27"/>
  <c r="E25" i="27"/>
  <c r="E26" i="27"/>
  <c r="E27" i="27"/>
  <c r="E28" i="27"/>
  <c r="E29" i="27"/>
  <c r="E30" i="27"/>
  <c r="E31" i="27"/>
  <c r="E32" i="27"/>
  <c r="E33" i="27"/>
  <c r="E34" i="27"/>
  <c r="E35" i="27"/>
  <c r="E36" i="27"/>
  <c r="E37" i="27"/>
  <c r="E38" i="27"/>
  <c r="E39" i="27"/>
  <c r="E40" i="27"/>
  <c r="E41" i="27"/>
  <c r="E42" i="27"/>
  <c r="E43" i="27"/>
  <c r="E44" i="27"/>
  <c r="E45" i="27"/>
  <c r="E46" i="27"/>
  <c r="E47" i="27"/>
  <c r="E48" i="27"/>
  <c r="E49" i="27"/>
  <c r="E50" i="27"/>
  <c r="E51" i="27"/>
  <c r="E52" i="27"/>
  <c r="E53" i="27"/>
  <c r="E54" i="27"/>
  <c r="E55" i="27"/>
  <c r="E56" i="27"/>
  <c r="E57" i="27"/>
  <c r="E58" i="27"/>
  <c r="E59" i="27"/>
  <c r="E60" i="27"/>
  <c r="E61" i="27"/>
  <c r="E62" i="27"/>
  <c r="E63" i="27"/>
  <c r="E64" i="27"/>
  <c r="E65" i="27"/>
  <c r="E66" i="27"/>
  <c r="E67" i="27"/>
  <c r="E68" i="27"/>
  <c r="E69" i="27"/>
  <c r="E70" i="27"/>
  <c r="E71" i="27"/>
  <c r="E72" i="27"/>
  <c r="E73" i="27"/>
  <c r="E74" i="27"/>
  <c r="E75" i="27"/>
  <c r="E76" i="27"/>
  <c r="E77" i="27"/>
  <c r="E78" i="27"/>
  <c r="E79" i="27"/>
  <c r="E80" i="27"/>
  <c r="E81" i="27"/>
  <c r="E82" i="27"/>
  <c r="E83" i="27"/>
  <c r="E84" i="27"/>
  <c r="E85" i="27"/>
  <c r="E86" i="27"/>
  <c r="E87" i="27"/>
  <c r="E88" i="27"/>
  <c r="E89" i="27"/>
  <c r="E90" i="27"/>
  <c r="E91" i="27"/>
  <c r="E92" i="27"/>
  <c r="E93" i="27"/>
  <c r="E94" i="27"/>
  <c r="E95" i="27"/>
  <c r="E96" i="27"/>
  <c r="E97" i="27"/>
  <c r="E98" i="27"/>
  <c r="E99" i="27"/>
  <c r="E100" i="27"/>
  <c r="E101" i="27"/>
  <c r="E102" i="27"/>
  <c r="E103" i="27"/>
  <c r="E104" i="27"/>
  <c r="E105" i="27"/>
  <c r="E106" i="27"/>
  <c r="E107" i="27"/>
  <c r="E108" i="27"/>
  <c r="E109" i="27"/>
  <c r="E110" i="27"/>
  <c r="E111" i="27"/>
  <c r="E112" i="27"/>
  <c r="E113" i="27"/>
  <c r="E114" i="27"/>
  <c r="E115" i="27"/>
  <c r="E116" i="27"/>
  <c r="E117" i="27"/>
  <c r="E118" i="27"/>
  <c r="E119" i="27"/>
  <c r="E120" i="27"/>
  <c r="E121" i="27"/>
  <c r="E122" i="27"/>
  <c r="E123" i="27"/>
  <c r="E124" i="27"/>
  <c r="E125" i="27"/>
  <c r="E126" i="27"/>
  <c r="E127" i="27"/>
  <c r="E128" i="27"/>
  <c r="E129" i="27"/>
  <c r="E130" i="27"/>
  <c r="E131" i="27"/>
  <c r="E132" i="27"/>
  <c r="E133" i="27"/>
  <c r="E134" i="27"/>
  <c r="E135" i="27"/>
  <c r="E136" i="27"/>
  <c r="E137" i="27"/>
  <c r="E138" i="27"/>
  <c r="E139" i="27"/>
  <c r="E140" i="27"/>
  <c r="E141" i="27"/>
  <c r="E142" i="27"/>
  <c r="E143" i="27"/>
  <c r="E144" i="27"/>
  <c r="E145" i="27"/>
  <c r="E146" i="27"/>
  <c r="E147" i="27"/>
  <c r="E148" i="27"/>
  <c r="E149" i="27"/>
  <c r="E150" i="27"/>
  <c r="E151" i="27"/>
  <c r="E152" i="27"/>
  <c r="E153" i="27"/>
  <c r="E154" i="27"/>
  <c r="E155" i="27"/>
  <c r="E156" i="27"/>
  <c r="E157" i="27"/>
  <c r="E158" i="27"/>
  <c r="E159" i="27"/>
  <c r="E160" i="27"/>
  <c r="E161" i="27"/>
  <c r="E162" i="27"/>
  <c r="E163" i="27"/>
  <c r="E164" i="27"/>
  <c r="E165" i="27"/>
  <c r="E166" i="27"/>
  <c r="E167" i="27"/>
  <c r="E168" i="27"/>
  <c r="E169" i="27"/>
  <c r="E170" i="27"/>
  <c r="E171" i="27"/>
  <c r="E172" i="27"/>
  <c r="E173" i="27"/>
  <c r="E174" i="27"/>
  <c r="E175" i="27"/>
  <c r="E176" i="27"/>
  <c r="E177" i="27"/>
  <c r="E178" i="27"/>
  <c r="E179" i="27"/>
  <c r="E180" i="27"/>
  <c r="E181" i="27"/>
  <c r="E182" i="27"/>
  <c r="E183" i="27"/>
  <c r="E184" i="27"/>
  <c r="E185" i="27"/>
  <c r="E186" i="27"/>
  <c r="E187" i="27"/>
  <c r="E188" i="27"/>
  <c r="E189" i="27"/>
  <c r="E190" i="27"/>
  <c r="E191" i="27"/>
  <c r="E192" i="27"/>
  <c r="E193" i="27"/>
  <c r="E194" i="27"/>
  <c r="E195" i="27"/>
  <c r="E196" i="27"/>
  <c r="E197" i="27"/>
  <c r="E198" i="27"/>
  <c r="E199" i="27"/>
  <c r="E200" i="27"/>
  <c r="E201" i="27"/>
  <c r="E202" i="27"/>
  <c r="E203" i="27"/>
  <c r="E204" i="27"/>
  <c r="E205" i="27"/>
  <c r="E206" i="27"/>
  <c r="E207" i="27"/>
  <c r="E208" i="27"/>
  <c r="E209" i="27"/>
  <c r="E210" i="27"/>
  <c r="E211" i="27"/>
  <c r="E212" i="27"/>
  <c r="E213" i="27"/>
  <c r="E214" i="27"/>
  <c r="E215" i="27"/>
  <c r="E216" i="27"/>
  <c r="E217" i="27"/>
  <c r="E218" i="27"/>
  <c r="E219" i="27"/>
  <c r="E220" i="27"/>
  <c r="E221" i="27"/>
  <c r="E222" i="27"/>
  <c r="E223" i="27"/>
  <c r="E224" i="27"/>
  <c r="E225" i="27"/>
  <c r="E226" i="27"/>
  <c r="E227" i="27"/>
  <c r="E228" i="27"/>
  <c r="E229" i="27"/>
  <c r="E230" i="27"/>
  <c r="E231" i="27"/>
  <c r="E232" i="27"/>
  <c r="E233" i="27"/>
  <c r="E234" i="27"/>
  <c r="E235" i="27"/>
  <c r="E236" i="27"/>
  <c r="E237" i="27"/>
  <c r="E238" i="27"/>
  <c r="E239" i="27"/>
  <c r="E240" i="27"/>
  <c r="E241" i="27"/>
  <c r="E242" i="27"/>
  <c r="E243" i="27"/>
  <c r="E244" i="27"/>
  <c r="E245" i="27"/>
  <c r="E246" i="27"/>
  <c r="E247" i="27"/>
  <c r="E248" i="27"/>
  <c r="E249" i="27"/>
  <c r="E250" i="27"/>
  <c r="E251" i="27"/>
  <c r="E252" i="27"/>
  <c r="E253" i="27"/>
  <c r="E254" i="27"/>
  <c r="E255" i="27"/>
  <c r="E256" i="27"/>
  <c r="E257" i="27"/>
  <c r="E258" i="27"/>
  <c r="E259" i="27"/>
  <c r="E260" i="27"/>
  <c r="E261" i="27"/>
  <c r="E262" i="27"/>
  <c r="E263" i="27"/>
  <c r="E264" i="27"/>
  <c r="E265" i="27"/>
  <c r="E266" i="27"/>
  <c r="E267" i="27"/>
  <c r="E268" i="27"/>
  <c r="E269" i="27"/>
  <c r="E270" i="27"/>
  <c r="E271" i="27"/>
  <c r="E272" i="27"/>
  <c r="E273" i="27"/>
  <c r="E274" i="27"/>
  <c r="E275" i="27"/>
  <c r="E276" i="27"/>
  <c r="E277" i="27"/>
  <c r="E278" i="27"/>
  <c r="E279" i="27"/>
  <c r="E280" i="27"/>
  <c r="E281" i="27"/>
  <c r="E282" i="27"/>
  <c r="E283" i="27"/>
  <c r="E284" i="27"/>
  <c r="E285" i="27"/>
  <c r="E286" i="27"/>
  <c r="E287" i="27"/>
  <c r="E288" i="27"/>
  <c r="E289" i="27"/>
  <c r="E290" i="27"/>
  <c r="E291" i="27"/>
  <c r="E292" i="27"/>
  <c r="E293" i="27"/>
  <c r="E294" i="27"/>
  <c r="E295" i="27"/>
  <c r="E296" i="27"/>
  <c r="E297" i="27"/>
  <c r="E298" i="27"/>
  <c r="E299" i="27"/>
  <c r="E300" i="27"/>
  <c r="E301" i="27"/>
  <c r="E302" i="27"/>
  <c r="E303" i="27"/>
  <c r="E304" i="27"/>
  <c r="E305" i="27"/>
  <c r="E306" i="27"/>
  <c r="E307" i="27"/>
  <c r="E308" i="27"/>
  <c r="E309" i="27"/>
  <c r="E310" i="27"/>
  <c r="E311" i="27"/>
  <c r="E312" i="27"/>
  <c r="E313" i="27"/>
  <c r="E314" i="27"/>
  <c r="E315" i="27"/>
  <c r="E316" i="27"/>
  <c r="E317" i="27"/>
  <c r="E318" i="27"/>
  <c r="E319" i="27"/>
  <c r="E320" i="27"/>
  <c r="E321" i="27"/>
  <c r="E322" i="27"/>
  <c r="E323" i="27"/>
  <c r="E324" i="27"/>
  <c r="E325" i="27"/>
  <c r="E326" i="27"/>
  <c r="E327" i="27"/>
  <c r="E328" i="27"/>
  <c r="E329" i="27"/>
  <c r="E330" i="27"/>
  <c r="E331" i="27"/>
  <c r="E332" i="27"/>
  <c r="E333" i="27"/>
  <c r="E334" i="27"/>
  <c r="E335" i="27"/>
  <c r="E336" i="27"/>
  <c r="E337" i="27"/>
  <c r="E338" i="27"/>
  <c r="E339" i="27"/>
  <c r="E340" i="27"/>
  <c r="E341" i="27"/>
  <c r="E342" i="27"/>
  <c r="E343" i="27"/>
  <c r="E344" i="27"/>
  <c r="E345" i="27"/>
  <c r="E346" i="27"/>
  <c r="E347" i="27"/>
  <c r="E348" i="27"/>
  <c r="E349" i="27"/>
  <c r="E350" i="27"/>
  <c r="E351" i="27"/>
  <c r="E352" i="27"/>
  <c r="E353" i="27"/>
  <c r="E354" i="27"/>
  <c r="E355" i="27"/>
  <c r="E356" i="27"/>
  <c r="E357" i="27"/>
  <c r="E358" i="27"/>
  <c r="E359" i="27"/>
  <c r="E360" i="27"/>
  <c r="E361" i="27"/>
  <c r="E362" i="27"/>
  <c r="E363" i="27"/>
  <c r="E364" i="27"/>
  <c r="E365" i="27"/>
  <c r="E366" i="27"/>
  <c r="E367" i="27"/>
  <c r="E368" i="27"/>
  <c r="E369" i="27"/>
  <c r="E370" i="27"/>
  <c r="E371" i="27"/>
  <c r="E372" i="27"/>
  <c r="E373" i="27"/>
  <c r="E374" i="27"/>
  <c r="E375" i="27"/>
  <c r="E376" i="27"/>
  <c r="E2" i="27"/>
  <c r="D3" i="27"/>
  <c r="D4" i="27"/>
  <c r="D5" i="27"/>
  <c r="D6" i="27"/>
  <c r="D7" i="27"/>
  <c r="D8" i="27"/>
  <c r="D9" i="27"/>
  <c r="D10" i="27"/>
  <c r="D11" i="27"/>
  <c r="D12" i="27"/>
  <c r="D13" i="27"/>
  <c r="D14" i="27"/>
  <c r="D15" i="27"/>
  <c r="D16" i="27"/>
  <c r="D17" i="27"/>
  <c r="D18" i="27"/>
  <c r="D19" i="27"/>
  <c r="D20" i="27"/>
  <c r="D21" i="27"/>
  <c r="D22" i="27"/>
  <c r="D23" i="27"/>
  <c r="D24" i="27"/>
  <c r="D25" i="27"/>
  <c r="D26" i="27"/>
  <c r="D27" i="27"/>
  <c r="D28" i="27"/>
  <c r="D29" i="27"/>
  <c r="D30" i="27"/>
  <c r="D31" i="27"/>
  <c r="D32" i="27"/>
  <c r="D33" i="27"/>
  <c r="D34" i="27"/>
  <c r="D35" i="27"/>
  <c r="D36" i="27"/>
  <c r="D37" i="27"/>
  <c r="D38" i="27"/>
  <c r="D39" i="27"/>
  <c r="D40" i="27"/>
  <c r="D41" i="27"/>
  <c r="D42" i="27"/>
  <c r="D43" i="27"/>
  <c r="D44" i="27"/>
  <c r="D45" i="27"/>
  <c r="D46" i="27"/>
  <c r="D47" i="27"/>
  <c r="D48" i="27"/>
  <c r="D49" i="27"/>
  <c r="D50" i="27"/>
  <c r="D51" i="27"/>
  <c r="D52" i="27"/>
  <c r="D53" i="27"/>
  <c r="D54" i="27"/>
  <c r="D55" i="27"/>
  <c r="D56" i="27"/>
  <c r="D57" i="27"/>
  <c r="D58" i="27"/>
  <c r="D59" i="27"/>
  <c r="D60" i="27"/>
  <c r="D61" i="27"/>
  <c r="D62" i="27"/>
  <c r="D63" i="27"/>
  <c r="D64" i="27"/>
  <c r="D65" i="27"/>
  <c r="D66" i="27"/>
  <c r="D67" i="27"/>
  <c r="D68" i="27"/>
  <c r="D69" i="27"/>
  <c r="D70" i="27"/>
  <c r="D71" i="27"/>
  <c r="D72" i="27"/>
  <c r="D73" i="27"/>
  <c r="D74" i="27"/>
  <c r="D75" i="27"/>
  <c r="D76" i="27"/>
  <c r="D77" i="27"/>
  <c r="D78" i="27"/>
  <c r="D79" i="27"/>
  <c r="D80" i="27"/>
  <c r="D81" i="27"/>
  <c r="D82" i="27"/>
  <c r="D83" i="27"/>
  <c r="D84" i="27"/>
  <c r="D85" i="27"/>
  <c r="D86" i="27"/>
  <c r="D87" i="27"/>
  <c r="D88" i="27"/>
  <c r="D89" i="27"/>
  <c r="D90" i="27"/>
  <c r="D91" i="27"/>
  <c r="D92" i="27"/>
  <c r="D93" i="27"/>
  <c r="D94" i="27"/>
  <c r="D95" i="27"/>
  <c r="D96" i="27"/>
  <c r="D97" i="27"/>
  <c r="D98" i="27"/>
  <c r="D99" i="27"/>
  <c r="D100" i="27"/>
  <c r="D101" i="27"/>
  <c r="D102" i="27"/>
  <c r="D103" i="27"/>
  <c r="D104" i="27"/>
  <c r="D105" i="27"/>
  <c r="D106" i="27"/>
  <c r="D107" i="27"/>
  <c r="D108" i="27"/>
  <c r="D109" i="27"/>
  <c r="D110" i="27"/>
  <c r="D111" i="27"/>
  <c r="D112" i="27"/>
  <c r="D113" i="27"/>
  <c r="D114" i="27"/>
  <c r="D115" i="27"/>
  <c r="D116" i="27"/>
  <c r="D117" i="27"/>
  <c r="D118" i="27"/>
  <c r="D119" i="27"/>
  <c r="D120" i="27"/>
  <c r="D121" i="27"/>
  <c r="D122" i="27"/>
  <c r="D123" i="27"/>
  <c r="D124" i="27"/>
  <c r="D125" i="27"/>
  <c r="D126" i="27"/>
  <c r="D127" i="27"/>
  <c r="D128" i="27"/>
  <c r="D129" i="27"/>
  <c r="D130" i="27"/>
  <c r="D131" i="27"/>
  <c r="D132" i="27"/>
  <c r="D133" i="27"/>
  <c r="D134" i="27"/>
  <c r="D135" i="27"/>
  <c r="D136" i="27"/>
  <c r="D137" i="27"/>
  <c r="D138" i="27"/>
  <c r="D139" i="27"/>
  <c r="D140" i="27"/>
  <c r="D141" i="27"/>
  <c r="D142" i="27"/>
  <c r="D143" i="27"/>
  <c r="D144" i="27"/>
  <c r="D145" i="27"/>
  <c r="D146" i="27"/>
  <c r="D147" i="27"/>
  <c r="D148" i="27"/>
  <c r="D149" i="27"/>
  <c r="D150" i="27"/>
  <c r="D151" i="27"/>
  <c r="D152" i="27"/>
  <c r="D153" i="27"/>
  <c r="D154" i="27"/>
  <c r="D155" i="27"/>
  <c r="D156" i="27"/>
  <c r="D157" i="27"/>
  <c r="D158" i="27"/>
  <c r="D159" i="27"/>
  <c r="D160" i="27"/>
  <c r="D161" i="27"/>
  <c r="D162" i="27"/>
  <c r="D163" i="27"/>
  <c r="D164" i="27"/>
  <c r="D165" i="27"/>
  <c r="D166" i="27"/>
  <c r="D167" i="27"/>
  <c r="D168" i="27"/>
  <c r="D169" i="27"/>
  <c r="D170" i="27"/>
  <c r="D171" i="27"/>
  <c r="D172" i="27"/>
  <c r="D173" i="27"/>
  <c r="D174" i="27"/>
  <c r="D175" i="27"/>
  <c r="D176" i="27"/>
  <c r="D177" i="27"/>
  <c r="D178" i="27"/>
  <c r="D179" i="27"/>
  <c r="D180" i="27"/>
  <c r="D181" i="27"/>
  <c r="D182" i="27"/>
  <c r="D183" i="27"/>
  <c r="D184" i="27"/>
  <c r="D185" i="27"/>
  <c r="D186" i="27"/>
  <c r="D187" i="27"/>
  <c r="D188" i="27"/>
  <c r="D189" i="27"/>
  <c r="D190" i="27"/>
  <c r="D191" i="27"/>
  <c r="D192" i="27"/>
  <c r="D193" i="27"/>
  <c r="D194" i="27"/>
  <c r="D195" i="27"/>
  <c r="D196" i="27"/>
  <c r="D197" i="27"/>
  <c r="D198" i="27"/>
  <c r="D199" i="27"/>
  <c r="D200" i="27"/>
  <c r="D201" i="27"/>
  <c r="D202" i="27"/>
  <c r="D203" i="27"/>
  <c r="D204" i="27"/>
  <c r="D205" i="27"/>
  <c r="D206" i="27"/>
  <c r="D207" i="27"/>
  <c r="D208" i="27"/>
  <c r="D209" i="27"/>
  <c r="D210" i="27"/>
  <c r="D211" i="27"/>
  <c r="D212" i="27"/>
  <c r="D213" i="27"/>
  <c r="D214" i="27"/>
  <c r="D215" i="27"/>
  <c r="D216" i="27"/>
  <c r="D217" i="27"/>
  <c r="D218" i="27"/>
  <c r="D219" i="27"/>
  <c r="D220" i="27"/>
  <c r="D221" i="27"/>
  <c r="D222" i="27"/>
  <c r="D223" i="27"/>
  <c r="D224" i="27"/>
  <c r="D225" i="27"/>
  <c r="D226" i="27"/>
  <c r="D227" i="27"/>
  <c r="D228" i="27"/>
  <c r="D229" i="27"/>
  <c r="D230" i="27"/>
  <c r="D231" i="27"/>
  <c r="D232" i="27"/>
  <c r="D233" i="27"/>
  <c r="D234" i="27"/>
  <c r="D235" i="27"/>
  <c r="D236" i="27"/>
  <c r="D237" i="27"/>
  <c r="D238" i="27"/>
  <c r="D239" i="27"/>
  <c r="D240" i="27"/>
  <c r="D241" i="27"/>
  <c r="D242" i="27"/>
  <c r="D243" i="27"/>
  <c r="D244" i="27"/>
  <c r="D245" i="27"/>
  <c r="D246" i="27"/>
  <c r="D247" i="27"/>
  <c r="D248" i="27"/>
  <c r="D249" i="27"/>
  <c r="D250" i="27"/>
  <c r="D251" i="27"/>
  <c r="D252" i="27"/>
  <c r="D253" i="27"/>
  <c r="D254" i="27"/>
  <c r="D255" i="27"/>
  <c r="D256" i="27"/>
  <c r="D257" i="27"/>
  <c r="D258" i="27"/>
  <c r="D259" i="27"/>
  <c r="D260" i="27"/>
  <c r="D261" i="27"/>
  <c r="D262" i="27"/>
  <c r="D263" i="27"/>
  <c r="D264" i="27"/>
  <c r="D265" i="27"/>
  <c r="D266" i="27"/>
  <c r="D267" i="27"/>
  <c r="D268" i="27"/>
  <c r="D269" i="27"/>
  <c r="D270" i="27"/>
  <c r="D271" i="27"/>
  <c r="D272" i="27"/>
  <c r="D273" i="27"/>
  <c r="D274" i="27"/>
  <c r="D275" i="27"/>
  <c r="D276" i="27"/>
  <c r="D277" i="27"/>
  <c r="D278" i="27"/>
  <c r="D279" i="27"/>
  <c r="D280" i="27"/>
  <c r="D281" i="27"/>
  <c r="D282" i="27"/>
  <c r="D283" i="27"/>
  <c r="D284" i="27"/>
  <c r="D285" i="27"/>
  <c r="D286" i="27"/>
  <c r="D287" i="27"/>
  <c r="D288" i="27"/>
  <c r="D289" i="27"/>
  <c r="D290" i="27"/>
  <c r="D291" i="27"/>
  <c r="D292" i="27"/>
  <c r="D293" i="27"/>
  <c r="D294" i="27"/>
  <c r="D295" i="27"/>
  <c r="D296" i="27"/>
  <c r="D297" i="27"/>
  <c r="D298" i="27"/>
  <c r="D299" i="27"/>
  <c r="D300" i="27"/>
  <c r="D301" i="27"/>
  <c r="D302" i="27"/>
  <c r="D303" i="27"/>
  <c r="D304" i="27"/>
  <c r="D305" i="27"/>
  <c r="D306" i="27"/>
  <c r="D307" i="27"/>
  <c r="D308" i="27"/>
  <c r="D309" i="27"/>
  <c r="D310" i="27"/>
  <c r="D311" i="27"/>
  <c r="D312" i="27"/>
  <c r="D313" i="27"/>
  <c r="D314" i="27"/>
  <c r="D315" i="27"/>
  <c r="D316" i="27"/>
  <c r="D317" i="27"/>
  <c r="D318" i="27"/>
  <c r="D319" i="27"/>
  <c r="D320" i="27"/>
  <c r="D321" i="27"/>
  <c r="D322" i="27"/>
  <c r="D323" i="27"/>
  <c r="D324" i="27"/>
  <c r="D325" i="27"/>
  <c r="D326" i="27"/>
  <c r="D327" i="27"/>
  <c r="D328" i="27"/>
  <c r="D329" i="27"/>
  <c r="D330" i="27"/>
  <c r="D331" i="27"/>
  <c r="D332" i="27"/>
  <c r="D333" i="27"/>
  <c r="D334" i="27"/>
  <c r="D335" i="27"/>
  <c r="D336" i="27"/>
  <c r="D337" i="27"/>
  <c r="D338" i="27"/>
  <c r="D339" i="27"/>
  <c r="D340" i="27"/>
  <c r="D341" i="27"/>
  <c r="D342" i="27"/>
  <c r="D343" i="27"/>
  <c r="D344" i="27"/>
  <c r="D345" i="27"/>
  <c r="D346" i="27"/>
  <c r="D347" i="27"/>
  <c r="D348" i="27"/>
  <c r="D349" i="27"/>
  <c r="D350" i="27"/>
  <c r="D351" i="27"/>
  <c r="D352" i="27"/>
  <c r="D353" i="27"/>
  <c r="D354" i="27"/>
  <c r="D355" i="27"/>
  <c r="D356" i="27"/>
  <c r="D357" i="27"/>
  <c r="D358" i="27"/>
  <c r="D359" i="27"/>
  <c r="D360" i="27"/>
  <c r="D361" i="27"/>
  <c r="D362" i="27"/>
  <c r="D363" i="27"/>
  <c r="D364" i="27"/>
  <c r="D365" i="27"/>
  <c r="D366" i="27"/>
  <c r="D367" i="27"/>
  <c r="D368" i="27"/>
  <c r="D369" i="27"/>
  <c r="D370" i="27"/>
  <c r="D371" i="27"/>
  <c r="D372" i="27"/>
  <c r="D373" i="27"/>
  <c r="D374" i="27"/>
  <c r="D375" i="27"/>
  <c r="D376" i="27"/>
  <c r="D2" i="27"/>
  <c r="A393" i="29"/>
  <c r="A375" i="28"/>
  <c r="F372" i="28" l="1"/>
  <c r="F348" i="28"/>
  <c r="F324" i="28"/>
  <c r="F300" i="28"/>
  <c r="F276" i="28"/>
  <c r="F252" i="28"/>
  <c r="F228" i="28"/>
  <c r="F204" i="28"/>
  <c r="F180" i="28"/>
  <c r="F156" i="28"/>
  <c r="F132" i="28"/>
  <c r="F108" i="28"/>
  <c r="F84" i="28"/>
  <c r="F60" i="28"/>
  <c r="F36" i="28"/>
  <c r="F12" i="28"/>
  <c r="F371" i="28"/>
  <c r="F359" i="28"/>
  <c r="F347" i="28"/>
  <c r="F335" i="28"/>
  <c r="F323" i="28"/>
  <c r="F311" i="28"/>
  <c r="F299" i="28"/>
  <c r="F287" i="28"/>
  <c r="F275" i="28"/>
  <c r="F263" i="28"/>
  <c r="F251" i="28"/>
  <c r="F239" i="28"/>
  <c r="F227" i="28"/>
  <c r="F215" i="28"/>
  <c r="F203" i="28"/>
  <c r="F191" i="28"/>
  <c r="F179" i="28"/>
  <c r="F167" i="28"/>
  <c r="F155" i="28"/>
  <c r="F143" i="28"/>
  <c r="F131" i="28"/>
  <c r="F119" i="28"/>
  <c r="F107" i="28"/>
  <c r="F95" i="28"/>
  <c r="F83" i="28"/>
  <c r="F71" i="28"/>
  <c r="F59" i="28"/>
  <c r="F47" i="28"/>
  <c r="F35" i="28"/>
  <c r="F23" i="28"/>
  <c r="F11" i="28"/>
  <c r="F360" i="28"/>
  <c r="F336" i="28"/>
  <c r="F312" i="28"/>
  <c r="F288" i="28"/>
  <c r="F264" i="28"/>
  <c r="F240" i="28"/>
  <c r="F216" i="28"/>
  <c r="F192" i="28"/>
  <c r="F168" i="28"/>
  <c r="F144" i="28"/>
  <c r="F120" i="28"/>
  <c r="F96" i="28"/>
  <c r="F72" i="28"/>
  <c r="F48" i="28"/>
  <c r="F24" i="28"/>
  <c r="F370" i="28"/>
  <c r="F358" i="28"/>
  <c r="F346" i="28"/>
  <c r="F334" i="28"/>
  <c r="F322" i="28"/>
  <c r="F310" i="28"/>
  <c r="F298" i="28"/>
  <c r="F286" i="28"/>
  <c r="F274" i="28"/>
  <c r="F262" i="28"/>
  <c r="F250" i="28"/>
  <c r="F238" i="28"/>
  <c r="F226" i="28"/>
  <c r="F214" i="28"/>
  <c r="F202" i="28"/>
  <c r="F190" i="28"/>
  <c r="F178" i="28"/>
  <c r="F166" i="28"/>
  <c r="F154" i="28"/>
  <c r="F142" i="28"/>
  <c r="F130" i="28"/>
  <c r="F118" i="28"/>
  <c r="F106" i="28"/>
  <c r="F94" i="28"/>
  <c r="F82" i="28"/>
  <c r="F70" i="28"/>
  <c r="F58" i="28"/>
  <c r="F46" i="28"/>
  <c r="F34" i="28"/>
  <c r="F22" i="28"/>
  <c r="F10" i="28"/>
  <c r="F369" i="28"/>
  <c r="F357" i="28"/>
  <c r="F345" i="28"/>
  <c r="F333" i="28"/>
  <c r="F321" i="28"/>
  <c r="F309" i="28"/>
  <c r="F297" i="28"/>
  <c r="F285" i="28"/>
  <c r="F273" i="28"/>
  <c r="F261" i="28"/>
  <c r="F249" i="28"/>
  <c r="F237" i="28"/>
  <c r="F225" i="28"/>
  <c r="F213" i="28"/>
  <c r="F201" i="28"/>
  <c r="F189" i="28"/>
  <c r="F177" i="28"/>
  <c r="F165" i="28"/>
  <c r="F153" i="28"/>
  <c r="F141" i="28"/>
  <c r="F129" i="28"/>
  <c r="F117" i="28"/>
  <c r="F105" i="28"/>
  <c r="F93" i="28"/>
  <c r="F81" i="28"/>
  <c r="F69" i="28"/>
  <c r="F57" i="28"/>
  <c r="F45" i="28"/>
  <c r="F33" i="28"/>
  <c r="F21" i="28"/>
  <c r="F9" i="28"/>
  <c r="F368" i="28"/>
  <c r="F356" i="28"/>
  <c r="F344" i="28"/>
  <c r="F332" i="28"/>
  <c r="F320" i="28"/>
  <c r="F308" i="28"/>
  <c r="F296" i="28"/>
  <c r="F284" i="28"/>
  <c r="F272" i="28"/>
  <c r="F260" i="28"/>
  <c r="F248" i="28"/>
  <c r="F236" i="28"/>
  <c r="F224" i="28"/>
  <c r="F212" i="28"/>
  <c r="F200" i="28"/>
  <c r="F188" i="28"/>
  <c r="F176" i="28"/>
  <c r="F164" i="28"/>
  <c r="F152" i="28"/>
  <c r="F140" i="28"/>
  <c r="F128" i="28"/>
  <c r="F116" i="28"/>
  <c r="F104" i="28"/>
  <c r="F92" i="28"/>
  <c r="F80" i="28"/>
  <c r="F68" i="28"/>
  <c r="F56" i="28"/>
  <c r="F44" i="28"/>
  <c r="F32" i="28"/>
  <c r="F20" i="28"/>
  <c r="F8" i="28"/>
  <c r="F319" i="28"/>
  <c r="F271" i="28"/>
  <c r="F223" i="28"/>
  <c r="F187" i="28"/>
  <c r="F127" i="28"/>
  <c r="F79" i="28"/>
  <c r="F43" i="28"/>
  <c r="F366" i="28"/>
  <c r="F354" i="28"/>
  <c r="F342" i="28"/>
  <c r="F330" i="28"/>
  <c r="F318" i="28"/>
  <c r="F306" i="28"/>
  <c r="F294" i="28"/>
  <c r="F282" i="28"/>
  <c r="F270" i="28"/>
  <c r="F258" i="28"/>
  <c r="F246" i="28"/>
  <c r="F234" i="28"/>
  <c r="F222" i="28"/>
  <c r="F210" i="28"/>
  <c r="F198" i="28"/>
  <c r="F186" i="28"/>
  <c r="F174" i="28"/>
  <c r="F162" i="28"/>
  <c r="F150" i="28"/>
  <c r="F138" i="28"/>
  <c r="F126" i="28"/>
  <c r="F114" i="28"/>
  <c r="F102" i="28"/>
  <c r="F90" i="28"/>
  <c r="F78" i="28"/>
  <c r="F66" i="28"/>
  <c r="F54" i="28"/>
  <c r="F42" i="28"/>
  <c r="F30" i="28"/>
  <c r="F18" i="28"/>
  <c r="F6" i="28"/>
  <c r="F365" i="28"/>
  <c r="F353" i="28"/>
  <c r="F341" i="28"/>
  <c r="F329" i="28"/>
  <c r="F317" i="28"/>
  <c r="F305" i="28"/>
  <c r="F293" i="28"/>
  <c r="F281" i="28"/>
  <c r="F269" i="28"/>
  <c r="F257" i="28"/>
  <c r="F245" i="28"/>
  <c r="F233" i="28"/>
  <c r="F221" i="28"/>
  <c r="F209" i="28"/>
  <c r="F197" i="28"/>
  <c r="F185" i="28"/>
  <c r="F173" i="28"/>
  <c r="F161" i="28"/>
  <c r="F149" i="28"/>
  <c r="F137" i="28"/>
  <c r="F125" i="28"/>
  <c r="F113" i="28"/>
  <c r="F101" i="28"/>
  <c r="F89" i="28"/>
  <c r="F77" i="28"/>
  <c r="F65" i="28"/>
  <c r="F53" i="28"/>
  <c r="F41" i="28"/>
  <c r="F29" i="28"/>
  <c r="F17" i="28"/>
  <c r="F5" i="28"/>
  <c r="F355" i="28"/>
  <c r="F307" i="28"/>
  <c r="F259" i="28"/>
  <c r="F211" i="28"/>
  <c r="F151" i="28"/>
  <c r="F115" i="28"/>
  <c r="F67" i="28"/>
  <c r="F7" i="28"/>
  <c r="F364" i="28"/>
  <c r="F352" i="28"/>
  <c r="F340" i="28"/>
  <c r="F328" i="28"/>
  <c r="F316" i="28"/>
  <c r="F304" i="28"/>
  <c r="F292" i="28"/>
  <c r="F280" i="28"/>
  <c r="F268" i="28"/>
  <c r="F256" i="28"/>
  <c r="F244" i="28"/>
  <c r="F232" i="28"/>
  <c r="F220" i="28"/>
  <c r="F208" i="28"/>
  <c r="F196" i="28"/>
  <c r="F184" i="28"/>
  <c r="F172" i="28"/>
  <c r="F160" i="28"/>
  <c r="F148" i="28"/>
  <c r="F136" i="28"/>
  <c r="F124" i="28"/>
  <c r="F112" i="28"/>
  <c r="F100" i="28"/>
  <c r="F88" i="28"/>
  <c r="F76" i="28"/>
  <c r="F64" i="28"/>
  <c r="F52" i="28"/>
  <c r="F40" i="28"/>
  <c r="F28" i="28"/>
  <c r="F16" i="28"/>
  <c r="F4" i="28"/>
  <c r="F367" i="28"/>
  <c r="F295" i="28"/>
  <c r="F199" i="28"/>
  <c r="F139" i="28"/>
  <c r="F55" i="28"/>
  <c r="F363" i="28"/>
  <c r="F351" i="28"/>
  <c r="F339" i="28"/>
  <c r="F327" i="28"/>
  <c r="F315" i="28"/>
  <c r="F303" i="28"/>
  <c r="F291" i="28"/>
  <c r="F279" i="28"/>
  <c r="F267" i="28"/>
  <c r="F255" i="28"/>
  <c r="F243" i="28"/>
  <c r="F231" i="28"/>
  <c r="F219" i="28"/>
  <c r="F207" i="28"/>
  <c r="F195" i="28"/>
  <c r="F183" i="28"/>
  <c r="F171" i="28"/>
  <c r="F159" i="28"/>
  <c r="F147" i="28"/>
  <c r="F135" i="28"/>
  <c r="F123" i="28"/>
  <c r="F111" i="28"/>
  <c r="F99" i="28"/>
  <c r="F87" i="28"/>
  <c r="F75" i="28"/>
  <c r="F63" i="28"/>
  <c r="F51" i="28"/>
  <c r="F39" i="28"/>
  <c r="F27" i="28"/>
  <c r="F15" i="28"/>
  <c r="F3" i="28"/>
  <c r="F343" i="28"/>
  <c r="F247" i="28"/>
  <c r="F175" i="28"/>
  <c r="F103" i="28"/>
  <c r="F19" i="28"/>
  <c r="F362" i="28"/>
  <c r="F350" i="28"/>
  <c r="F338" i="28"/>
  <c r="F326" i="28"/>
  <c r="F314" i="28"/>
  <c r="F302" i="28"/>
  <c r="F290" i="28"/>
  <c r="F278" i="28"/>
  <c r="F266" i="28"/>
  <c r="F254" i="28"/>
  <c r="F242" i="28"/>
  <c r="F230" i="28"/>
  <c r="F218" i="28"/>
  <c r="F206" i="28"/>
  <c r="F194" i="28"/>
  <c r="F182" i="28"/>
  <c r="F170" i="28"/>
  <c r="F158" i="28"/>
  <c r="F146" i="28"/>
  <c r="F134" i="28"/>
  <c r="F122" i="28"/>
  <c r="F110" i="28"/>
  <c r="F98" i="28"/>
  <c r="F86" i="28"/>
  <c r="F74" i="28"/>
  <c r="F62" i="28"/>
  <c r="F50" i="28"/>
  <c r="F38" i="28"/>
  <c r="F26" i="28"/>
  <c r="F14" i="28"/>
  <c r="F331" i="28"/>
  <c r="F235" i="28"/>
  <c r="F163" i="28"/>
  <c r="F91" i="28"/>
  <c r="F31" i="28"/>
  <c r="F373" i="28"/>
  <c r="F361" i="28"/>
  <c r="F349" i="28"/>
  <c r="F337" i="28"/>
  <c r="F325" i="28"/>
  <c r="F313" i="28"/>
  <c r="F301" i="28"/>
  <c r="F289" i="28"/>
  <c r="F277" i="28"/>
  <c r="F265" i="28"/>
  <c r="F253" i="28"/>
  <c r="F241" i="28"/>
  <c r="F229" i="28"/>
  <c r="F217" i="28"/>
  <c r="F205" i="28"/>
  <c r="F193" i="28"/>
  <c r="F181" i="28"/>
  <c r="F169" i="28"/>
  <c r="F157" i="28"/>
  <c r="F145" i="28"/>
  <c r="F133" i="28"/>
  <c r="F121" i="28"/>
  <c r="F109" i="28"/>
  <c r="F97" i="28"/>
  <c r="F85" i="28"/>
  <c r="F73" i="28"/>
  <c r="F61" i="28"/>
  <c r="F49" i="28"/>
  <c r="F37" i="28"/>
  <c r="F25" i="28"/>
  <c r="F13" i="28"/>
  <c r="F397" i="15"/>
  <c r="F385" i="15"/>
  <c r="F373" i="15"/>
  <c r="F361" i="15"/>
  <c r="F349" i="15"/>
  <c r="F337" i="15"/>
  <c r="F325" i="15"/>
  <c r="F313" i="15"/>
  <c r="F301" i="15"/>
  <c r="F289" i="15"/>
  <c r="F277" i="15"/>
  <c r="F265" i="15"/>
  <c r="F253" i="15"/>
  <c r="F241" i="15"/>
  <c r="F229" i="15"/>
  <c r="F217" i="15"/>
  <c r="F205" i="15"/>
  <c r="F193" i="15"/>
  <c r="F181" i="15"/>
  <c r="F169" i="15"/>
  <c r="F157" i="15"/>
  <c r="F145" i="15"/>
  <c r="F133" i="15"/>
  <c r="F121" i="15"/>
  <c r="F109" i="15"/>
  <c r="F97" i="15"/>
  <c r="F85" i="15"/>
  <c r="F73" i="15"/>
  <c r="F61" i="15"/>
  <c r="F49" i="15"/>
  <c r="F37" i="15"/>
  <c r="F25" i="15"/>
  <c r="F13" i="15"/>
  <c r="F405" i="15"/>
  <c r="F393" i="15"/>
  <c r="F381" i="15"/>
  <c r="F369" i="15"/>
  <c r="F357" i="15"/>
  <c r="F345" i="15"/>
  <c r="F333" i="15"/>
  <c r="F321" i="15"/>
  <c r="F309" i="15"/>
  <c r="F297" i="15"/>
  <c r="F285" i="15"/>
  <c r="F273" i="15"/>
  <c r="F261" i="15"/>
  <c r="F249" i="15"/>
  <c r="F237" i="15"/>
  <c r="F225" i="15"/>
  <c r="F213" i="15"/>
  <c r="F201" i="15"/>
  <c r="F189" i="15"/>
  <c r="F177" i="15"/>
  <c r="F165" i="15"/>
  <c r="F153" i="15"/>
  <c r="F141" i="15"/>
  <c r="F129" i="15"/>
  <c r="F117" i="15"/>
  <c r="F105" i="15"/>
  <c r="F93" i="15"/>
  <c r="F81" i="15"/>
  <c r="F69" i="15"/>
  <c r="F57" i="15"/>
  <c r="F45" i="15"/>
  <c r="F33" i="15"/>
  <c r="F21" i="15"/>
  <c r="F9" i="15"/>
  <c r="F44" i="15"/>
  <c r="F32" i="15"/>
  <c r="F20" i="15"/>
  <c r="F8" i="15"/>
  <c r="F403" i="15"/>
  <c r="F391" i="15"/>
  <c r="F379" i="15"/>
  <c r="F367" i="15"/>
  <c r="F355" i="15"/>
  <c r="F343" i="15"/>
  <c r="F331" i="15"/>
  <c r="F319" i="15"/>
  <c r="F307" i="15"/>
  <c r="F295" i="15"/>
  <c r="F283" i="15"/>
  <c r="F271" i="15"/>
  <c r="F259" i="15"/>
  <c r="F247" i="15"/>
  <c r="F235" i="15"/>
  <c r="F223" i="15"/>
  <c r="F211" i="15"/>
  <c r="F199" i="15"/>
  <c r="F187" i="15"/>
  <c r="F175" i="15"/>
  <c r="F163" i="15"/>
  <c r="F151" i="15"/>
  <c r="F139" i="15"/>
  <c r="F127" i="15"/>
  <c r="F115" i="15"/>
  <c r="F103" i="15"/>
  <c r="F91" i="15"/>
  <c r="F79" i="15"/>
  <c r="F67" i="15"/>
  <c r="F55" i="15"/>
  <c r="F43" i="15"/>
  <c r="F31" i="15"/>
  <c r="F19" i="15"/>
  <c r="F7" i="15"/>
  <c r="F402" i="15"/>
  <c r="F390" i="15"/>
  <c r="F378" i="15"/>
  <c r="F366" i="15"/>
  <c r="F354" i="15"/>
  <c r="F342" i="15"/>
  <c r="F330" i="15"/>
  <c r="F318" i="15"/>
  <c r="F306" i="15"/>
  <c r="F294" i="15"/>
  <c r="F282" i="15"/>
  <c r="F270" i="15"/>
  <c r="F258" i="15"/>
  <c r="F246" i="15"/>
  <c r="F234" i="15"/>
  <c r="F222" i="15"/>
  <c r="F210" i="15"/>
  <c r="F198" i="15"/>
  <c r="F186" i="15"/>
  <c r="F174" i="15"/>
  <c r="F162" i="15"/>
  <c r="F150" i="15"/>
  <c r="F138" i="15"/>
  <c r="F126" i="15"/>
  <c r="F114" i="15"/>
  <c r="F102" i="15"/>
  <c r="F90" i="15"/>
  <c r="F78" i="15"/>
  <c r="F66" i="15"/>
  <c r="F54" i="15"/>
  <c r="F42" i="15"/>
  <c r="F30" i="15"/>
  <c r="F18" i="15"/>
  <c r="F6" i="15"/>
  <c r="F401" i="15"/>
  <c r="F389" i="15"/>
  <c r="F377" i="15"/>
  <c r="F365" i="15"/>
  <c r="F353" i="15"/>
  <c r="F341" i="15"/>
  <c r="F329" i="15"/>
  <c r="F317" i="15"/>
  <c r="F305" i="15"/>
  <c r="F293" i="15"/>
  <c r="F281" i="15"/>
  <c r="F269" i="15"/>
  <c r="F257" i="15"/>
  <c r="F245" i="15"/>
  <c r="F233" i="15"/>
  <c r="F221" i="15"/>
  <c r="F209" i="15"/>
  <c r="F197" i="15"/>
  <c r="F185" i="15"/>
  <c r="F173" i="15"/>
  <c r="F161" i="15"/>
  <c r="F149" i="15"/>
  <c r="F137" i="15"/>
  <c r="F125" i="15"/>
  <c r="F113" i="15"/>
  <c r="F101" i="15"/>
  <c r="F89" i="15"/>
  <c r="F77" i="15"/>
  <c r="F65" i="15"/>
  <c r="F53" i="15"/>
  <c r="F41" i="15"/>
  <c r="F29" i="15"/>
  <c r="F17" i="15"/>
  <c r="F5" i="15"/>
  <c r="F400" i="15"/>
  <c r="F388" i="15"/>
  <c r="F376" i="15"/>
  <c r="F364" i="15"/>
  <c r="F352" i="15"/>
  <c r="F340" i="15"/>
  <c r="F328" i="15"/>
  <c r="F316" i="15"/>
  <c r="F304" i="15"/>
  <c r="F292" i="15"/>
  <c r="F280" i="15"/>
  <c r="F268" i="15"/>
  <c r="F256" i="15"/>
  <c r="F244" i="15"/>
  <c r="F232" i="15"/>
  <c r="F220" i="15"/>
  <c r="F208" i="15"/>
  <c r="F196" i="15"/>
  <c r="F184" i="15"/>
  <c r="F172" i="15"/>
  <c r="F160" i="15"/>
  <c r="F148" i="15"/>
  <c r="F136" i="15"/>
  <c r="F124" i="15"/>
  <c r="F112" i="15"/>
  <c r="F100" i="15"/>
  <c r="F88" i="15"/>
  <c r="F76" i="15"/>
  <c r="F64" i="15"/>
  <c r="F52" i="15"/>
  <c r="F40" i="15"/>
  <c r="F28" i="15"/>
  <c r="F16" i="15"/>
  <c r="F4" i="15"/>
  <c r="F399" i="15"/>
  <c r="F387" i="15"/>
  <c r="F375" i="15"/>
  <c r="F363" i="15"/>
  <c r="F351" i="15"/>
  <c r="F339" i="15"/>
  <c r="F327" i="15"/>
  <c r="F315" i="15"/>
  <c r="F303" i="15"/>
  <c r="F291" i="15"/>
  <c r="F279" i="15"/>
  <c r="F267" i="15"/>
  <c r="F255" i="15"/>
  <c r="F243" i="15"/>
  <c r="F231" i="15"/>
  <c r="F219" i="15"/>
  <c r="F207" i="15"/>
  <c r="F195" i="15"/>
  <c r="F183" i="15"/>
  <c r="F171" i="15"/>
  <c r="F159" i="15"/>
  <c r="F147" i="15"/>
  <c r="F135" i="15"/>
  <c r="F123" i="15"/>
  <c r="F111" i="15"/>
  <c r="F99" i="15"/>
  <c r="F87" i="15"/>
  <c r="F75" i="15"/>
  <c r="F63" i="15"/>
  <c r="F51" i="15"/>
  <c r="F39" i="15"/>
  <c r="F27" i="15"/>
  <c r="F15" i="15"/>
  <c r="F3" i="15"/>
  <c r="F398" i="15"/>
  <c r="F386" i="15"/>
  <c r="F374" i="15"/>
  <c r="F362" i="15"/>
  <c r="F350" i="15"/>
  <c r="F338" i="15"/>
  <c r="F326" i="15"/>
  <c r="F314" i="15"/>
  <c r="F302" i="15"/>
  <c r="F290" i="15"/>
  <c r="F278" i="15"/>
  <c r="F266" i="15"/>
  <c r="F254" i="15"/>
  <c r="F242" i="15"/>
  <c r="F230" i="15"/>
  <c r="F218" i="15"/>
  <c r="F206" i="15"/>
  <c r="F194" i="15"/>
  <c r="F182" i="15"/>
  <c r="F170" i="15"/>
  <c r="F158" i="15"/>
  <c r="F146" i="15"/>
  <c r="F134" i="15"/>
  <c r="F122" i="15"/>
  <c r="F110" i="15"/>
  <c r="F98" i="15"/>
  <c r="F86" i="15"/>
  <c r="F74" i="15"/>
  <c r="F62" i="15"/>
  <c r="F50" i="15"/>
  <c r="F38" i="15"/>
  <c r="F26" i="15"/>
  <c r="F14" i="15"/>
  <c r="A392" i="29"/>
  <c r="E391" i="29"/>
  <c r="C395" i="29" s="1"/>
  <c r="D391" i="29"/>
  <c r="E390" i="29"/>
  <c r="D390" i="29"/>
  <c r="E389" i="29"/>
  <c r="F389" i="29" s="1"/>
  <c r="D389" i="29"/>
  <c r="E388" i="29"/>
  <c r="F388" i="29" s="1"/>
  <c r="D388" i="29"/>
  <c r="E387" i="29"/>
  <c r="F387" i="29" s="1"/>
  <c r="D387" i="29"/>
  <c r="E386" i="29"/>
  <c r="D386" i="29"/>
  <c r="E385" i="29"/>
  <c r="F385" i="29" s="1"/>
  <c r="D385" i="29"/>
  <c r="E384" i="29"/>
  <c r="D384" i="29"/>
  <c r="E383" i="29"/>
  <c r="F383" i="29" s="1"/>
  <c r="D383" i="29"/>
  <c r="E382" i="29"/>
  <c r="F382" i="29" s="1"/>
  <c r="D382" i="29"/>
  <c r="E381" i="29"/>
  <c r="F381" i="29" s="1"/>
  <c r="D381" i="29"/>
  <c r="E380" i="29"/>
  <c r="D380" i="29"/>
  <c r="E379" i="29"/>
  <c r="F379" i="29" s="1"/>
  <c r="D379" i="29"/>
  <c r="E378" i="29"/>
  <c r="D378" i="29"/>
  <c r="E377" i="29"/>
  <c r="F377" i="29" s="1"/>
  <c r="D377" i="29"/>
  <c r="E376" i="29"/>
  <c r="F376" i="29" s="1"/>
  <c r="D376" i="29"/>
  <c r="E375" i="29"/>
  <c r="F375" i="29" s="1"/>
  <c r="D375" i="29"/>
  <c r="E374" i="29"/>
  <c r="D374" i="29"/>
  <c r="E373" i="29"/>
  <c r="F373" i="29" s="1"/>
  <c r="D373" i="29"/>
  <c r="E372" i="29"/>
  <c r="D372" i="29"/>
  <c r="E371" i="29"/>
  <c r="F371" i="29" s="1"/>
  <c r="D371" i="29"/>
  <c r="E370" i="29"/>
  <c r="F370" i="29" s="1"/>
  <c r="D370" i="29"/>
  <c r="E369" i="29"/>
  <c r="F369" i="29" s="1"/>
  <c r="D369" i="29"/>
  <c r="E368" i="29"/>
  <c r="D368" i="29"/>
  <c r="E367" i="29"/>
  <c r="F367" i="29" s="1"/>
  <c r="D367" i="29"/>
  <c r="E366" i="29"/>
  <c r="D366" i="29"/>
  <c r="E365" i="29"/>
  <c r="F365" i="29" s="1"/>
  <c r="D365" i="29"/>
  <c r="E364" i="29"/>
  <c r="F364" i="29" s="1"/>
  <c r="D364" i="29"/>
  <c r="E363" i="29"/>
  <c r="F363" i="29" s="1"/>
  <c r="D363" i="29"/>
  <c r="E362" i="29"/>
  <c r="D362" i="29"/>
  <c r="E361" i="29"/>
  <c r="F361" i="29" s="1"/>
  <c r="D361" i="29"/>
  <c r="E360" i="29"/>
  <c r="D360" i="29"/>
  <c r="E359" i="29"/>
  <c r="F359" i="29" s="1"/>
  <c r="D359" i="29"/>
  <c r="E358" i="29"/>
  <c r="F358" i="29" s="1"/>
  <c r="D358" i="29"/>
  <c r="E357" i="29"/>
  <c r="F357" i="29" s="1"/>
  <c r="D357" i="29"/>
  <c r="E356" i="29"/>
  <c r="D356" i="29"/>
  <c r="E355" i="29"/>
  <c r="F355" i="29" s="1"/>
  <c r="D355" i="29"/>
  <c r="E354" i="29"/>
  <c r="D354" i="29"/>
  <c r="E353" i="29"/>
  <c r="F353" i="29" s="1"/>
  <c r="D353" i="29"/>
  <c r="E352" i="29"/>
  <c r="F352" i="29" s="1"/>
  <c r="D352" i="29"/>
  <c r="E351" i="29"/>
  <c r="F351" i="29" s="1"/>
  <c r="D351" i="29"/>
  <c r="E350" i="29"/>
  <c r="D350" i="29"/>
  <c r="E349" i="29"/>
  <c r="F349" i="29" s="1"/>
  <c r="D349" i="29"/>
  <c r="E348" i="29"/>
  <c r="D348" i="29"/>
  <c r="E347" i="29"/>
  <c r="F347" i="29" s="1"/>
  <c r="D347" i="29"/>
  <c r="E346" i="29"/>
  <c r="F346" i="29" s="1"/>
  <c r="D346" i="29"/>
  <c r="E345" i="29"/>
  <c r="F345" i="29" s="1"/>
  <c r="D345" i="29"/>
  <c r="E344" i="29"/>
  <c r="D344" i="29"/>
  <c r="E343" i="29"/>
  <c r="F343" i="29" s="1"/>
  <c r="D343" i="29"/>
  <c r="E342" i="29"/>
  <c r="D342" i="29"/>
  <c r="E341" i="29"/>
  <c r="F341" i="29" s="1"/>
  <c r="D341" i="29"/>
  <c r="E340" i="29"/>
  <c r="F340" i="29" s="1"/>
  <c r="D340" i="29"/>
  <c r="E339" i="29"/>
  <c r="F339" i="29" s="1"/>
  <c r="D339" i="29"/>
  <c r="E338" i="29"/>
  <c r="D338" i="29"/>
  <c r="E337" i="29"/>
  <c r="F337" i="29" s="1"/>
  <c r="D337" i="29"/>
  <c r="E336" i="29"/>
  <c r="D336" i="29"/>
  <c r="E335" i="29"/>
  <c r="F335" i="29" s="1"/>
  <c r="D335" i="29"/>
  <c r="E334" i="29"/>
  <c r="F334" i="29" s="1"/>
  <c r="D334" i="29"/>
  <c r="E333" i="29"/>
  <c r="F333" i="29" s="1"/>
  <c r="D333" i="29"/>
  <c r="E332" i="29"/>
  <c r="D332" i="29"/>
  <c r="E331" i="29"/>
  <c r="F331" i="29" s="1"/>
  <c r="D331" i="29"/>
  <c r="E330" i="29"/>
  <c r="D330" i="29"/>
  <c r="E329" i="29"/>
  <c r="F329" i="29" s="1"/>
  <c r="D329" i="29"/>
  <c r="E328" i="29"/>
  <c r="F328" i="29" s="1"/>
  <c r="D328" i="29"/>
  <c r="E327" i="29"/>
  <c r="F327" i="29" s="1"/>
  <c r="D327" i="29"/>
  <c r="E326" i="29"/>
  <c r="D326" i="29"/>
  <c r="E325" i="29"/>
  <c r="F325" i="29" s="1"/>
  <c r="D325" i="29"/>
  <c r="E324" i="29"/>
  <c r="D324" i="29"/>
  <c r="E323" i="29"/>
  <c r="F323" i="29" s="1"/>
  <c r="D323" i="29"/>
  <c r="E322" i="29"/>
  <c r="F322" i="29" s="1"/>
  <c r="D322" i="29"/>
  <c r="E321" i="29"/>
  <c r="F321" i="29" s="1"/>
  <c r="D321" i="29"/>
  <c r="E320" i="29"/>
  <c r="D320" i="29"/>
  <c r="E319" i="29"/>
  <c r="F319" i="29" s="1"/>
  <c r="D319" i="29"/>
  <c r="E318" i="29"/>
  <c r="D318" i="29"/>
  <c r="E317" i="29"/>
  <c r="F317" i="29" s="1"/>
  <c r="D317" i="29"/>
  <c r="E316" i="29"/>
  <c r="F316" i="29" s="1"/>
  <c r="D316" i="29"/>
  <c r="E315" i="29"/>
  <c r="F315" i="29" s="1"/>
  <c r="D315" i="29"/>
  <c r="E314" i="29"/>
  <c r="D314" i="29"/>
  <c r="E313" i="29"/>
  <c r="F313" i="29" s="1"/>
  <c r="D313" i="29"/>
  <c r="E312" i="29"/>
  <c r="D312" i="29"/>
  <c r="E311" i="29"/>
  <c r="F311" i="29" s="1"/>
  <c r="D311" i="29"/>
  <c r="E310" i="29"/>
  <c r="F310" i="29" s="1"/>
  <c r="D310" i="29"/>
  <c r="E309" i="29"/>
  <c r="F309" i="29" s="1"/>
  <c r="D309" i="29"/>
  <c r="E308" i="29"/>
  <c r="D308" i="29"/>
  <c r="E307" i="29"/>
  <c r="F307" i="29" s="1"/>
  <c r="D307" i="29"/>
  <c r="E306" i="29"/>
  <c r="D306" i="29"/>
  <c r="E305" i="29"/>
  <c r="F305" i="29" s="1"/>
  <c r="D305" i="29"/>
  <c r="E304" i="29"/>
  <c r="F304" i="29" s="1"/>
  <c r="D304" i="29"/>
  <c r="E303" i="29"/>
  <c r="F303" i="29" s="1"/>
  <c r="D303" i="29"/>
  <c r="E302" i="29"/>
  <c r="D302" i="29"/>
  <c r="E301" i="29"/>
  <c r="F301" i="29" s="1"/>
  <c r="D301" i="29"/>
  <c r="E300" i="29"/>
  <c r="D300" i="29"/>
  <c r="E299" i="29"/>
  <c r="F299" i="29" s="1"/>
  <c r="D299" i="29"/>
  <c r="E298" i="29"/>
  <c r="F298" i="29" s="1"/>
  <c r="D298" i="29"/>
  <c r="E297" i="29"/>
  <c r="F297" i="29" s="1"/>
  <c r="D297" i="29"/>
  <c r="E296" i="29"/>
  <c r="D296" i="29"/>
  <c r="E295" i="29"/>
  <c r="F295" i="29" s="1"/>
  <c r="D295" i="29"/>
  <c r="E294" i="29"/>
  <c r="D294" i="29"/>
  <c r="E293" i="29"/>
  <c r="F293" i="29" s="1"/>
  <c r="D293" i="29"/>
  <c r="E292" i="29"/>
  <c r="F292" i="29" s="1"/>
  <c r="D292" i="29"/>
  <c r="E291" i="29"/>
  <c r="F291" i="29" s="1"/>
  <c r="D291" i="29"/>
  <c r="E290" i="29"/>
  <c r="D290" i="29"/>
  <c r="E289" i="29"/>
  <c r="F289" i="29" s="1"/>
  <c r="D289" i="29"/>
  <c r="E288" i="29"/>
  <c r="D288" i="29"/>
  <c r="E287" i="29"/>
  <c r="F287" i="29" s="1"/>
  <c r="D287" i="29"/>
  <c r="E286" i="29"/>
  <c r="F286" i="29" s="1"/>
  <c r="D286" i="29"/>
  <c r="E285" i="29"/>
  <c r="F285" i="29" s="1"/>
  <c r="D285" i="29"/>
  <c r="E284" i="29"/>
  <c r="D284" i="29"/>
  <c r="E283" i="29"/>
  <c r="F283" i="29" s="1"/>
  <c r="D283" i="29"/>
  <c r="E282" i="29"/>
  <c r="D282" i="29"/>
  <c r="E281" i="29"/>
  <c r="F281" i="29" s="1"/>
  <c r="D281" i="29"/>
  <c r="E280" i="29"/>
  <c r="F280" i="29" s="1"/>
  <c r="D280" i="29"/>
  <c r="E279" i="29"/>
  <c r="F279" i="29" s="1"/>
  <c r="D279" i="29"/>
  <c r="E278" i="29"/>
  <c r="F278" i="29" s="1"/>
  <c r="D278" i="29"/>
  <c r="E277" i="29"/>
  <c r="F277" i="29" s="1"/>
  <c r="D277" i="29"/>
  <c r="E276" i="29"/>
  <c r="D276" i="29"/>
  <c r="E275" i="29"/>
  <c r="F275" i="29" s="1"/>
  <c r="D275" i="29"/>
  <c r="E274" i="29"/>
  <c r="F274" i="29" s="1"/>
  <c r="D274" i="29"/>
  <c r="E273" i="29"/>
  <c r="F273" i="29" s="1"/>
  <c r="D273" i="29"/>
  <c r="E272" i="29"/>
  <c r="F272" i="29" s="1"/>
  <c r="D272" i="29"/>
  <c r="E271" i="29"/>
  <c r="F271" i="29" s="1"/>
  <c r="D271" i="29"/>
  <c r="E270" i="29"/>
  <c r="D270" i="29"/>
  <c r="E269" i="29"/>
  <c r="F269" i="29" s="1"/>
  <c r="D269" i="29"/>
  <c r="E268" i="29"/>
  <c r="F268" i="29" s="1"/>
  <c r="D268" i="29"/>
  <c r="E267" i="29"/>
  <c r="F267" i="29" s="1"/>
  <c r="D267" i="29"/>
  <c r="E266" i="29"/>
  <c r="F266" i="29" s="1"/>
  <c r="D266" i="29"/>
  <c r="E265" i="29"/>
  <c r="F265" i="29" s="1"/>
  <c r="D265" i="29"/>
  <c r="E264" i="29"/>
  <c r="D264" i="29"/>
  <c r="E263" i="29"/>
  <c r="F263" i="29" s="1"/>
  <c r="D263" i="29"/>
  <c r="E262" i="29"/>
  <c r="F262" i="29" s="1"/>
  <c r="D262" i="29"/>
  <c r="E261" i="29"/>
  <c r="F261" i="29" s="1"/>
  <c r="D261" i="29"/>
  <c r="E260" i="29"/>
  <c r="F260" i="29" s="1"/>
  <c r="D260" i="29"/>
  <c r="E259" i="29"/>
  <c r="F259" i="29" s="1"/>
  <c r="D259" i="29"/>
  <c r="E258" i="29"/>
  <c r="D258" i="29"/>
  <c r="E257" i="29"/>
  <c r="F257" i="29" s="1"/>
  <c r="D257" i="29"/>
  <c r="E256" i="29"/>
  <c r="F256" i="29" s="1"/>
  <c r="D256" i="29"/>
  <c r="E255" i="29"/>
  <c r="F255" i="29" s="1"/>
  <c r="D255" i="29"/>
  <c r="E254" i="29"/>
  <c r="F254" i="29" s="1"/>
  <c r="D254" i="29"/>
  <c r="E253" i="29"/>
  <c r="F253" i="29" s="1"/>
  <c r="D253" i="29"/>
  <c r="E252" i="29"/>
  <c r="D252" i="29"/>
  <c r="E251" i="29"/>
  <c r="F251" i="29" s="1"/>
  <c r="D251" i="29"/>
  <c r="E250" i="29"/>
  <c r="F250" i="29" s="1"/>
  <c r="D250" i="29"/>
  <c r="E249" i="29"/>
  <c r="F249" i="29" s="1"/>
  <c r="D249" i="29"/>
  <c r="E248" i="29"/>
  <c r="F248" i="29" s="1"/>
  <c r="D248" i="29"/>
  <c r="E247" i="29"/>
  <c r="F247" i="29" s="1"/>
  <c r="D247" i="29"/>
  <c r="E246" i="29"/>
  <c r="D246" i="29"/>
  <c r="E245" i="29"/>
  <c r="F245" i="29" s="1"/>
  <c r="D245" i="29"/>
  <c r="E244" i="29"/>
  <c r="F244" i="29" s="1"/>
  <c r="D244" i="29"/>
  <c r="E243" i="29"/>
  <c r="F243" i="29" s="1"/>
  <c r="D243" i="29"/>
  <c r="E242" i="29"/>
  <c r="F242" i="29" s="1"/>
  <c r="D242" i="29"/>
  <c r="E241" i="29"/>
  <c r="F241" i="29" s="1"/>
  <c r="D241" i="29"/>
  <c r="E240" i="29"/>
  <c r="D240" i="29"/>
  <c r="E239" i="29"/>
  <c r="F239" i="29" s="1"/>
  <c r="D239" i="29"/>
  <c r="E238" i="29"/>
  <c r="F238" i="29" s="1"/>
  <c r="D238" i="29"/>
  <c r="E237" i="29"/>
  <c r="F237" i="29" s="1"/>
  <c r="D237" i="29"/>
  <c r="E236" i="29"/>
  <c r="F236" i="29" s="1"/>
  <c r="D236" i="29"/>
  <c r="E235" i="29"/>
  <c r="F235" i="29" s="1"/>
  <c r="D235" i="29"/>
  <c r="E234" i="29"/>
  <c r="D234" i="29"/>
  <c r="E233" i="29"/>
  <c r="F233" i="29" s="1"/>
  <c r="D233" i="29"/>
  <c r="E232" i="29"/>
  <c r="F232" i="29" s="1"/>
  <c r="D232" i="29"/>
  <c r="E231" i="29"/>
  <c r="F231" i="29" s="1"/>
  <c r="D231" i="29"/>
  <c r="E230" i="29"/>
  <c r="F230" i="29" s="1"/>
  <c r="D230" i="29"/>
  <c r="E229" i="29"/>
  <c r="F229" i="29" s="1"/>
  <c r="D229" i="29"/>
  <c r="E228" i="29"/>
  <c r="D228" i="29"/>
  <c r="E227" i="29"/>
  <c r="F227" i="29" s="1"/>
  <c r="D227" i="29"/>
  <c r="E226" i="29"/>
  <c r="F226" i="29" s="1"/>
  <c r="D226" i="29"/>
  <c r="E225" i="29"/>
  <c r="F225" i="29" s="1"/>
  <c r="D225" i="29"/>
  <c r="E224" i="29"/>
  <c r="F224" i="29" s="1"/>
  <c r="D224" i="29"/>
  <c r="E223" i="29"/>
  <c r="F223" i="29" s="1"/>
  <c r="D223" i="29"/>
  <c r="E222" i="29"/>
  <c r="D222" i="29"/>
  <c r="E221" i="29"/>
  <c r="F221" i="29" s="1"/>
  <c r="D221" i="29"/>
  <c r="E220" i="29"/>
  <c r="F220" i="29" s="1"/>
  <c r="D220" i="29"/>
  <c r="E219" i="29"/>
  <c r="F219" i="29" s="1"/>
  <c r="D219" i="29"/>
  <c r="E218" i="29"/>
  <c r="F218" i="29" s="1"/>
  <c r="D218" i="29"/>
  <c r="E217" i="29"/>
  <c r="F217" i="29" s="1"/>
  <c r="D217" i="29"/>
  <c r="E216" i="29"/>
  <c r="D216" i="29"/>
  <c r="E215" i="29"/>
  <c r="F215" i="29" s="1"/>
  <c r="D215" i="29"/>
  <c r="E214" i="29"/>
  <c r="F214" i="29" s="1"/>
  <c r="D214" i="29"/>
  <c r="E213" i="29"/>
  <c r="F213" i="29" s="1"/>
  <c r="D213" i="29"/>
  <c r="E212" i="29"/>
  <c r="F212" i="29" s="1"/>
  <c r="D212" i="29"/>
  <c r="E211" i="29"/>
  <c r="F211" i="29" s="1"/>
  <c r="D211" i="29"/>
  <c r="E210" i="29"/>
  <c r="D210" i="29"/>
  <c r="E209" i="29"/>
  <c r="F209" i="29" s="1"/>
  <c r="D209" i="29"/>
  <c r="E208" i="29"/>
  <c r="F208" i="29" s="1"/>
  <c r="D208" i="29"/>
  <c r="E207" i="29"/>
  <c r="F207" i="29" s="1"/>
  <c r="D207" i="29"/>
  <c r="E206" i="29"/>
  <c r="F206" i="29" s="1"/>
  <c r="D206" i="29"/>
  <c r="E205" i="29"/>
  <c r="F205" i="29" s="1"/>
  <c r="D205" i="29"/>
  <c r="E204" i="29"/>
  <c r="D204" i="29"/>
  <c r="E203" i="29"/>
  <c r="F203" i="29" s="1"/>
  <c r="D203" i="29"/>
  <c r="E202" i="29"/>
  <c r="F202" i="29" s="1"/>
  <c r="D202" i="29"/>
  <c r="E201" i="29"/>
  <c r="F201" i="29" s="1"/>
  <c r="D201" i="29"/>
  <c r="E200" i="29"/>
  <c r="F200" i="29" s="1"/>
  <c r="D200" i="29"/>
  <c r="E199" i="29"/>
  <c r="F199" i="29" s="1"/>
  <c r="D199" i="29"/>
  <c r="E198" i="29"/>
  <c r="D198" i="29"/>
  <c r="E197" i="29"/>
  <c r="F197" i="29" s="1"/>
  <c r="D197" i="29"/>
  <c r="E196" i="29"/>
  <c r="F196" i="29" s="1"/>
  <c r="D196" i="29"/>
  <c r="E195" i="29"/>
  <c r="F195" i="29" s="1"/>
  <c r="D195" i="29"/>
  <c r="E194" i="29"/>
  <c r="F194" i="29" s="1"/>
  <c r="D194" i="29"/>
  <c r="E193" i="29"/>
  <c r="F193" i="29" s="1"/>
  <c r="D193" i="29"/>
  <c r="E192" i="29"/>
  <c r="D192" i="29"/>
  <c r="E191" i="29"/>
  <c r="F191" i="29" s="1"/>
  <c r="D191" i="29"/>
  <c r="E190" i="29"/>
  <c r="F190" i="29" s="1"/>
  <c r="D190" i="29"/>
  <c r="E189" i="29"/>
  <c r="F189" i="29" s="1"/>
  <c r="D189" i="29"/>
  <c r="E188" i="29"/>
  <c r="F188" i="29" s="1"/>
  <c r="D188" i="29"/>
  <c r="E187" i="29"/>
  <c r="F187" i="29" s="1"/>
  <c r="D187" i="29"/>
  <c r="E186" i="29"/>
  <c r="D186" i="29"/>
  <c r="E185" i="29"/>
  <c r="F185" i="29" s="1"/>
  <c r="D185" i="29"/>
  <c r="E184" i="29"/>
  <c r="F184" i="29" s="1"/>
  <c r="D184" i="29"/>
  <c r="E183" i="29"/>
  <c r="F183" i="29" s="1"/>
  <c r="D183" i="29"/>
  <c r="E182" i="29"/>
  <c r="F182" i="29" s="1"/>
  <c r="D182" i="29"/>
  <c r="E181" i="29"/>
  <c r="F181" i="29" s="1"/>
  <c r="D181" i="29"/>
  <c r="E180" i="29"/>
  <c r="D180" i="29"/>
  <c r="E179" i="29"/>
  <c r="F179" i="29" s="1"/>
  <c r="D179" i="29"/>
  <c r="E178" i="29"/>
  <c r="F178" i="29" s="1"/>
  <c r="D178" i="29"/>
  <c r="E177" i="29"/>
  <c r="F177" i="29" s="1"/>
  <c r="D177" i="29"/>
  <c r="E176" i="29"/>
  <c r="F176" i="29" s="1"/>
  <c r="D176" i="29"/>
  <c r="E175" i="29"/>
  <c r="F175" i="29" s="1"/>
  <c r="D175" i="29"/>
  <c r="E174" i="29"/>
  <c r="D174" i="29"/>
  <c r="E173" i="29"/>
  <c r="F173" i="29" s="1"/>
  <c r="D173" i="29"/>
  <c r="E172" i="29"/>
  <c r="F172" i="29" s="1"/>
  <c r="D172" i="29"/>
  <c r="E171" i="29"/>
  <c r="F171" i="29" s="1"/>
  <c r="D171" i="29"/>
  <c r="E170" i="29"/>
  <c r="F170" i="29" s="1"/>
  <c r="D170" i="29"/>
  <c r="E169" i="29"/>
  <c r="F169" i="29" s="1"/>
  <c r="D169" i="29"/>
  <c r="E168" i="29"/>
  <c r="D168" i="29"/>
  <c r="E167" i="29"/>
  <c r="F167" i="29" s="1"/>
  <c r="D167" i="29"/>
  <c r="E166" i="29"/>
  <c r="F166" i="29" s="1"/>
  <c r="D166" i="29"/>
  <c r="E165" i="29"/>
  <c r="F165" i="29" s="1"/>
  <c r="D165" i="29"/>
  <c r="E164" i="29"/>
  <c r="F164" i="29" s="1"/>
  <c r="D164" i="29"/>
  <c r="E163" i="29"/>
  <c r="F163" i="29" s="1"/>
  <c r="D163" i="29"/>
  <c r="E162" i="29"/>
  <c r="D162" i="29"/>
  <c r="E161" i="29"/>
  <c r="F161" i="29" s="1"/>
  <c r="D161" i="29"/>
  <c r="E160" i="29"/>
  <c r="F160" i="29" s="1"/>
  <c r="D160" i="29"/>
  <c r="E159" i="29"/>
  <c r="F159" i="29" s="1"/>
  <c r="D159" i="29"/>
  <c r="E158" i="29"/>
  <c r="F158" i="29" s="1"/>
  <c r="D158" i="29"/>
  <c r="E157" i="29"/>
  <c r="F157" i="29" s="1"/>
  <c r="D157" i="29"/>
  <c r="E156" i="29"/>
  <c r="D156" i="29"/>
  <c r="E155" i="29"/>
  <c r="F155" i="29" s="1"/>
  <c r="D155" i="29"/>
  <c r="E154" i="29"/>
  <c r="F154" i="29" s="1"/>
  <c r="D154" i="29"/>
  <c r="E153" i="29"/>
  <c r="F153" i="29" s="1"/>
  <c r="D153" i="29"/>
  <c r="E152" i="29"/>
  <c r="F152" i="29" s="1"/>
  <c r="D152" i="29"/>
  <c r="E151" i="29"/>
  <c r="F151" i="29" s="1"/>
  <c r="D151" i="29"/>
  <c r="E150" i="29"/>
  <c r="D150" i="29"/>
  <c r="E149" i="29"/>
  <c r="F149" i="29" s="1"/>
  <c r="D149" i="29"/>
  <c r="E148" i="29"/>
  <c r="F148" i="29" s="1"/>
  <c r="D148" i="29"/>
  <c r="E147" i="29"/>
  <c r="F147" i="29" s="1"/>
  <c r="D147" i="29"/>
  <c r="E146" i="29"/>
  <c r="F146" i="29" s="1"/>
  <c r="D146" i="29"/>
  <c r="E145" i="29"/>
  <c r="F145" i="29" s="1"/>
  <c r="D145" i="29"/>
  <c r="E144" i="29"/>
  <c r="D144" i="29"/>
  <c r="E143" i="29"/>
  <c r="F143" i="29" s="1"/>
  <c r="D143" i="29"/>
  <c r="E142" i="29"/>
  <c r="F142" i="29" s="1"/>
  <c r="D142" i="29"/>
  <c r="E141" i="29"/>
  <c r="F141" i="29" s="1"/>
  <c r="D141" i="29"/>
  <c r="E140" i="29"/>
  <c r="F140" i="29" s="1"/>
  <c r="D140" i="29"/>
  <c r="E139" i="29"/>
  <c r="F139" i="29" s="1"/>
  <c r="D139" i="29"/>
  <c r="E138" i="29"/>
  <c r="D138" i="29"/>
  <c r="E137" i="29"/>
  <c r="F137" i="29" s="1"/>
  <c r="D137" i="29"/>
  <c r="E136" i="29"/>
  <c r="F136" i="29" s="1"/>
  <c r="D136" i="29"/>
  <c r="E135" i="29"/>
  <c r="F135" i="29" s="1"/>
  <c r="D135" i="29"/>
  <c r="E134" i="29"/>
  <c r="F134" i="29" s="1"/>
  <c r="D134" i="29"/>
  <c r="E133" i="29"/>
  <c r="F133" i="29" s="1"/>
  <c r="D133" i="29"/>
  <c r="E132" i="29"/>
  <c r="D132" i="29"/>
  <c r="E131" i="29"/>
  <c r="F131" i="29" s="1"/>
  <c r="D131" i="29"/>
  <c r="E130" i="29"/>
  <c r="F130" i="29" s="1"/>
  <c r="D130" i="29"/>
  <c r="E129" i="29"/>
  <c r="F129" i="29" s="1"/>
  <c r="D129" i="29"/>
  <c r="E128" i="29"/>
  <c r="F128" i="29" s="1"/>
  <c r="D128" i="29"/>
  <c r="E127" i="29"/>
  <c r="F127" i="29" s="1"/>
  <c r="D127" i="29"/>
  <c r="E126" i="29"/>
  <c r="D126" i="29"/>
  <c r="E125" i="29"/>
  <c r="F125" i="29" s="1"/>
  <c r="D125" i="29"/>
  <c r="E124" i="29"/>
  <c r="F124" i="29" s="1"/>
  <c r="D124" i="29"/>
  <c r="E123" i="29"/>
  <c r="F123" i="29" s="1"/>
  <c r="D123" i="29"/>
  <c r="E122" i="29"/>
  <c r="F122" i="29" s="1"/>
  <c r="D122" i="29"/>
  <c r="E121" i="29"/>
  <c r="F121" i="29" s="1"/>
  <c r="D121" i="29"/>
  <c r="E120" i="29"/>
  <c r="D120" i="29"/>
  <c r="E119" i="29"/>
  <c r="F119" i="29" s="1"/>
  <c r="D119" i="29"/>
  <c r="E118" i="29"/>
  <c r="F118" i="29" s="1"/>
  <c r="D118" i="29"/>
  <c r="E117" i="29"/>
  <c r="F117" i="29" s="1"/>
  <c r="D117" i="29"/>
  <c r="E116" i="29"/>
  <c r="F116" i="29" s="1"/>
  <c r="D116" i="29"/>
  <c r="E115" i="29"/>
  <c r="F115" i="29" s="1"/>
  <c r="D115" i="29"/>
  <c r="E114" i="29"/>
  <c r="D114" i="29"/>
  <c r="E113" i="29"/>
  <c r="F113" i="29" s="1"/>
  <c r="D113" i="29"/>
  <c r="E112" i="29"/>
  <c r="F112" i="29" s="1"/>
  <c r="D112" i="29"/>
  <c r="E111" i="29"/>
  <c r="F111" i="29" s="1"/>
  <c r="D111" i="29"/>
  <c r="E110" i="29"/>
  <c r="F110" i="29" s="1"/>
  <c r="D110" i="29"/>
  <c r="E109" i="29"/>
  <c r="F109" i="29" s="1"/>
  <c r="D109" i="29"/>
  <c r="E108" i="29"/>
  <c r="D108" i="29"/>
  <c r="E107" i="29"/>
  <c r="F107" i="29" s="1"/>
  <c r="D107" i="29"/>
  <c r="E106" i="29"/>
  <c r="F106" i="29" s="1"/>
  <c r="D106" i="29"/>
  <c r="E105" i="29"/>
  <c r="F105" i="29" s="1"/>
  <c r="D105" i="29"/>
  <c r="E104" i="29"/>
  <c r="F104" i="29" s="1"/>
  <c r="D104" i="29"/>
  <c r="E103" i="29"/>
  <c r="F103" i="29" s="1"/>
  <c r="D103" i="29"/>
  <c r="E102" i="29"/>
  <c r="D102" i="29"/>
  <c r="E101" i="29"/>
  <c r="F101" i="29" s="1"/>
  <c r="D101" i="29"/>
  <c r="E100" i="29"/>
  <c r="F100" i="29" s="1"/>
  <c r="D100" i="29"/>
  <c r="E99" i="29"/>
  <c r="F99" i="29" s="1"/>
  <c r="D99" i="29"/>
  <c r="E98" i="29"/>
  <c r="F98" i="29" s="1"/>
  <c r="D98" i="29"/>
  <c r="E97" i="29"/>
  <c r="F97" i="29" s="1"/>
  <c r="D97" i="29"/>
  <c r="E96" i="29"/>
  <c r="D96" i="29"/>
  <c r="E95" i="29"/>
  <c r="F95" i="29" s="1"/>
  <c r="D95" i="29"/>
  <c r="E94" i="29"/>
  <c r="F94" i="29" s="1"/>
  <c r="D94" i="29"/>
  <c r="E93" i="29"/>
  <c r="F93" i="29" s="1"/>
  <c r="D93" i="29"/>
  <c r="E92" i="29"/>
  <c r="F92" i="29" s="1"/>
  <c r="D92" i="29"/>
  <c r="E91" i="29"/>
  <c r="F91" i="29" s="1"/>
  <c r="D91" i="29"/>
  <c r="E90" i="29"/>
  <c r="D90" i="29"/>
  <c r="E89" i="29"/>
  <c r="F89" i="29" s="1"/>
  <c r="D89" i="29"/>
  <c r="E88" i="29"/>
  <c r="F88" i="29" s="1"/>
  <c r="D88" i="29"/>
  <c r="E87" i="29"/>
  <c r="F87" i="29" s="1"/>
  <c r="D87" i="29"/>
  <c r="E86" i="29"/>
  <c r="F86" i="29" s="1"/>
  <c r="D86" i="29"/>
  <c r="E85" i="29"/>
  <c r="F85" i="29" s="1"/>
  <c r="D85" i="29"/>
  <c r="E84" i="29"/>
  <c r="D84" i="29"/>
  <c r="E83" i="29"/>
  <c r="F83" i="29" s="1"/>
  <c r="D83" i="29"/>
  <c r="E82" i="29"/>
  <c r="F82" i="29" s="1"/>
  <c r="D82" i="29"/>
  <c r="E81" i="29"/>
  <c r="F81" i="29" s="1"/>
  <c r="D81" i="29"/>
  <c r="E80" i="29"/>
  <c r="F80" i="29" s="1"/>
  <c r="D80" i="29"/>
  <c r="E79" i="29"/>
  <c r="F79" i="29" s="1"/>
  <c r="D79" i="29"/>
  <c r="E78" i="29"/>
  <c r="D78" i="29"/>
  <c r="E77" i="29"/>
  <c r="F77" i="29" s="1"/>
  <c r="D77" i="29"/>
  <c r="E76" i="29"/>
  <c r="F76" i="29" s="1"/>
  <c r="D76" i="29"/>
  <c r="E75" i="29"/>
  <c r="F75" i="29" s="1"/>
  <c r="D75" i="29"/>
  <c r="E74" i="29"/>
  <c r="F74" i="29" s="1"/>
  <c r="D74" i="29"/>
  <c r="E73" i="29"/>
  <c r="F73" i="29" s="1"/>
  <c r="D73" i="29"/>
  <c r="E72" i="29"/>
  <c r="D72" i="29"/>
  <c r="E71" i="29"/>
  <c r="F71" i="29" s="1"/>
  <c r="D71" i="29"/>
  <c r="E70" i="29"/>
  <c r="F70" i="29" s="1"/>
  <c r="D70" i="29"/>
  <c r="E69" i="29"/>
  <c r="F69" i="29" s="1"/>
  <c r="D69" i="29"/>
  <c r="E68" i="29"/>
  <c r="F68" i="29" s="1"/>
  <c r="D68" i="29"/>
  <c r="E67" i="29"/>
  <c r="F67" i="29" s="1"/>
  <c r="D67" i="29"/>
  <c r="E66" i="29"/>
  <c r="D66" i="29"/>
  <c r="E65" i="29"/>
  <c r="F65" i="29" s="1"/>
  <c r="D65" i="29"/>
  <c r="E64" i="29"/>
  <c r="F64" i="29" s="1"/>
  <c r="D64" i="29"/>
  <c r="E63" i="29"/>
  <c r="F63" i="29" s="1"/>
  <c r="D63" i="29"/>
  <c r="E62" i="29"/>
  <c r="F62" i="29" s="1"/>
  <c r="D62" i="29"/>
  <c r="E61" i="29"/>
  <c r="F61" i="29" s="1"/>
  <c r="D61" i="29"/>
  <c r="E60" i="29"/>
  <c r="D60" i="29"/>
  <c r="E59" i="29"/>
  <c r="F59" i="29" s="1"/>
  <c r="D59" i="29"/>
  <c r="E58" i="29"/>
  <c r="F58" i="29" s="1"/>
  <c r="D58" i="29"/>
  <c r="E57" i="29"/>
  <c r="F57" i="29" s="1"/>
  <c r="D57" i="29"/>
  <c r="E56" i="29"/>
  <c r="F56" i="29" s="1"/>
  <c r="D56" i="29"/>
  <c r="E55" i="29"/>
  <c r="F55" i="29" s="1"/>
  <c r="D55" i="29"/>
  <c r="E54" i="29"/>
  <c r="D54" i="29"/>
  <c r="E53" i="29"/>
  <c r="F53" i="29" s="1"/>
  <c r="D53" i="29"/>
  <c r="E52" i="29"/>
  <c r="F52" i="29" s="1"/>
  <c r="D52" i="29"/>
  <c r="E51" i="29"/>
  <c r="F51" i="29" s="1"/>
  <c r="D51" i="29"/>
  <c r="E50" i="29"/>
  <c r="F50" i="29" s="1"/>
  <c r="D50" i="29"/>
  <c r="E49" i="29"/>
  <c r="F49" i="29" s="1"/>
  <c r="D49" i="29"/>
  <c r="E48" i="29"/>
  <c r="D48" i="29"/>
  <c r="E47" i="29"/>
  <c r="F47" i="29" s="1"/>
  <c r="D47" i="29"/>
  <c r="E46" i="29"/>
  <c r="F46" i="29" s="1"/>
  <c r="D46" i="29"/>
  <c r="E45" i="29"/>
  <c r="F45" i="29" s="1"/>
  <c r="D45" i="29"/>
  <c r="E44" i="29"/>
  <c r="F44" i="29" s="1"/>
  <c r="D44" i="29"/>
  <c r="E43" i="29"/>
  <c r="F43" i="29" s="1"/>
  <c r="D43" i="29"/>
  <c r="E42" i="29"/>
  <c r="D42" i="29"/>
  <c r="E41" i="29"/>
  <c r="F41" i="29" s="1"/>
  <c r="D41" i="29"/>
  <c r="E40" i="29"/>
  <c r="F40" i="29" s="1"/>
  <c r="D40" i="29"/>
  <c r="E39" i="29"/>
  <c r="F39" i="29" s="1"/>
  <c r="D39" i="29"/>
  <c r="E38" i="29"/>
  <c r="F38" i="29" s="1"/>
  <c r="D38" i="29"/>
  <c r="E37" i="29"/>
  <c r="F37" i="29" s="1"/>
  <c r="D37" i="29"/>
  <c r="E36" i="29"/>
  <c r="D36" i="29"/>
  <c r="E35" i="29"/>
  <c r="F35" i="29" s="1"/>
  <c r="D35" i="29"/>
  <c r="E34" i="29"/>
  <c r="F34" i="29" s="1"/>
  <c r="D34" i="29"/>
  <c r="E33" i="29"/>
  <c r="F33" i="29" s="1"/>
  <c r="D33" i="29"/>
  <c r="E32" i="29"/>
  <c r="F32" i="29" s="1"/>
  <c r="D32" i="29"/>
  <c r="E31" i="29"/>
  <c r="F31" i="29" s="1"/>
  <c r="D31" i="29"/>
  <c r="E30" i="29"/>
  <c r="D30" i="29"/>
  <c r="E29" i="29"/>
  <c r="F29" i="29" s="1"/>
  <c r="D29" i="29"/>
  <c r="E28" i="29"/>
  <c r="F28" i="29" s="1"/>
  <c r="D28" i="29"/>
  <c r="E27" i="29"/>
  <c r="F27" i="29" s="1"/>
  <c r="D27" i="29"/>
  <c r="E26" i="29"/>
  <c r="F26" i="29" s="1"/>
  <c r="D26" i="29"/>
  <c r="E25" i="29"/>
  <c r="F25" i="29" s="1"/>
  <c r="D25" i="29"/>
  <c r="E24" i="29"/>
  <c r="D24" i="29"/>
  <c r="E23" i="29"/>
  <c r="F23" i="29" s="1"/>
  <c r="D23" i="29"/>
  <c r="E22" i="29"/>
  <c r="F22" i="29" s="1"/>
  <c r="D22" i="29"/>
  <c r="E21" i="29"/>
  <c r="F21" i="29" s="1"/>
  <c r="D21" i="29"/>
  <c r="E20" i="29"/>
  <c r="F20" i="29" s="1"/>
  <c r="D20" i="29"/>
  <c r="E19" i="29"/>
  <c r="F19" i="29" s="1"/>
  <c r="D19" i="29"/>
  <c r="E18" i="29"/>
  <c r="D18" i="29"/>
  <c r="E17" i="29"/>
  <c r="F17" i="29" s="1"/>
  <c r="D17" i="29"/>
  <c r="E16" i="29"/>
  <c r="F16" i="29" s="1"/>
  <c r="D16" i="29"/>
  <c r="E15" i="29"/>
  <c r="F15" i="29" s="1"/>
  <c r="D15" i="29"/>
  <c r="E14" i="29"/>
  <c r="F14" i="29" s="1"/>
  <c r="D14" i="29"/>
  <c r="E13" i="29"/>
  <c r="F13" i="29" s="1"/>
  <c r="D13" i="29"/>
  <c r="E12" i="29"/>
  <c r="D12" i="29"/>
  <c r="E11" i="29"/>
  <c r="F11" i="29" s="1"/>
  <c r="D11" i="29"/>
  <c r="E10" i="29"/>
  <c r="F10" i="29" s="1"/>
  <c r="D10" i="29"/>
  <c r="E9" i="29"/>
  <c r="F9" i="29" s="1"/>
  <c r="D9" i="29"/>
  <c r="E8" i="29"/>
  <c r="F8" i="29" s="1"/>
  <c r="D8" i="29"/>
  <c r="E7" i="29"/>
  <c r="F7" i="29" s="1"/>
  <c r="D7" i="29"/>
  <c r="E6" i="29"/>
  <c r="D6" i="29"/>
  <c r="E5" i="29"/>
  <c r="F5" i="29" s="1"/>
  <c r="D5" i="29"/>
  <c r="E4" i="29"/>
  <c r="F4" i="29" s="1"/>
  <c r="D4" i="29"/>
  <c r="E3" i="29"/>
  <c r="F3" i="29" s="1"/>
  <c r="D3" i="29"/>
  <c r="G2" i="29"/>
  <c r="G3" i="29" s="1"/>
  <c r="E2" i="29"/>
  <c r="D2" i="29"/>
  <c r="A374" i="28"/>
  <c r="G2" i="28" s="1"/>
  <c r="G3" i="28" s="1"/>
  <c r="A377" i="27"/>
  <c r="A400" i="24"/>
  <c r="A399" i="24"/>
  <c r="D410" i="16"/>
  <c r="E410" i="16"/>
  <c r="D411" i="16"/>
  <c r="E411" i="16"/>
  <c r="D412" i="16"/>
  <c r="E412" i="16"/>
  <c r="D413" i="16"/>
  <c r="E413" i="16"/>
  <c r="D410" i="14"/>
  <c r="F410" i="14" s="1"/>
  <c r="D411" i="14"/>
  <c r="F411" i="14" s="1"/>
  <c r="D412" i="14"/>
  <c r="F412" i="14" s="1"/>
  <c r="D413" i="14"/>
  <c r="F413" i="14" s="1"/>
  <c r="D414" i="14"/>
  <c r="F414" i="14" s="1"/>
  <c r="D415" i="14"/>
  <c r="F415" i="14" s="1"/>
  <c r="D410" i="17"/>
  <c r="E410" i="17"/>
  <c r="F410" i="17" s="1"/>
  <c r="D411" i="17"/>
  <c r="E411" i="17"/>
  <c r="D412" i="17"/>
  <c r="E412" i="17"/>
  <c r="F412" i="17" s="1"/>
  <c r="D413" i="17"/>
  <c r="E413" i="17"/>
  <c r="F413" i="17" s="1"/>
  <c r="D414" i="17"/>
  <c r="E414" i="17"/>
  <c r="F414" i="17" s="1"/>
  <c r="D415" i="17"/>
  <c r="E415" i="17"/>
  <c r="F415" i="17" s="1"/>
  <c r="D416" i="17"/>
  <c r="E416" i="17"/>
  <c r="F416" i="17" s="1"/>
  <c r="D417" i="17"/>
  <c r="E417" i="17"/>
  <c r="D418" i="17"/>
  <c r="E418" i="17"/>
  <c r="F418" i="17" s="1"/>
  <c r="D419" i="17"/>
  <c r="E419" i="17"/>
  <c r="F419" i="17" s="1"/>
  <c r="D420" i="17"/>
  <c r="E420" i="17"/>
  <c r="F420" i="17" s="1"/>
  <c r="D421" i="17"/>
  <c r="E421" i="17"/>
  <c r="F421" i="17" s="1"/>
  <c r="D410" i="13"/>
  <c r="E410" i="13"/>
  <c r="F410" i="13" s="1"/>
  <c r="D411" i="13"/>
  <c r="E411" i="13"/>
  <c r="F411" i="13" s="1"/>
  <c r="D412" i="13"/>
  <c r="E412" i="13"/>
  <c r="F412" i="13" s="1"/>
  <c r="D413" i="13"/>
  <c r="E413" i="13"/>
  <c r="D414" i="13"/>
  <c r="E414" i="13"/>
  <c r="F414" i="13" s="1"/>
  <c r="D415" i="13"/>
  <c r="E415" i="13"/>
  <c r="D416" i="13"/>
  <c r="E416" i="13"/>
  <c r="F416" i="13" s="1"/>
  <c r="D410" i="12"/>
  <c r="E410" i="12"/>
  <c r="F410" i="12" s="1"/>
  <c r="D411" i="12"/>
  <c r="E411" i="12"/>
  <c r="F411" i="12" s="1"/>
  <c r="D412" i="12"/>
  <c r="E412" i="12"/>
  <c r="D413" i="12"/>
  <c r="E413" i="12"/>
  <c r="D414" i="12"/>
  <c r="E414" i="12"/>
  <c r="F414" i="12" s="1"/>
  <c r="D415" i="12"/>
  <c r="E415" i="12"/>
  <c r="F415" i="12" s="1"/>
  <c r="D416" i="12"/>
  <c r="E416" i="12"/>
  <c r="F416" i="12" s="1"/>
  <c r="D417" i="12"/>
  <c r="E417" i="12"/>
  <c r="F417" i="12" s="1"/>
  <c r="D418" i="12"/>
  <c r="E418" i="12"/>
  <c r="D409" i="12"/>
  <c r="E409" i="12"/>
  <c r="D408" i="7"/>
  <c r="E408" i="7"/>
  <c r="D410" i="6"/>
  <c r="E410" i="6"/>
  <c r="D411" i="6"/>
  <c r="E411" i="6"/>
  <c r="F411" i="6" s="1"/>
  <c r="D412" i="6"/>
  <c r="E412" i="6"/>
  <c r="D413" i="6"/>
  <c r="E413" i="6"/>
  <c r="D414" i="6"/>
  <c r="E414" i="6"/>
  <c r="F414" i="6" s="1"/>
  <c r="D410" i="8"/>
  <c r="E410" i="8"/>
  <c r="F410" i="8" s="1"/>
  <c r="D411" i="8"/>
  <c r="E411" i="8"/>
  <c r="F411" i="8" s="1"/>
  <c r="D412" i="8"/>
  <c r="E412" i="8"/>
  <c r="F412" i="8" s="1"/>
  <c r="D413" i="8"/>
  <c r="E413" i="8"/>
  <c r="D414" i="8"/>
  <c r="E414" i="8"/>
  <c r="F414" i="8" s="1"/>
  <c r="D415" i="8"/>
  <c r="E415" i="8"/>
  <c r="F415" i="8" s="1"/>
  <c r="D416" i="8"/>
  <c r="E416" i="8"/>
  <c r="F416" i="8" s="1"/>
  <c r="D417" i="8"/>
  <c r="E417" i="8"/>
  <c r="F417" i="8" s="1"/>
  <c r="D418" i="8"/>
  <c r="E418" i="8"/>
  <c r="E401" i="21"/>
  <c r="F401" i="21" s="1"/>
  <c r="D401" i="21"/>
  <c r="E400" i="21"/>
  <c r="F400" i="21" s="1"/>
  <c r="D400" i="21"/>
  <c r="E399" i="21"/>
  <c r="F399" i="21" s="1"/>
  <c r="D399" i="21"/>
  <c r="E398" i="21"/>
  <c r="F398" i="21" s="1"/>
  <c r="D398" i="21"/>
  <c r="E397" i="21"/>
  <c r="F397" i="21" s="1"/>
  <c r="D397" i="21"/>
  <c r="E396" i="21"/>
  <c r="F396" i="21" s="1"/>
  <c r="D396" i="21"/>
  <c r="E395" i="21"/>
  <c r="F395" i="21" s="1"/>
  <c r="D395" i="21"/>
  <c r="E394" i="21"/>
  <c r="F394" i="21" s="1"/>
  <c r="D394" i="21"/>
  <c r="E393" i="21"/>
  <c r="F393" i="21" s="1"/>
  <c r="D393" i="21"/>
  <c r="E392" i="21"/>
  <c r="F392" i="21" s="1"/>
  <c r="D392" i="21"/>
  <c r="E391" i="21"/>
  <c r="F391" i="21" s="1"/>
  <c r="D391" i="21"/>
  <c r="E390" i="21"/>
  <c r="F390" i="21" s="1"/>
  <c r="D390" i="21"/>
  <c r="E389" i="21"/>
  <c r="F389" i="21" s="1"/>
  <c r="D389" i="21"/>
  <c r="E388" i="21"/>
  <c r="F388" i="21" s="1"/>
  <c r="D388" i="21"/>
  <c r="E387" i="21"/>
  <c r="F387" i="21" s="1"/>
  <c r="D387" i="21"/>
  <c r="E386" i="21"/>
  <c r="F386" i="21" s="1"/>
  <c r="D386" i="21"/>
  <c r="E385" i="21"/>
  <c r="F385" i="21" s="1"/>
  <c r="D385" i="21"/>
  <c r="E384" i="21"/>
  <c r="F384" i="21" s="1"/>
  <c r="D384" i="21"/>
  <c r="E383" i="21"/>
  <c r="F383" i="21" s="1"/>
  <c r="D383" i="21"/>
  <c r="E382" i="21"/>
  <c r="F382" i="21" s="1"/>
  <c r="D382" i="21"/>
  <c r="E381" i="21"/>
  <c r="F381" i="21" s="1"/>
  <c r="D381" i="21"/>
  <c r="E380" i="21"/>
  <c r="F380" i="21" s="1"/>
  <c r="D380" i="21"/>
  <c r="E379" i="21"/>
  <c r="F379" i="21" s="1"/>
  <c r="D379" i="21"/>
  <c r="E378" i="21"/>
  <c r="F378" i="21" s="1"/>
  <c r="D378" i="21"/>
  <c r="E377" i="21"/>
  <c r="F377" i="21" s="1"/>
  <c r="D377" i="21"/>
  <c r="E376" i="21"/>
  <c r="F376" i="21" s="1"/>
  <c r="D376" i="21"/>
  <c r="E375" i="21"/>
  <c r="F375" i="21" s="1"/>
  <c r="D375" i="21"/>
  <c r="E374" i="21"/>
  <c r="F374" i="21" s="1"/>
  <c r="D374" i="21"/>
  <c r="E373" i="21"/>
  <c r="F373" i="21" s="1"/>
  <c r="D373" i="21"/>
  <c r="E372" i="21"/>
  <c r="F372" i="21" s="1"/>
  <c r="D372" i="21"/>
  <c r="E371" i="21"/>
  <c r="F371" i="21" s="1"/>
  <c r="D371" i="21"/>
  <c r="E370" i="21"/>
  <c r="F370" i="21" s="1"/>
  <c r="D370" i="21"/>
  <c r="E369" i="21"/>
  <c r="F369" i="21" s="1"/>
  <c r="D369" i="21"/>
  <c r="E368" i="21"/>
  <c r="F368" i="21" s="1"/>
  <c r="D368" i="21"/>
  <c r="E367" i="21"/>
  <c r="F367" i="21" s="1"/>
  <c r="D367" i="21"/>
  <c r="E366" i="21"/>
  <c r="F366" i="21" s="1"/>
  <c r="D366" i="21"/>
  <c r="E365" i="21"/>
  <c r="F365" i="21" s="1"/>
  <c r="D365" i="21"/>
  <c r="E364" i="21"/>
  <c r="F364" i="21" s="1"/>
  <c r="D364" i="21"/>
  <c r="E363" i="21"/>
  <c r="F363" i="21" s="1"/>
  <c r="D363" i="21"/>
  <c r="E362" i="21"/>
  <c r="F362" i="21" s="1"/>
  <c r="D362" i="21"/>
  <c r="E361" i="21"/>
  <c r="F361" i="21" s="1"/>
  <c r="D361" i="21"/>
  <c r="E360" i="21"/>
  <c r="F360" i="21" s="1"/>
  <c r="D360" i="21"/>
  <c r="E359" i="21"/>
  <c r="F359" i="21" s="1"/>
  <c r="D359" i="21"/>
  <c r="E358" i="21"/>
  <c r="F358" i="21" s="1"/>
  <c r="D358" i="21"/>
  <c r="E357" i="21"/>
  <c r="F357" i="21" s="1"/>
  <c r="D357" i="21"/>
  <c r="E356" i="21"/>
  <c r="F356" i="21" s="1"/>
  <c r="D356" i="21"/>
  <c r="E355" i="21"/>
  <c r="F355" i="21" s="1"/>
  <c r="D355" i="21"/>
  <c r="E354" i="21"/>
  <c r="F354" i="21" s="1"/>
  <c r="D354" i="21"/>
  <c r="E353" i="21"/>
  <c r="F353" i="21" s="1"/>
  <c r="D353" i="21"/>
  <c r="E352" i="21"/>
  <c r="F352" i="21" s="1"/>
  <c r="D352" i="21"/>
  <c r="E351" i="21"/>
  <c r="F351" i="21" s="1"/>
  <c r="D351" i="21"/>
  <c r="E350" i="21"/>
  <c r="F350" i="21" s="1"/>
  <c r="D350" i="21"/>
  <c r="E349" i="21"/>
  <c r="F349" i="21" s="1"/>
  <c r="D349" i="21"/>
  <c r="E348" i="21"/>
  <c r="F348" i="21" s="1"/>
  <c r="D348" i="21"/>
  <c r="E347" i="21"/>
  <c r="F347" i="21" s="1"/>
  <c r="D347" i="21"/>
  <c r="E346" i="21"/>
  <c r="F346" i="21" s="1"/>
  <c r="D346" i="21"/>
  <c r="E345" i="21"/>
  <c r="F345" i="21" s="1"/>
  <c r="D345" i="21"/>
  <c r="E344" i="21"/>
  <c r="F344" i="21" s="1"/>
  <c r="D344" i="21"/>
  <c r="E343" i="21"/>
  <c r="F343" i="21" s="1"/>
  <c r="D343" i="21"/>
  <c r="E342" i="21"/>
  <c r="F342" i="21" s="1"/>
  <c r="D342" i="21"/>
  <c r="E341" i="21"/>
  <c r="F341" i="21" s="1"/>
  <c r="D341" i="21"/>
  <c r="E340" i="21"/>
  <c r="F340" i="21" s="1"/>
  <c r="D340" i="21"/>
  <c r="E339" i="21"/>
  <c r="F339" i="21" s="1"/>
  <c r="D339" i="21"/>
  <c r="E338" i="21"/>
  <c r="F338" i="21" s="1"/>
  <c r="D338" i="21"/>
  <c r="E337" i="21"/>
  <c r="F337" i="21" s="1"/>
  <c r="D337" i="21"/>
  <c r="E336" i="21"/>
  <c r="F336" i="21" s="1"/>
  <c r="D336" i="21"/>
  <c r="E335" i="21"/>
  <c r="F335" i="21" s="1"/>
  <c r="D335" i="21"/>
  <c r="E334" i="21"/>
  <c r="F334" i="21" s="1"/>
  <c r="D334" i="21"/>
  <c r="E333" i="21"/>
  <c r="F333" i="21" s="1"/>
  <c r="D333" i="21"/>
  <c r="E332" i="21"/>
  <c r="F332" i="21" s="1"/>
  <c r="D332" i="21"/>
  <c r="E331" i="21"/>
  <c r="F331" i="21" s="1"/>
  <c r="D331" i="21"/>
  <c r="E330" i="21"/>
  <c r="F330" i="21" s="1"/>
  <c r="D330" i="21"/>
  <c r="E329" i="21"/>
  <c r="F329" i="21" s="1"/>
  <c r="D329" i="21"/>
  <c r="E328" i="21"/>
  <c r="F328" i="21" s="1"/>
  <c r="D328" i="21"/>
  <c r="E327" i="21"/>
  <c r="F327" i="21" s="1"/>
  <c r="D327" i="21"/>
  <c r="E326" i="21"/>
  <c r="F326" i="21" s="1"/>
  <c r="D326" i="21"/>
  <c r="E325" i="21"/>
  <c r="F325" i="21" s="1"/>
  <c r="D325" i="21"/>
  <c r="E324" i="21"/>
  <c r="F324" i="21" s="1"/>
  <c r="D324" i="21"/>
  <c r="E323" i="21"/>
  <c r="F323" i="21" s="1"/>
  <c r="D323" i="21"/>
  <c r="E322" i="21"/>
  <c r="F322" i="21" s="1"/>
  <c r="D322" i="21"/>
  <c r="E321" i="21"/>
  <c r="F321" i="21" s="1"/>
  <c r="D321" i="21"/>
  <c r="E320" i="21"/>
  <c r="F320" i="21" s="1"/>
  <c r="D320" i="21"/>
  <c r="E319" i="21"/>
  <c r="F319" i="21" s="1"/>
  <c r="D319" i="21"/>
  <c r="E318" i="21"/>
  <c r="F318" i="21" s="1"/>
  <c r="D318" i="21"/>
  <c r="E317" i="21"/>
  <c r="F317" i="21" s="1"/>
  <c r="D317" i="21"/>
  <c r="E316" i="21"/>
  <c r="F316" i="21" s="1"/>
  <c r="D316" i="21"/>
  <c r="E315" i="21"/>
  <c r="F315" i="21" s="1"/>
  <c r="D315" i="21"/>
  <c r="E314" i="21"/>
  <c r="F314" i="21" s="1"/>
  <c r="D314" i="21"/>
  <c r="E313" i="21"/>
  <c r="F313" i="21" s="1"/>
  <c r="D313" i="21"/>
  <c r="E312" i="21"/>
  <c r="F312" i="21" s="1"/>
  <c r="D312" i="21"/>
  <c r="E311" i="21"/>
  <c r="F311" i="21" s="1"/>
  <c r="D311" i="21"/>
  <c r="E310" i="21"/>
  <c r="F310" i="21" s="1"/>
  <c r="D310" i="21"/>
  <c r="E309" i="21"/>
  <c r="F309" i="21" s="1"/>
  <c r="D309" i="21"/>
  <c r="E308" i="21"/>
  <c r="F308" i="21" s="1"/>
  <c r="D308" i="21"/>
  <c r="E307" i="21"/>
  <c r="F307" i="21" s="1"/>
  <c r="D307" i="21"/>
  <c r="E306" i="21"/>
  <c r="F306" i="21" s="1"/>
  <c r="D306" i="21"/>
  <c r="E305" i="21"/>
  <c r="F305" i="21" s="1"/>
  <c r="D305" i="21"/>
  <c r="E304" i="21"/>
  <c r="F304" i="21" s="1"/>
  <c r="D304" i="21"/>
  <c r="E303" i="21"/>
  <c r="F303" i="21" s="1"/>
  <c r="D303" i="21"/>
  <c r="E302" i="21"/>
  <c r="F302" i="21" s="1"/>
  <c r="D302" i="21"/>
  <c r="E301" i="21"/>
  <c r="F301" i="21" s="1"/>
  <c r="D301" i="21"/>
  <c r="E300" i="21"/>
  <c r="F300" i="21" s="1"/>
  <c r="D300" i="21"/>
  <c r="E299" i="21"/>
  <c r="F299" i="21" s="1"/>
  <c r="D299" i="21"/>
  <c r="E298" i="21"/>
  <c r="F298" i="21" s="1"/>
  <c r="D298" i="21"/>
  <c r="E297" i="21"/>
  <c r="F297" i="21" s="1"/>
  <c r="D297" i="21"/>
  <c r="E296" i="21"/>
  <c r="F296" i="21" s="1"/>
  <c r="D296" i="21"/>
  <c r="E295" i="21"/>
  <c r="F295" i="21" s="1"/>
  <c r="D295" i="21"/>
  <c r="E294" i="21"/>
  <c r="F294" i="21" s="1"/>
  <c r="D294" i="21"/>
  <c r="E293" i="21"/>
  <c r="F293" i="21" s="1"/>
  <c r="D293" i="21"/>
  <c r="E292" i="21"/>
  <c r="F292" i="21" s="1"/>
  <c r="D292" i="21"/>
  <c r="E291" i="21"/>
  <c r="F291" i="21" s="1"/>
  <c r="D291" i="21"/>
  <c r="E290" i="21"/>
  <c r="F290" i="21" s="1"/>
  <c r="D290" i="21"/>
  <c r="E289" i="21"/>
  <c r="F289" i="21" s="1"/>
  <c r="D289" i="21"/>
  <c r="E288" i="21"/>
  <c r="F288" i="21" s="1"/>
  <c r="D288" i="21"/>
  <c r="E287" i="21"/>
  <c r="F287" i="21" s="1"/>
  <c r="D287" i="21"/>
  <c r="E286" i="21"/>
  <c r="F286" i="21" s="1"/>
  <c r="D286" i="21"/>
  <c r="E285" i="21"/>
  <c r="F285" i="21" s="1"/>
  <c r="D285" i="21"/>
  <c r="E284" i="21"/>
  <c r="F284" i="21" s="1"/>
  <c r="D284" i="21"/>
  <c r="E283" i="21"/>
  <c r="F283" i="21" s="1"/>
  <c r="D283" i="21"/>
  <c r="E282" i="21"/>
  <c r="F282" i="21" s="1"/>
  <c r="D282" i="21"/>
  <c r="E281" i="21"/>
  <c r="F281" i="21" s="1"/>
  <c r="D281" i="21"/>
  <c r="E280" i="21"/>
  <c r="F280" i="21" s="1"/>
  <c r="D280" i="21"/>
  <c r="E279" i="21"/>
  <c r="F279" i="21" s="1"/>
  <c r="D279" i="21"/>
  <c r="E278" i="21"/>
  <c r="F278" i="21" s="1"/>
  <c r="D278" i="21"/>
  <c r="E277" i="21"/>
  <c r="F277" i="21" s="1"/>
  <c r="D277" i="21"/>
  <c r="E276" i="21"/>
  <c r="F276" i="21" s="1"/>
  <c r="D276" i="21"/>
  <c r="E275" i="21"/>
  <c r="F275" i="21" s="1"/>
  <c r="D275" i="21"/>
  <c r="E274" i="21"/>
  <c r="F274" i="21" s="1"/>
  <c r="D274" i="21"/>
  <c r="E273" i="21"/>
  <c r="F273" i="21" s="1"/>
  <c r="D273" i="21"/>
  <c r="E272" i="21"/>
  <c r="F272" i="21" s="1"/>
  <c r="D272" i="21"/>
  <c r="E271" i="21"/>
  <c r="F271" i="21" s="1"/>
  <c r="D271" i="21"/>
  <c r="E270" i="21"/>
  <c r="F270" i="21" s="1"/>
  <c r="D270" i="21"/>
  <c r="E269" i="21"/>
  <c r="F269" i="21" s="1"/>
  <c r="D269" i="21"/>
  <c r="E268" i="21"/>
  <c r="F268" i="21" s="1"/>
  <c r="D268" i="21"/>
  <c r="E267" i="21"/>
  <c r="F267" i="21" s="1"/>
  <c r="D267" i="21"/>
  <c r="E266" i="21"/>
  <c r="F266" i="21" s="1"/>
  <c r="D266" i="21"/>
  <c r="E265" i="21"/>
  <c r="F265" i="21" s="1"/>
  <c r="D265" i="21"/>
  <c r="E264" i="21"/>
  <c r="F264" i="21" s="1"/>
  <c r="D264" i="21"/>
  <c r="E263" i="21"/>
  <c r="F263" i="21" s="1"/>
  <c r="D263" i="21"/>
  <c r="E262" i="21"/>
  <c r="F262" i="21" s="1"/>
  <c r="D262" i="21"/>
  <c r="E261" i="21"/>
  <c r="F261" i="21" s="1"/>
  <c r="D261" i="21"/>
  <c r="E260" i="21"/>
  <c r="F260" i="21" s="1"/>
  <c r="D260" i="21"/>
  <c r="E259" i="21"/>
  <c r="F259" i="21" s="1"/>
  <c r="D259" i="21"/>
  <c r="E258" i="21"/>
  <c r="F258" i="21" s="1"/>
  <c r="D258" i="21"/>
  <c r="E257" i="21"/>
  <c r="F257" i="21" s="1"/>
  <c r="D257" i="21"/>
  <c r="E256" i="21"/>
  <c r="F256" i="21" s="1"/>
  <c r="D256" i="21"/>
  <c r="E255" i="21"/>
  <c r="F255" i="21" s="1"/>
  <c r="D255" i="21"/>
  <c r="E254" i="21"/>
  <c r="F254" i="21" s="1"/>
  <c r="D254" i="21"/>
  <c r="E253" i="21"/>
  <c r="F253" i="21" s="1"/>
  <c r="D253" i="21"/>
  <c r="E252" i="21"/>
  <c r="F252" i="21" s="1"/>
  <c r="D252" i="21"/>
  <c r="E251" i="21"/>
  <c r="F251" i="21" s="1"/>
  <c r="D251" i="21"/>
  <c r="E250" i="21"/>
  <c r="F250" i="21" s="1"/>
  <c r="D250" i="21"/>
  <c r="E249" i="21"/>
  <c r="F249" i="21" s="1"/>
  <c r="D249" i="21"/>
  <c r="E248" i="21"/>
  <c r="F248" i="21" s="1"/>
  <c r="D248" i="21"/>
  <c r="E247" i="21"/>
  <c r="F247" i="21" s="1"/>
  <c r="D247" i="21"/>
  <c r="E246" i="21"/>
  <c r="F246" i="21" s="1"/>
  <c r="D246" i="21"/>
  <c r="E245" i="21"/>
  <c r="F245" i="21" s="1"/>
  <c r="D245" i="21"/>
  <c r="E244" i="21"/>
  <c r="F244" i="21" s="1"/>
  <c r="D244" i="21"/>
  <c r="E243" i="21"/>
  <c r="F243" i="21" s="1"/>
  <c r="D243" i="21"/>
  <c r="E242" i="21"/>
  <c r="F242" i="21" s="1"/>
  <c r="D242" i="21"/>
  <c r="E241" i="21"/>
  <c r="F241" i="21" s="1"/>
  <c r="D241" i="21"/>
  <c r="E240" i="21"/>
  <c r="F240" i="21" s="1"/>
  <c r="D240" i="21"/>
  <c r="E239" i="21"/>
  <c r="F239" i="21" s="1"/>
  <c r="D239" i="21"/>
  <c r="E238" i="21"/>
  <c r="F238" i="21" s="1"/>
  <c r="D238" i="21"/>
  <c r="E237" i="21"/>
  <c r="F237" i="21" s="1"/>
  <c r="D237" i="21"/>
  <c r="E236" i="21"/>
  <c r="F236" i="21" s="1"/>
  <c r="D236" i="21"/>
  <c r="E235" i="21"/>
  <c r="F235" i="21" s="1"/>
  <c r="D235" i="21"/>
  <c r="E234" i="21"/>
  <c r="F234" i="21" s="1"/>
  <c r="D234" i="21"/>
  <c r="E233" i="21"/>
  <c r="F233" i="21" s="1"/>
  <c r="D233" i="21"/>
  <c r="E232" i="21"/>
  <c r="F232" i="21" s="1"/>
  <c r="D232" i="21"/>
  <c r="E231" i="21"/>
  <c r="F231" i="21" s="1"/>
  <c r="D231" i="21"/>
  <c r="E230" i="21"/>
  <c r="F230" i="21" s="1"/>
  <c r="D230" i="21"/>
  <c r="E229" i="21"/>
  <c r="F229" i="21" s="1"/>
  <c r="D229" i="21"/>
  <c r="E228" i="21"/>
  <c r="F228" i="21" s="1"/>
  <c r="D228" i="21"/>
  <c r="E227" i="21"/>
  <c r="F227" i="21" s="1"/>
  <c r="D227" i="21"/>
  <c r="E226" i="21"/>
  <c r="F226" i="21" s="1"/>
  <c r="D226" i="21"/>
  <c r="E225" i="21"/>
  <c r="F225" i="21" s="1"/>
  <c r="D225" i="21"/>
  <c r="E224" i="21"/>
  <c r="F224" i="21" s="1"/>
  <c r="D224" i="21"/>
  <c r="E223" i="21"/>
  <c r="F223" i="21" s="1"/>
  <c r="D223" i="21"/>
  <c r="E222" i="21"/>
  <c r="F222" i="21" s="1"/>
  <c r="D222" i="21"/>
  <c r="E221" i="21"/>
  <c r="F221" i="21" s="1"/>
  <c r="D221" i="21"/>
  <c r="E220" i="21"/>
  <c r="F220" i="21" s="1"/>
  <c r="D220" i="21"/>
  <c r="E219" i="21"/>
  <c r="F219" i="21" s="1"/>
  <c r="D219" i="21"/>
  <c r="E218" i="21"/>
  <c r="F218" i="21" s="1"/>
  <c r="D218" i="21"/>
  <c r="E217" i="21"/>
  <c r="F217" i="21" s="1"/>
  <c r="D217" i="21"/>
  <c r="E216" i="21"/>
  <c r="F216" i="21" s="1"/>
  <c r="D216" i="21"/>
  <c r="E215" i="21"/>
  <c r="F215" i="21" s="1"/>
  <c r="D215" i="21"/>
  <c r="E214" i="21"/>
  <c r="F214" i="21" s="1"/>
  <c r="D214" i="21"/>
  <c r="E213" i="21"/>
  <c r="F213" i="21" s="1"/>
  <c r="D213" i="21"/>
  <c r="E212" i="21"/>
  <c r="F212" i="21" s="1"/>
  <c r="D212" i="21"/>
  <c r="E211" i="21"/>
  <c r="F211" i="21" s="1"/>
  <c r="D211" i="21"/>
  <c r="E210" i="21"/>
  <c r="F210" i="21" s="1"/>
  <c r="D210" i="21"/>
  <c r="E209" i="21"/>
  <c r="F209" i="21" s="1"/>
  <c r="D209" i="21"/>
  <c r="E208" i="21"/>
  <c r="F208" i="21" s="1"/>
  <c r="D208" i="21"/>
  <c r="E207" i="21"/>
  <c r="F207" i="21" s="1"/>
  <c r="D207" i="21"/>
  <c r="E206" i="21"/>
  <c r="F206" i="21" s="1"/>
  <c r="D206" i="21"/>
  <c r="E205" i="21"/>
  <c r="F205" i="21" s="1"/>
  <c r="D205" i="21"/>
  <c r="E204" i="21"/>
  <c r="F204" i="21" s="1"/>
  <c r="D204" i="21"/>
  <c r="E203" i="21"/>
  <c r="F203" i="21" s="1"/>
  <c r="D203" i="21"/>
  <c r="E202" i="21"/>
  <c r="F202" i="21" s="1"/>
  <c r="D202" i="21"/>
  <c r="E201" i="21"/>
  <c r="F201" i="21" s="1"/>
  <c r="D201" i="21"/>
  <c r="E200" i="21"/>
  <c r="F200" i="21" s="1"/>
  <c r="D200" i="21"/>
  <c r="E199" i="21"/>
  <c r="F199" i="21" s="1"/>
  <c r="D199" i="21"/>
  <c r="E198" i="21"/>
  <c r="F198" i="21" s="1"/>
  <c r="D198" i="21"/>
  <c r="E197" i="21"/>
  <c r="F197" i="21" s="1"/>
  <c r="D197" i="21"/>
  <c r="E196" i="21"/>
  <c r="F196" i="21" s="1"/>
  <c r="D196" i="21"/>
  <c r="E195" i="21"/>
  <c r="F195" i="21" s="1"/>
  <c r="D195" i="21"/>
  <c r="E194" i="21"/>
  <c r="F194" i="21" s="1"/>
  <c r="D194" i="21"/>
  <c r="E193" i="21"/>
  <c r="F193" i="21" s="1"/>
  <c r="D193" i="21"/>
  <c r="E192" i="21"/>
  <c r="F192" i="21" s="1"/>
  <c r="D192" i="21"/>
  <c r="E191" i="21"/>
  <c r="F191" i="21" s="1"/>
  <c r="D191" i="21"/>
  <c r="E190" i="21"/>
  <c r="F190" i="21" s="1"/>
  <c r="D190" i="21"/>
  <c r="E189" i="21"/>
  <c r="F189" i="21" s="1"/>
  <c r="D189" i="21"/>
  <c r="E188" i="21"/>
  <c r="F188" i="21" s="1"/>
  <c r="D188" i="21"/>
  <c r="E187" i="21"/>
  <c r="F187" i="21" s="1"/>
  <c r="D187" i="21"/>
  <c r="E186" i="21"/>
  <c r="F186" i="21" s="1"/>
  <c r="D186" i="21"/>
  <c r="E185" i="21"/>
  <c r="F185" i="21" s="1"/>
  <c r="D185" i="21"/>
  <c r="E184" i="21"/>
  <c r="F184" i="21" s="1"/>
  <c r="D184" i="21"/>
  <c r="E183" i="21"/>
  <c r="F183" i="21" s="1"/>
  <c r="D183" i="21"/>
  <c r="E182" i="21"/>
  <c r="F182" i="21" s="1"/>
  <c r="D182" i="21"/>
  <c r="E181" i="21"/>
  <c r="F181" i="21" s="1"/>
  <c r="D181" i="21"/>
  <c r="E180" i="21"/>
  <c r="F180" i="21" s="1"/>
  <c r="D180" i="21"/>
  <c r="E179" i="21"/>
  <c r="F179" i="21" s="1"/>
  <c r="D179" i="21"/>
  <c r="E178" i="21"/>
  <c r="F178" i="21" s="1"/>
  <c r="D178" i="21"/>
  <c r="E177" i="21"/>
  <c r="F177" i="21" s="1"/>
  <c r="D177" i="21"/>
  <c r="E176" i="21"/>
  <c r="F176" i="21" s="1"/>
  <c r="D176" i="21"/>
  <c r="E175" i="21"/>
  <c r="F175" i="21" s="1"/>
  <c r="D175" i="21"/>
  <c r="E174" i="21"/>
  <c r="F174" i="21" s="1"/>
  <c r="D174" i="21"/>
  <c r="E173" i="21"/>
  <c r="F173" i="21" s="1"/>
  <c r="D173" i="21"/>
  <c r="E172" i="21"/>
  <c r="F172" i="21" s="1"/>
  <c r="D172" i="21"/>
  <c r="E171" i="21"/>
  <c r="F171" i="21" s="1"/>
  <c r="D171" i="21"/>
  <c r="E170" i="21"/>
  <c r="F170" i="21" s="1"/>
  <c r="D170" i="21"/>
  <c r="E169" i="21"/>
  <c r="F169" i="21" s="1"/>
  <c r="D169" i="21"/>
  <c r="E168" i="21"/>
  <c r="F168" i="21" s="1"/>
  <c r="D168" i="21"/>
  <c r="E167" i="21"/>
  <c r="F167" i="21" s="1"/>
  <c r="D167" i="21"/>
  <c r="E166" i="21"/>
  <c r="F166" i="21" s="1"/>
  <c r="D166" i="21"/>
  <c r="E165" i="21"/>
  <c r="F165" i="21" s="1"/>
  <c r="D165" i="21"/>
  <c r="E164" i="21"/>
  <c r="F164" i="21" s="1"/>
  <c r="D164" i="21"/>
  <c r="E163" i="21"/>
  <c r="F163" i="21" s="1"/>
  <c r="D163" i="21"/>
  <c r="E162" i="21"/>
  <c r="F162" i="21" s="1"/>
  <c r="D162" i="21"/>
  <c r="E161" i="21"/>
  <c r="F161" i="21" s="1"/>
  <c r="D161" i="21"/>
  <c r="E160" i="21"/>
  <c r="F160" i="21" s="1"/>
  <c r="D160" i="21"/>
  <c r="E159" i="21"/>
  <c r="F159" i="21" s="1"/>
  <c r="D159" i="21"/>
  <c r="E158" i="21"/>
  <c r="F158" i="21" s="1"/>
  <c r="D158" i="21"/>
  <c r="E157" i="21"/>
  <c r="F157" i="21" s="1"/>
  <c r="D157" i="21"/>
  <c r="E156" i="21"/>
  <c r="F156" i="21" s="1"/>
  <c r="D156" i="21"/>
  <c r="E155" i="21"/>
  <c r="F155" i="21" s="1"/>
  <c r="D155" i="21"/>
  <c r="E154" i="21"/>
  <c r="F154" i="21" s="1"/>
  <c r="D154" i="21"/>
  <c r="E153" i="21"/>
  <c r="F153" i="21" s="1"/>
  <c r="D153" i="21"/>
  <c r="E152" i="21"/>
  <c r="F152" i="21" s="1"/>
  <c r="D152" i="21"/>
  <c r="E151" i="21"/>
  <c r="F151" i="21" s="1"/>
  <c r="D151" i="21"/>
  <c r="E150" i="21"/>
  <c r="F150" i="21" s="1"/>
  <c r="D150" i="21"/>
  <c r="E149" i="21"/>
  <c r="F149" i="21" s="1"/>
  <c r="D149" i="21"/>
  <c r="E148" i="21"/>
  <c r="F148" i="21" s="1"/>
  <c r="D148" i="21"/>
  <c r="E147" i="21"/>
  <c r="F147" i="21" s="1"/>
  <c r="D147" i="21"/>
  <c r="E146" i="21"/>
  <c r="F146" i="21" s="1"/>
  <c r="D146" i="21"/>
  <c r="E145" i="21"/>
  <c r="F145" i="21" s="1"/>
  <c r="D145" i="21"/>
  <c r="E144" i="21"/>
  <c r="F144" i="21" s="1"/>
  <c r="D144" i="21"/>
  <c r="E143" i="21"/>
  <c r="F143" i="21" s="1"/>
  <c r="D143" i="21"/>
  <c r="E142" i="21"/>
  <c r="F142" i="21" s="1"/>
  <c r="D142" i="21"/>
  <c r="E141" i="21"/>
  <c r="F141" i="21" s="1"/>
  <c r="D141" i="21"/>
  <c r="E140" i="21"/>
  <c r="F140" i="21" s="1"/>
  <c r="D140" i="21"/>
  <c r="E139" i="21"/>
  <c r="F139" i="21" s="1"/>
  <c r="D139" i="21"/>
  <c r="E138" i="21"/>
  <c r="F138" i="21" s="1"/>
  <c r="D138" i="21"/>
  <c r="E137" i="21"/>
  <c r="F137" i="21" s="1"/>
  <c r="D137" i="21"/>
  <c r="E136" i="21"/>
  <c r="F136" i="21" s="1"/>
  <c r="D136" i="21"/>
  <c r="E135" i="21"/>
  <c r="F135" i="21" s="1"/>
  <c r="D135" i="21"/>
  <c r="E134" i="21"/>
  <c r="F134" i="21" s="1"/>
  <c r="D134" i="21"/>
  <c r="E133" i="21"/>
  <c r="F133" i="21" s="1"/>
  <c r="D133" i="21"/>
  <c r="E132" i="21"/>
  <c r="F132" i="21" s="1"/>
  <c r="D132" i="21"/>
  <c r="E131" i="21"/>
  <c r="F131" i="21" s="1"/>
  <c r="D131" i="21"/>
  <c r="E130" i="21"/>
  <c r="F130" i="21" s="1"/>
  <c r="D130" i="21"/>
  <c r="E129" i="21"/>
  <c r="F129" i="21" s="1"/>
  <c r="D129" i="21"/>
  <c r="E128" i="21"/>
  <c r="F128" i="21" s="1"/>
  <c r="D128" i="21"/>
  <c r="E127" i="21"/>
  <c r="F127" i="21" s="1"/>
  <c r="D127" i="21"/>
  <c r="E126" i="21"/>
  <c r="F126" i="21" s="1"/>
  <c r="D126" i="21"/>
  <c r="E125" i="21"/>
  <c r="F125" i="21" s="1"/>
  <c r="D125" i="21"/>
  <c r="E124" i="21"/>
  <c r="F124" i="21" s="1"/>
  <c r="D124" i="21"/>
  <c r="E123" i="21"/>
  <c r="F123" i="21" s="1"/>
  <c r="D123" i="21"/>
  <c r="E122" i="21"/>
  <c r="F122" i="21" s="1"/>
  <c r="D122" i="21"/>
  <c r="E121" i="21"/>
  <c r="F121" i="21" s="1"/>
  <c r="D121" i="21"/>
  <c r="E120" i="21"/>
  <c r="F120" i="21" s="1"/>
  <c r="D120" i="21"/>
  <c r="E119" i="21"/>
  <c r="F119" i="21" s="1"/>
  <c r="D119" i="21"/>
  <c r="E118" i="21"/>
  <c r="F118" i="21" s="1"/>
  <c r="D118" i="21"/>
  <c r="E117" i="21"/>
  <c r="F117" i="21" s="1"/>
  <c r="D117" i="21"/>
  <c r="E116" i="21"/>
  <c r="F116" i="21" s="1"/>
  <c r="D116" i="21"/>
  <c r="E115" i="21"/>
  <c r="F115" i="21" s="1"/>
  <c r="D115" i="21"/>
  <c r="E114" i="21"/>
  <c r="F114" i="21" s="1"/>
  <c r="D114" i="21"/>
  <c r="E113" i="21"/>
  <c r="F113" i="21" s="1"/>
  <c r="D113" i="21"/>
  <c r="E112" i="21"/>
  <c r="F112" i="21" s="1"/>
  <c r="D112" i="21"/>
  <c r="E111" i="21"/>
  <c r="F111" i="21" s="1"/>
  <c r="D111" i="21"/>
  <c r="E110" i="21"/>
  <c r="F110" i="21" s="1"/>
  <c r="D110" i="21"/>
  <c r="E109" i="21"/>
  <c r="F109" i="21" s="1"/>
  <c r="D109" i="21"/>
  <c r="E108" i="21"/>
  <c r="F108" i="21" s="1"/>
  <c r="D108" i="21"/>
  <c r="E107" i="21"/>
  <c r="F107" i="21" s="1"/>
  <c r="D107" i="21"/>
  <c r="E106" i="21"/>
  <c r="F106" i="21" s="1"/>
  <c r="D106" i="21"/>
  <c r="E105" i="21"/>
  <c r="F105" i="21" s="1"/>
  <c r="D105" i="21"/>
  <c r="E104" i="21"/>
  <c r="F104" i="21" s="1"/>
  <c r="D104" i="21"/>
  <c r="E103" i="21"/>
  <c r="F103" i="21" s="1"/>
  <c r="D103" i="21"/>
  <c r="E102" i="21"/>
  <c r="F102" i="21" s="1"/>
  <c r="D102" i="21"/>
  <c r="E101" i="21"/>
  <c r="F101" i="21" s="1"/>
  <c r="D101" i="21"/>
  <c r="E100" i="21"/>
  <c r="F100" i="21" s="1"/>
  <c r="D100" i="21"/>
  <c r="E99" i="21"/>
  <c r="F99" i="21" s="1"/>
  <c r="D99" i="21"/>
  <c r="E98" i="21"/>
  <c r="F98" i="21" s="1"/>
  <c r="D98" i="21"/>
  <c r="E97" i="21"/>
  <c r="F97" i="21" s="1"/>
  <c r="D97" i="21"/>
  <c r="E96" i="21"/>
  <c r="F96" i="21" s="1"/>
  <c r="D96" i="21"/>
  <c r="E95" i="21"/>
  <c r="F95" i="21" s="1"/>
  <c r="D95" i="21"/>
  <c r="E94" i="21"/>
  <c r="F94" i="21" s="1"/>
  <c r="D94" i="21"/>
  <c r="E93" i="21"/>
  <c r="F93" i="21" s="1"/>
  <c r="D93" i="21"/>
  <c r="E92" i="21"/>
  <c r="F92" i="21" s="1"/>
  <c r="D92" i="21"/>
  <c r="E91" i="21"/>
  <c r="F91" i="21" s="1"/>
  <c r="D91" i="21"/>
  <c r="E90" i="21"/>
  <c r="F90" i="21" s="1"/>
  <c r="D90" i="21"/>
  <c r="E89" i="21"/>
  <c r="F89" i="21" s="1"/>
  <c r="D89" i="21"/>
  <c r="E88" i="21"/>
  <c r="F88" i="21" s="1"/>
  <c r="D88" i="21"/>
  <c r="E87" i="21"/>
  <c r="F87" i="21" s="1"/>
  <c r="D87" i="21"/>
  <c r="E86" i="21"/>
  <c r="F86" i="21" s="1"/>
  <c r="D86" i="21"/>
  <c r="E85" i="21"/>
  <c r="F85" i="21" s="1"/>
  <c r="D85" i="21"/>
  <c r="E84" i="21"/>
  <c r="F84" i="21" s="1"/>
  <c r="D84" i="21"/>
  <c r="E83" i="21"/>
  <c r="F83" i="21" s="1"/>
  <c r="D83" i="21"/>
  <c r="E82" i="21"/>
  <c r="F82" i="21" s="1"/>
  <c r="D82" i="21"/>
  <c r="E81" i="21"/>
  <c r="F81" i="21" s="1"/>
  <c r="D81" i="21"/>
  <c r="E80" i="21"/>
  <c r="F80" i="21" s="1"/>
  <c r="D80" i="21"/>
  <c r="E79" i="21"/>
  <c r="F79" i="21" s="1"/>
  <c r="D79" i="21"/>
  <c r="E78" i="21"/>
  <c r="F78" i="21" s="1"/>
  <c r="D78" i="21"/>
  <c r="E77" i="21"/>
  <c r="F77" i="21" s="1"/>
  <c r="D77" i="21"/>
  <c r="E76" i="21"/>
  <c r="F76" i="21" s="1"/>
  <c r="D76" i="21"/>
  <c r="E75" i="21"/>
  <c r="F75" i="21" s="1"/>
  <c r="D75" i="21"/>
  <c r="E74" i="21"/>
  <c r="F74" i="21" s="1"/>
  <c r="D74" i="21"/>
  <c r="E73" i="21"/>
  <c r="F73" i="21" s="1"/>
  <c r="D73" i="21"/>
  <c r="E72" i="21"/>
  <c r="F72" i="21" s="1"/>
  <c r="D72" i="21"/>
  <c r="E71" i="21"/>
  <c r="F71" i="21" s="1"/>
  <c r="D71" i="21"/>
  <c r="E70" i="21"/>
  <c r="F70" i="21" s="1"/>
  <c r="D70" i="21"/>
  <c r="E69" i="21"/>
  <c r="F69" i="21" s="1"/>
  <c r="D69" i="21"/>
  <c r="E68" i="21"/>
  <c r="F68" i="21" s="1"/>
  <c r="D68" i="21"/>
  <c r="E67" i="21"/>
  <c r="F67" i="21" s="1"/>
  <c r="D67" i="21"/>
  <c r="E66" i="21"/>
  <c r="F66" i="21" s="1"/>
  <c r="D66" i="21"/>
  <c r="E65" i="21"/>
  <c r="F65" i="21" s="1"/>
  <c r="D65" i="21"/>
  <c r="E64" i="21"/>
  <c r="F64" i="21" s="1"/>
  <c r="D64" i="21"/>
  <c r="E63" i="21"/>
  <c r="F63" i="21" s="1"/>
  <c r="D63" i="21"/>
  <c r="E62" i="21"/>
  <c r="F62" i="21" s="1"/>
  <c r="D62" i="21"/>
  <c r="E61" i="21"/>
  <c r="F61" i="21" s="1"/>
  <c r="D61" i="21"/>
  <c r="E60" i="21"/>
  <c r="F60" i="21" s="1"/>
  <c r="D60" i="21"/>
  <c r="E59" i="21"/>
  <c r="F59" i="21" s="1"/>
  <c r="D59" i="21"/>
  <c r="E58" i="21"/>
  <c r="F58" i="21" s="1"/>
  <c r="D58" i="21"/>
  <c r="E57" i="21"/>
  <c r="F57" i="21" s="1"/>
  <c r="D57" i="21"/>
  <c r="E56" i="21"/>
  <c r="F56" i="21" s="1"/>
  <c r="D56" i="21"/>
  <c r="E55" i="21"/>
  <c r="F55" i="21" s="1"/>
  <c r="D55" i="21"/>
  <c r="E54" i="21"/>
  <c r="F54" i="21" s="1"/>
  <c r="D54" i="21"/>
  <c r="E53" i="21"/>
  <c r="F53" i="21" s="1"/>
  <c r="D53" i="21"/>
  <c r="E52" i="21"/>
  <c r="F52" i="21" s="1"/>
  <c r="D52" i="21"/>
  <c r="E51" i="21"/>
  <c r="F51" i="21" s="1"/>
  <c r="D51" i="21"/>
  <c r="E50" i="21"/>
  <c r="F50" i="21" s="1"/>
  <c r="D50" i="21"/>
  <c r="E49" i="21"/>
  <c r="F49" i="21" s="1"/>
  <c r="D49" i="21"/>
  <c r="E48" i="21"/>
  <c r="F48" i="21" s="1"/>
  <c r="D48" i="21"/>
  <c r="E47" i="21"/>
  <c r="F47" i="21" s="1"/>
  <c r="D47" i="21"/>
  <c r="E46" i="21"/>
  <c r="F46" i="21" s="1"/>
  <c r="D46" i="21"/>
  <c r="E45" i="21"/>
  <c r="F45" i="21" s="1"/>
  <c r="D45" i="21"/>
  <c r="E44" i="21"/>
  <c r="F44" i="21" s="1"/>
  <c r="D44" i="21"/>
  <c r="E43" i="21"/>
  <c r="F43" i="21" s="1"/>
  <c r="D43" i="21"/>
  <c r="E42" i="21"/>
  <c r="F42" i="21" s="1"/>
  <c r="D42" i="21"/>
  <c r="E41" i="21"/>
  <c r="F41" i="21" s="1"/>
  <c r="D41" i="21"/>
  <c r="E40" i="21"/>
  <c r="F40" i="21" s="1"/>
  <c r="D40" i="21"/>
  <c r="E39" i="21"/>
  <c r="F39" i="21" s="1"/>
  <c r="D39" i="21"/>
  <c r="E38" i="21"/>
  <c r="F38" i="21" s="1"/>
  <c r="D38" i="21"/>
  <c r="E37" i="21"/>
  <c r="F37" i="21" s="1"/>
  <c r="D37" i="21"/>
  <c r="E36" i="21"/>
  <c r="F36" i="21" s="1"/>
  <c r="D36" i="21"/>
  <c r="E35" i="21"/>
  <c r="F35" i="21" s="1"/>
  <c r="D35" i="21"/>
  <c r="E34" i="21"/>
  <c r="F34" i="21" s="1"/>
  <c r="D34" i="21"/>
  <c r="E33" i="21"/>
  <c r="F33" i="21" s="1"/>
  <c r="D33" i="21"/>
  <c r="E32" i="21"/>
  <c r="F32" i="21" s="1"/>
  <c r="D32" i="21"/>
  <c r="E31" i="21"/>
  <c r="F31" i="21" s="1"/>
  <c r="D31" i="21"/>
  <c r="E30" i="21"/>
  <c r="F30" i="21" s="1"/>
  <c r="D30" i="21"/>
  <c r="E29" i="21"/>
  <c r="F29" i="21" s="1"/>
  <c r="D29" i="21"/>
  <c r="E28" i="21"/>
  <c r="F28" i="21" s="1"/>
  <c r="D28" i="21"/>
  <c r="E27" i="21"/>
  <c r="F27" i="21" s="1"/>
  <c r="D27" i="21"/>
  <c r="E26" i="21"/>
  <c r="F26" i="21" s="1"/>
  <c r="D26" i="21"/>
  <c r="E25" i="21"/>
  <c r="F25" i="21" s="1"/>
  <c r="D25" i="21"/>
  <c r="E24" i="21"/>
  <c r="F24" i="21" s="1"/>
  <c r="D24" i="21"/>
  <c r="E23" i="21"/>
  <c r="F23" i="21" s="1"/>
  <c r="D23" i="21"/>
  <c r="E22" i="21"/>
  <c r="F22" i="21" s="1"/>
  <c r="D22" i="21"/>
  <c r="E21" i="21"/>
  <c r="F21" i="21" s="1"/>
  <c r="D21" i="21"/>
  <c r="E20" i="21"/>
  <c r="F20" i="21" s="1"/>
  <c r="D20" i="21"/>
  <c r="E19" i="21"/>
  <c r="F19" i="21" s="1"/>
  <c r="D19" i="21"/>
  <c r="E18" i="21"/>
  <c r="F18" i="21" s="1"/>
  <c r="D18" i="21"/>
  <c r="E17" i="21"/>
  <c r="F17" i="21" s="1"/>
  <c r="D17" i="21"/>
  <c r="E16" i="21"/>
  <c r="F16" i="21" s="1"/>
  <c r="D16" i="21"/>
  <c r="E15" i="21"/>
  <c r="F15" i="21" s="1"/>
  <c r="D15" i="21"/>
  <c r="E14" i="21"/>
  <c r="F14" i="21" s="1"/>
  <c r="D14" i="21"/>
  <c r="E13" i="21"/>
  <c r="F13" i="21" s="1"/>
  <c r="D13" i="21"/>
  <c r="E12" i="21"/>
  <c r="F12" i="21" s="1"/>
  <c r="D12" i="21"/>
  <c r="E11" i="21"/>
  <c r="F11" i="21" s="1"/>
  <c r="D11" i="21"/>
  <c r="E10" i="21"/>
  <c r="F10" i="21" s="1"/>
  <c r="D10" i="21"/>
  <c r="E9" i="21"/>
  <c r="F9" i="21" s="1"/>
  <c r="D9" i="21"/>
  <c r="E8" i="21"/>
  <c r="F8" i="21" s="1"/>
  <c r="D8" i="21"/>
  <c r="E7" i="21"/>
  <c r="F7" i="21" s="1"/>
  <c r="D7" i="21"/>
  <c r="E6" i="21"/>
  <c r="F6" i="21" s="1"/>
  <c r="D6" i="21"/>
  <c r="E5" i="21"/>
  <c r="F5" i="21" s="1"/>
  <c r="D5" i="21"/>
  <c r="E4" i="21"/>
  <c r="F4" i="21" s="1"/>
  <c r="D4" i="21"/>
  <c r="E3" i="21"/>
  <c r="F3" i="21" s="1"/>
  <c r="D3" i="21"/>
  <c r="E2" i="21"/>
  <c r="D2" i="21"/>
  <c r="F386" i="18"/>
  <c r="F382" i="18"/>
  <c r="F380" i="18"/>
  <c r="F376" i="18"/>
  <c r="F374" i="18"/>
  <c r="F370" i="18"/>
  <c r="F368" i="18"/>
  <c r="F364" i="18"/>
  <c r="F362" i="18"/>
  <c r="F358" i="18"/>
  <c r="F356" i="18"/>
  <c r="F352" i="18"/>
  <c r="F350" i="18"/>
  <c r="F346" i="18"/>
  <c r="F344" i="18"/>
  <c r="F341" i="18"/>
  <c r="F340" i="18"/>
  <c r="F338" i="18"/>
  <c r="F335" i="18"/>
  <c r="F334" i="18"/>
  <c r="F332" i="18"/>
  <c r="F329" i="18"/>
  <c r="F328" i="18"/>
  <c r="F326" i="18"/>
  <c r="F323" i="18"/>
  <c r="F322" i="18"/>
  <c r="F320" i="18"/>
  <c r="F317" i="18"/>
  <c r="F316" i="18"/>
  <c r="F314" i="18"/>
  <c r="F311" i="18"/>
  <c r="F310" i="18"/>
  <c r="F308" i="18"/>
  <c r="F305" i="18"/>
  <c r="F304" i="18"/>
  <c r="F302" i="18"/>
  <c r="F299" i="18"/>
  <c r="F298" i="18"/>
  <c r="F296" i="18"/>
  <c r="F293" i="18"/>
  <c r="F292" i="18"/>
  <c r="F290" i="18"/>
  <c r="F287" i="18"/>
  <c r="F286" i="18"/>
  <c r="F284" i="18"/>
  <c r="F281" i="18"/>
  <c r="F280" i="18"/>
  <c r="F278" i="18"/>
  <c r="F274" i="18"/>
  <c r="F272" i="18"/>
  <c r="F269" i="18"/>
  <c r="F268" i="18"/>
  <c r="F266" i="18"/>
  <c r="F263" i="18"/>
  <c r="F262" i="18"/>
  <c r="F260" i="18"/>
  <c r="F257" i="18"/>
  <c r="F256" i="18"/>
  <c r="F254" i="18"/>
  <c r="F251" i="18"/>
  <c r="F250" i="18"/>
  <c r="F248" i="18"/>
  <c r="F245" i="18"/>
  <c r="F244" i="18"/>
  <c r="F242" i="18"/>
  <c r="F239" i="18"/>
  <c r="F238" i="18"/>
  <c r="F236" i="18"/>
  <c r="F233" i="18"/>
  <c r="F232" i="18"/>
  <c r="F230" i="18"/>
  <c r="F227" i="18"/>
  <c r="F226" i="18"/>
  <c r="F224" i="18"/>
  <c r="F221" i="18"/>
  <c r="F220" i="18"/>
  <c r="F218" i="18"/>
  <c r="F215" i="18"/>
  <c r="F214" i="18"/>
  <c r="F212" i="18"/>
  <c r="F209" i="18"/>
  <c r="F208" i="18"/>
  <c r="F206" i="18"/>
  <c r="F203" i="18"/>
  <c r="F202" i="18"/>
  <c r="F200" i="18"/>
  <c r="F197" i="18"/>
  <c r="F196" i="18"/>
  <c r="F194" i="18"/>
  <c r="F191" i="18"/>
  <c r="F190" i="18"/>
  <c r="F188" i="18"/>
  <c r="F185" i="18"/>
  <c r="F184" i="18"/>
  <c r="F182" i="18"/>
  <c r="F179" i="18"/>
  <c r="F178" i="18"/>
  <c r="F176" i="18"/>
  <c r="F173" i="18"/>
  <c r="F172" i="18"/>
  <c r="F170" i="18"/>
  <c r="F167" i="18"/>
  <c r="F166" i="18"/>
  <c r="F164" i="18"/>
  <c r="F161" i="18"/>
  <c r="F160" i="18"/>
  <c r="F158" i="18"/>
  <c r="F155" i="18"/>
  <c r="F154" i="18"/>
  <c r="F152" i="18"/>
  <c r="F149" i="18"/>
  <c r="F148" i="18"/>
  <c r="F146" i="18"/>
  <c r="F143" i="18"/>
  <c r="F142" i="18"/>
  <c r="F140" i="18"/>
  <c r="F137" i="18"/>
  <c r="F136" i="18"/>
  <c r="F134" i="18"/>
  <c r="F131" i="18"/>
  <c r="F130" i="18"/>
  <c r="F128" i="18"/>
  <c r="F125" i="18"/>
  <c r="F124" i="18"/>
  <c r="F122" i="18"/>
  <c r="F119" i="18"/>
  <c r="F118" i="18"/>
  <c r="F116" i="18"/>
  <c r="F113" i="18"/>
  <c r="F112" i="18"/>
  <c r="F110" i="18"/>
  <c r="F107" i="18"/>
  <c r="F106" i="18"/>
  <c r="F104" i="18"/>
  <c r="F101" i="18"/>
  <c r="F100" i="18"/>
  <c r="F98" i="18"/>
  <c r="F95" i="18"/>
  <c r="F94" i="18"/>
  <c r="F92" i="18"/>
  <c r="F89" i="18"/>
  <c r="F88" i="18"/>
  <c r="F86" i="18"/>
  <c r="F82" i="18"/>
  <c r="F80" i="18"/>
  <c r="F77" i="18"/>
  <c r="F76" i="18"/>
  <c r="F74" i="18"/>
  <c r="F71" i="18"/>
  <c r="F68" i="18"/>
  <c r="F65" i="18"/>
  <c r="F64" i="18"/>
  <c r="F62" i="18"/>
  <c r="F59" i="18"/>
  <c r="F58" i="18"/>
  <c r="F56" i="18"/>
  <c r="F53" i="18"/>
  <c r="F52" i="18"/>
  <c r="F50" i="18"/>
  <c r="F47" i="18"/>
  <c r="F46" i="18"/>
  <c r="F44" i="18"/>
  <c r="F41" i="18"/>
  <c r="F40" i="18"/>
  <c r="F38" i="18"/>
  <c r="F35" i="18"/>
  <c r="F34" i="18"/>
  <c r="F32" i="18"/>
  <c r="F29" i="18"/>
  <c r="F28" i="18"/>
  <c r="F26" i="18"/>
  <c r="F23" i="18"/>
  <c r="F22" i="18"/>
  <c r="F20" i="18"/>
  <c r="F17" i="18"/>
  <c r="F16" i="18"/>
  <c r="F14" i="18"/>
  <c r="F11" i="18"/>
  <c r="F10" i="18"/>
  <c r="F8" i="18"/>
  <c r="F5" i="18"/>
  <c r="F4" i="18"/>
  <c r="E409" i="16"/>
  <c r="D409" i="16"/>
  <c r="E408" i="16"/>
  <c r="D408" i="16"/>
  <c r="E407" i="16"/>
  <c r="D407" i="16"/>
  <c r="E406" i="16"/>
  <c r="D406" i="16"/>
  <c r="E405" i="16"/>
  <c r="D405" i="16"/>
  <c r="E404" i="16"/>
  <c r="D404" i="16"/>
  <c r="E403" i="16"/>
  <c r="D403" i="16"/>
  <c r="E402" i="16"/>
  <c r="D402" i="16"/>
  <c r="E401" i="16"/>
  <c r="D401" i="16"/>
  <c r="E400" i="16"/>
  <c r="D400" i="16"/>
  <c r="E399" i="16"/>
  <c r="D399" i="16"/>
  <c r="E398" i="16"/>
  <c r="D398" i="16"/>
  <c r="E397" i="16"/>
  <c r="D397" i="16"/>
  <c r="E396" i="16"/>
  <c r="D396" i="16"/>
  <c r="E395" i="16"/>
  <c r="D395" i="16"/>
  <c r="E394" i="16"/>
  <c r="D394" i="16"/>
  <c r="E393" i="16"/>
  <c r="D393" i="16"/>
  <c r="E392" i="16"/>
  <c r="D392" i="16"/>
  <c r="E391" i="16"/>
  <c r="D391" i="16"/>
  <c r="E390" i="16"/>
  <c r="D390" i="16"/>
  <c r="E389" i="16"/>
  <c r="D389" i="16"/>
  <c r="E388" i="16"/>
  <c r="D388" i="16"/>
  <c r="E387" i="16"/>
  <c r="D387" i="16"/>
  <c r="E386" i="16"/>
  <c r="D386" i="16"/>
  <c r="E385" i="16"/>
  <c r="D385" i="16"/>
  <c r="E384" i="16"/>
  <c r="D384" i="16"/>
  <c r="E383" i="16"/>
  <c r="D383" i="16"/>
  <c r="E382" i="16"/>
  <c r="D382" i="16"/>
  <c r="E381" i="16"/>
  <c r="D381" i="16"/>
  <c r="E380" i="16"/>
  <c r="D380" i="16"/>
  <c r="E379" i="16"/>
  <c r="D379" i="16"/>
  <c r="E378" i="16"/>
  <c r="D378" i="16"/>
  <c r="E377" i="16"/>
  <c r="D377" i="16"/>
  <c r="E376" i="16"/>
  <c r="D376" i="16"/>
  <c r="E375" i="16"/>
  <c r="D375" i="16"/>
  <c r="E374" i="16"/>
  <c r="D374" i="16"/>
  <c r="E373" i="16"/>
  <c r="D373" i="16"/>
  <c r="E372" i="16"/>
  <c r="D372" i="16"/>
  <c r="E371" i="16"/>
  <c r="D371" i="16"/>
  <c r="E370" i="16"/>
  <c r="D370" i="16"/>
  <c r="E369" i="16"/>
  <c r="D369" i="16"/>
  <c r="E368" i="16"/>
  <c r="D368" i="16"/>
  <c r="E367" i="16"/>
  <c r="D367" i="16"/>
  <c r="E366" i="16"/>
  <c r="D366" i="16"/>
  <c r="E365" i="16"/>
  <c r="D365" i="16"/>
  <c r="E364" i="16"/>
  <c r="D364" i="16"/>
  <c r="E363" i="16"/>
  <c r="D363" i="16"/>
  <c r="E362" i="16"/>
  <c r="D362" i="16"/>
  <c r="E361" i="16"/>
  <c r="D361" i="16"/>
  <c r="E360" i="16"/>
  <c r="D360" i="16"/>
  <c r="E359" i="16"/>
  <c r="D359" i="16"/>
  <c r="E358" i="16"/>
  <c r="D358" i="16"/>
  <c r="E357" i="16"/>
  <c r="D357" i="16"/>
  <c r="E356" i="16"/>
  <c r="D356" i="16"/>
  <c r="E355" i="16"/>
  <c r="D355" i="16"/>
  <c r="E354" i="16"/>
  <c r="D354" i="16"/>
  <c r="E353" i="16"/>
  <c r="D353" i="16"/>
  <c r="E352" i="16"/>
  <c r="D352" i="16"/>
  <c r="E351" i="16"/>
  <c r="D351" i="16"/>
  <c r="E350" i="16"/>
  <c r="D350" i="16"/>
  <c r="E349" i="16"/>
  <c r="D349" i="16"/>
  <c r="E348" i="16"/>
  <c r="D348" i="16"/>
  <c r="E347" i="16"/>
  <c r="D347" i="16"/>
  <c r="E346" i="16"/>
  <c r="D346" i="16"/>
  <c r="E345" i="16"/>
  <c r="D345" i="16"/>
  <c r="E344" i="16"/>
  <c r="D344" i="16"/>
  <c r="E343" i="16"/>
  <c r="D343" i="16"/>
  <c r="E342" i="16"/>
  <c r="D342" i="16"/>
  <c r="E341" i="16"/>
  <c r="D341" i="16"/>
  <c r="E340" i="16"/>
  <c r="D340" i="16"/>
  <c r="E339" i="16"/>
  <c r="D339" i="16"/>
  <c r="E338" i="16"/>
  <c r="D338" i="16"/>
  <c r="E337" i="16"/>
  <c r="D337" i="16"/>
  <c r="E336" i="16"/>
  <c r="D336" i="16"/>
  <c r="E335" i="16"/>
  <c r="D335" i="16"/>
  <c r="E334" i="16"/>
  <c r="D334" i="16"/>
  <c r="E333" i="16"/>
  <c r="D333" i="16"/>
  <c r="E332" i="16"/>
  <c r="D332" i="16"/>
  <c r="E331" i="16"/>
  <c r="D331" i="16"/>
  <c r="E330" i="16"/>
  <c r="D330" i="16"/>
  <c r="E329" i="16"/>
  <c r="D329" i="16"/>
  <c r="E328" i="16"/>
  <c r="D328" i="16"/>
  <c r="E327" i="16"/>
  <c r="D327" i="16"/>
  <c r="E326" i="16"/>
  <c r="D326" i="16"/>
  <c r="E325" i="16"/>
  <c r="D325" i="16"/>
  <c r="E324" i="16"/>
  <c r="D324" i="16"/>
  <c r="E323" i="16"/>
  <c r="D323" i="16"/>
  <c r="E322" i="16"/>
  <c r="D322" i="16"/>
  <c r="E321" i="16"/>
  <c r="D321" i="16"/>
  <c r="E320" i="16"/>
  <c r="D320" i="16"/>
  <c r="E319" i="16"/>
  <c r="D319" i="16"/>
  <c r="E318" i="16"/>
  <c r="D318" i="16"/>
  <c r="E317" i="16"/>
  <c r="D317" i="16"/>
  <c r="E316" i="16"/>
  <c r="D316" i="16"/>
  <c r="E315" i="16"/>
  <c r="D315" i="16"/>
  <c r="E314" i="16"/>
  <c r="D314" i="16"/>
  <c r="E313" i="16"/>
  <c r="D313" i="16"/>
  <c r="E312" i="16"/>
  <c r="D312" i="16"/>
  <c r="E311" i="16"/>
  <c r="D311" i="16"/>
  <c r="E310" i="16"/>
  <c r="D310" i="16"/>
  <c r="E309" i="16"/>
  <c r="D309" i="16"/>
  <c r="E308" i="16"/>
  <c r="D308" i="16"/>
  <c r="E307" i="16"/>
  <c r="D307" i="16"/>
  <c r="E306" i="16"/>
  <c r="D306" i="16"/>
  <c r="E305" i="16"/>
  <c r="D305" i="16"/>
  <c r="E304" i="16"/>
  <c r="D304" i="16"/>
  <c r="E303" i="16"/>
  <c r="D303" i="16"/>
  <c r="E302" i="16"/>
  <c r="D302" i="16"/>
  <c r="E301" i="16"/>
  <c r="D301" i="16"/>
  <c r="E300" i="16"/>
  <c r="D300" i="16"/>
  <c r="E299" i="16"/>
  <c r="D299" i="16"/>
  <c r="E298" i="16"/>
  <c r="D298" i="16"/>
  <c r="E297" i="16"/>
  <c r="D297" i="16"/>
  <c r="E296" i="16"/>
  <c r="D296" i="16"/>
  <c r="E295" i="16"/>
  <c r="D295" i="16"/>
  <c r="E294" i="16"/>
  <c r="D294" i="16"/>
  <c r="E293" i="16"/>
  <c r="D293" i="16"/>
  <c r="E292" i="16"/>
  <c r="D292" i="16"/>
  <c r="E291" i="16"/>
  <c r="D291" i="16"/>
  <c r="E290" i="16"/>
  <c r="D290" i="16"/>
  <c r="E289" i="16"/>
  <c r="D289" i="16"/>
  <c r="E288" i="16"/>
  <c r="D288" i="16"/>
  <c r="E287" i="16"/>
  <c r="D287" i="16"/>
  <c r="E286" i="16"/>
  <c r="D286" i="16"/>
  <c r="E285" i="16"/>
  <c r="D285" i="16"/>
  <c r="E284" i="16"/>
  <c r="D284" i="16"/>
  <c r="E283" i="16"/>
  <c r="D283" i="16"/>
  <c r="E282" i="16"/>
  <c r="D282" i="16"/>
  <c r="E281" i="16"/>
  <c r="D281" i="16"/>
  <c r="E280" i="16"/>
  <c r="D280" i="16"/>
  <c r="E279" i="16"/>
  <c r="D279" i="16"/>
  <c r="E278" i="16"/>
  <c r="D278" i="16"/>
  <c r="E277" i="16"/>
  <c r="D277" i="16"/>
  <c r="E276" i="16"/>
  <c r="D276" i="16"/>
  <c r="E275" i="16"/>
  <c r="D275" i="16"/>
  <c r="E274" i="16"/>
  <c r="D274" i="16"/>
  <c r="E273" i="16"/>
  <c r="D273" i="16"/>
  <c r="E272" i="16"/>
  <c r="D272" i="16"/>
  <c r="E271" i="16"/>
  <c r="D271" i="16"/>
  <c r="E270" i="16"/>
  <c r="D270" i="16"/>
  <c r="E269" i="16"/>
  <c r="D269" i="16"/>
  <c r="E268" i="16"/>
  <c r="D268" i="16"/>
  <c r="E267" i="16"/>
  <c r="D267" i="16"/>
  <c r="E266" i="16"/>
  <c r="D266" i="16"/>
  <c r="E265" i="16"/>
  <c r="D265" i="16"/>
  <c r="E264" i="16"/>
  <c r="D264" i="16"/>
  <c r="E263" i="16"/>
  <c r="D263" i="16"/>
  <c r="E262" i="16"/>
  <c r="D262" i="16"/>
  <c r="E261" i="16"/>
  <c r="D261" i="16"/>
  <c r="E260" i="16"/>
  <c r="D260" i="16"/>
  <c r="E259" i="16"/>
  <c r="D259" i="16"/>
  <c r="E258" i="16"/>
  <c r="D258" i="16"/>
  <c r="E257" i="16"/>
  <c r="D257" i="16"/>
  <c r="E256" i="16"/>
  <c r="D256" i="16"/>
  <c r="E255" i="16"/>
  <c r="D255" i="16"/>
  <c r="E254" i="16"/>
  <c r="D254" i="16"/>
  <c r="E253" i="16"/>
  <c r="D253" i="16"/>
  <c r="E252" i="16"/>
  <c r="D252" i="16"/>
  <c r="E251" i="16"/>
  <c r="D251" i="16"/>
  <c r="E250" i="16"/>
  <c r="D250" i="16"/>
  <c r="E249" i="16"/>
  <c r="D249" i="16"/>
  <c r="E248" i="16"/>
  <c r="D248" i="16"/>
  <c r="E247" i="16"/>
  <c r="D247" i="16"/>
  <c r="E246" i="16"/>
  <c r="D246" i="16"/>
  <c r="E245" i="16"/>
  <c r="D245" i="16"/>
  <c r="E244" i="16"/>
  <c r="D244" i="16"/>
  <c r="E243" i="16"/>
  <c r="D243" i="16"/>
  <c r="E242" i="16"/>
  <c r="D242" i="16"/>
  <c r="E241" i="16"/>
  <c r="D241" i="16"/>
  <c r="E240" i="16"/>
  <c r="D240" i="16"/>
  <c r="E239" i="16"/>
  <c r="D239" i="16"/>
  <c r="E238" i="16"/>
  <c r="D238" i="16"/>
  <c r="E237" i="16"/>
  <c r="D237" i="16"/>
  <c r="E236" i="16"/>
  <c r="D236" i="16"/>
  <c r="E235" i="16"/>
  <c r="D235" i="16"/>
  <c r="E234" i="16"/>
  <c r="D234" i="16"/>
  <c r="E233" i="16"/>
  <c r="D233" i="16"/>
  <c r="E232" i="16"/>
  <c r="D232" i="16"/>
  <c r="E231" i="16"/>
  <c r="D231" i="16"/>
  <c r="E230" i="16"/>
  <c r="D230" i="16"/>
  <c r="E229" i="16"/>
  <c r="D229" i="16"/>
  <c r="E228" i="16"/>
  <c r="D228" i="16"/>
  <c r="E227" i="16"/>
  <c r="D227" i="16"/>
  <c r="E226" i="16"/>
  <c r="D226" i="16"/>
  <c r="E225" i="16"/>
  <c r="D225" i="16"/>
  <c r="E224" i="16"/>
  <c r="D224" i="16"/>
  <c r="E223" i="16"/>
  <c r="D223" i="16"/>
  <c r="E222" i="16"/>
  <c r="D222" i="16"/>
  <c r="E221" i="16"/>
  <c r="D221" i="16"/>
  <c r="E220" i="16"/>
  <c r="D220" i="16"/>
  <c r="E219" i="16"/>
  <c r="D219" i="16"/>
  <c r="E218" i="16"/>
  <c r="D218" i="16"/>
  <c r="E217" i="16"/>
  <c r="D217" i="16"/>
  <c r="E216" i="16"/>
  <c r="D216" i="16"/>
  <c r="E215" i="16"/>
  <c r="D215" i="16"/>
  <c r="E214" i="16"/>
  <c r="D214" i="16"/>
  <c r="E213" i="16"/>
  <c r="D213" i="16"/>
  <c r="E212" i="16"/>
  <c r="D212" i="16"/>
  <c r="E211" i="16"/>
  <c r="D211" i="16"/>
  <c r="E210" i="16"/>
  <c r="D210" i="16"/>
  <c r="E209" i="16"/>
  <c r="D209" i="16"/>
  <c r="E208" i="16"/>
  <c r="D208" i="16"/>
  <c r="E207" i="16"/>
  <c r="D207" i="16"/>
  <c r="E206" i="16"/>
  <c r="D206" i="16"/>
  <c r="E205" i="16"/>
  <c r="D205" i="16"/>
  <c r="E204" i="16"/>
  <c r="D204" i="16"/>
  <c r="E203" i="16"/>
  <c r="D203" i="16"/>
  <c r="E202" i="16"/>
  <c r="D202" i="16"/>
  <c r="E201" i="16"/>
  <c r="D201" i="16"/>
  <c r="E200" i="16"/>
  <c r="D200" i="16"/>
  <c r="E199" i="16"/>
  <c r="D199" i="16"/>
  <c r="E198" i="16"/>
  <c r="D198" i="16"/>
  <c r="E197" i="16"/>
  <c r="D197" i="16"/>
  <c r="E196" i="16"/>
  <c r="D196" i="16"/>
  <c r="E195" i="16"/>
  <c r="D195" i="16"/>
  <c r="E194" i="16"/>
  <c r="D194" i="16"/>
  <c r="E193" i="16"/>
  <c r="D193" i="16"/>
  <c r="E192" i="16"/>
  <c r="D192" i="16"/>
  <c r="E191" i="16"/>
  <c r="D191" i="16"/>
  <c r="E190" i="16"/>
  <c r="D190" i="16"/>
  <c r="E189" i="16"/>
  <c r="D189" i="16"/>
  <c r="E188" i="16"/>
  <c r="D188" i="16"/>
  <c r="E187" i="16"/>
  <c r="D187" i="16"/>
  <c r="E186" i="16"/>
  <c r="D186" i="16"/>
  <c r="E185" i="16"/>
  <c r="D185" i="16"/>
  <c r="E184" i="16"/>
  <c r="D184" i="16"/>
  <c r="E183" i="16"/>
  <c r="D183" i="16"/>
  <c r="E182" i="16"/>
  <c r="D182" i="16"/>
  <c r="E181" i="16"/>
  <c r="D181" i="16"/>
  <c r="E180" i="16"/>
  <c r="D180" i="16"/>
  <c r="E179" i="16"/>
  <c r="D179" i="16"/>
  <c r="E178" i="16"/>
  <c r="D178" i="16"/>
  <c r="E177" i="16"/>
  <c r="D177" i="16"/>
  <c r="E176" i="16"/>
  <c r="D176" i="16"/>
  <c r="E175" i="16"/>
  <c r="D175" i="16"/>
  <c r="E174" i="16"/>
  <c r="D174" i="16"/>
  <c r="E173" i="16"/>
  <c r="D173" i="16"/>
  <c r="E172" i="16"/>
  <c r="D172" i="16"/>
  <c r="E171" i="16"/>
  <c r="D171" i="16"/>
  <c r="E170" i="16"/>
  <c r="D170" i="16"/>
  <c r="E169" i="16"/>
  <c r="D169" i="16"/>
  <c r="E168" i="16"/>
  <c r="D168" i="16"/>
  <c r="E167" i="16"/>
  <c r="D167" i="16"/>
  <c r="E166" i="16"/>
  <c r="D166" i="16"/>
  <c r="E165" i="16"/>
  <c r="D165" i="16"/>
  <c r="E164" i="16"/>
  <c r="D164" i="16"/>
  <c r="E163" i="16"/>
  <c r="D163" i="16"/>
  <c r="E162" i="16"/>
  <c r="D162" i="16"/>
  <c r="E161" i="16"/>
  <c r="D161" i="16"/>
  <c r="E160" i="16"/>
  <c r="D160" i="16"/>
  <c r="E159" i="16"/>
  <c r="D159" i="16"/>
  <c r="E158" i="16"/>
  <c r="D158" i="16"/>
  <c r="E157" i="16"/>
  <c r="D157" i="16"/>
  <c r="E156" i="16"/>
  <c r="D156" i="16"/>
  <c r="E155" i="16"/>
  <c r="D155" i="16"/>
  <c r="E154" i="16"/>
  <c r="D154" i="16"/>
  <c r="E153" i="16"/>
  <c r="D153" i="16"/>
  <c r="E152" i="16"/>
  <c r="D152" i="16"/>
  <c r="E151" i="16"/>
  <c r="D151" i="16"/>
  <c r="E150" i="16"/>
  <c r="D150" i="16"/>
  <c r="E149" i="16"/>
  <c r="D149" i="16"/>
  <c r="E148" i="16"/>
  <c r="D148" i="16"/>
  <c r="E147" i="16"/>
  <c r="D147" i="16"/>
  <c r="E146" i="16"/>
  <c r="D146" i="16"/>
  <c r="E145" i="16"/>
  <c r="D145" i="16"/>
  <c r="E144" i="16"/>
  <c r="D144" i="16"/>
  <c r="E143" i="16"/>
  <c r="D143" i="16"/>
  <c r="E142" i="16"/>
  <c r="D142" i="16"/>
  <c r="E141" i="16"/>
  <c r="D141" i="16"/>
  <c r="E140" i="16"/>
  <c r="D140" i="16"/>
  <c r="E139" i="16"/>
  <c r="D139" i="16"/>
  <c r="E138" i="16"/>
  <c r="D138" i="16"/>
  <c r="E137" i="16"/>
  <c r="D137" i="16"/>
  <c r="E136" i="16"/>
  <c r="D136" i="16"/>
  <c r="E135" i="16"/>
  <c r="D135" i="16"/>
  <c r="E134" i="16"/>
  <c r="D134" i="16"/>
  <c r="E133" i="16"/>
  <c r="D133" i="16"/>
  <c r="E132" i="16"/>
  <c r="D132" i="16"/>
  <c r="E131" i="16"/>
  <c r="D131" i="16"/>
  <c r="E130" i="16"/>
  <c r="D130" i="16"/>
  <c r="E129" i="16"/>
  <c r="D129" i="16"/>
  <c r="E128" i="16"/>
  <c r="D128" i="16"/>
  <c r="E127" i="16"/>
  <c r="D127" i="16"/>
  <c r="E126" i="16"/>
  <c r="D126" i="16"/>
  <c r="E125" i="16"/>
  <c r="D125" i="16"/>
  <c r="E124" i="16"/>
  <c r="D124" i="16"/>
  <c r="E123" i="16"/>
  <c r="D123" i="16"/>
  <c r="E122" i="16"/>
  <c r="D122" i="16"/>
  <c r="E121" i="16"/>
  <c r="D121" i="16"/>
  <c r="E120" i="16"/>
  <c r="D120" i="16"/>
  <c r="E119" i="16"/>
  <c r="D119" i="16"/>
  <c r="E118" i="16"/>
  <c r="D118" i="16"/>
  <c r="E117" i="16"/>
  <c r="D117" i="16"/>
  <c r="E116" i="16"/>
  <c r="D116" i="16"/>
  <c r="E115" i="16"/>
  <c r="D115" i="16"/>
  <c r="E114" i="16"/>
  <c r="D114" i="16"/>
  <c r="E113" i="16"/>
  <c r="D113" i="16"/>
  <c r="E112" i="16"/>
  <c r="D112" i="16"/>
  <c r="E111" i="16"/>
  <c r="D111" i="16"/>
  <c r="E110" i="16"/>
  <c r="D110" i="16"/>
  <c r="E109" i="16"/>
  <c r="D109" i="16"/>
  <c r="E108" i="16"/>
  <c r="D108" i="16"/>
  <c r="E107" i="16"/>
  <c r="D107" i="16"/>
  <c r="E106" i="16"/>
  <c r="D106" i="16"/>
  <c r="E105" i="16"/>
  <c r="D105" i="16"/>
  <c r="E104" i="16"/>
  <c r="D104" i="16"/>
  <c r="E103" i="16"/>
  <c r="D103" i="16"/>
  <c r="E102" i="16"/>
  <c r="D102" i="16"/>
  <c r="E101" i="16"/>
  <c r="D101" i="16"/>
  <c r="E100" i="16"/>
  <c r="D100" i="16"/>
  <c r="E99" i="16"/>
  <c r="D99" i="16"/>
  <c r="E98" i="16"/>
  <c r="D98" i="16"/>
  <c r="E97" i="16"/>
  <c r="D97" i="16"/>
  <c r="E96" i="16"/>
  <c r="D96" i="16"/>
  <c r="E95" i="16"/>
  <c r="D95" i="16"/>
  <c r="E94" i="16"/>
  <c r="D94" i="16"/>
  <c r="E93" i="16"/>
  <c r="D93" i="16"/>
  <c r="E92" i="16"/>
  <c r="D92" i="16"/>
  <c r="E91" i="16"/>
  <c r="D91" i="16"/>
  <c r="E90" i="16"/>
  <c r="D90" i="16"/>
  <c r="E89" i="16"/>
  <c r="D89" i="16"/>
  <c r="E88" i="16"/>
  <c r="D88" i="16"/>
  <c r="E87" i="16"/>
  <c r="D87" i="16"/>
  <c r="E86" i="16"/>
  <c r="D86" i="16"/>
  <c r="E85" i="16"/>
  <c r="D85" i="16"/>
  <c r="E84" i="16"/>
  <c r="D84" i="16"/>
  <c r="E83" i="16"/>
  <c r="D83" i="16"/>
  <c r="E82" i="16"/>
  <c r="D82" i="16"/>
  <c r="E81" i="16"/>
  <c r="D81" i="16"/>
  <c r="E80" i="16"/>
  <c r="D80" i="16"/>
  <c r="E79" i="16"/>
  <c r="D79" i="16"/>
  <c r="E78" i="16"/>
  <c r="D78" i="16"/>
  <c r="E77" i="16"/>
  <c r="D77" i="16"/>
  <c r="E76" i="16"/>
  <c r="D76" i="16"/>
  <c r="E75" i="16"/>
  <c r="D75" i="16"/>
  <c r="E74" i="16"/>
  <c r="D74" i="16"/>
  <c r="E73" i="16"/>
  <c r="D73" i="16"/>
  <c r="E72" i="16"/>
  <c r="D72" i="16"/>
  <c r="E71" i="16"/>
  <c r="D71" i="16"/>
  <c r="E70" i="16"/>
  <c r="D70" i="16"/>
  <c r="E69" i="16"/>
  <c r="D69" i="16"/>
  <c r="E68" i="16"/>
  <c r="D68" i="16"/>
  <c r="E67" i="16"/>
  <c r="D67" i="16"/>
  <c r="E66" i="16"/>
  <c r="D66" i="16"/>
  <c r="E65" i="16"/>
  <c r="D65" i="16"/>
  <c r="E64" i="16"/>
  <c r="D64" i="16"/>
  <c r="E63" i="16"/>
  <c r="D63" i="16"/>
  <c r="E62" i="16"/>
  <c r="D62" i="16"/>
  <c r="E61" i="16"/>
  <c r="D61" i="16"/>
  <c r="E60" i="16"/>
  <c r="D60" i="16"/>
  <c r="E59" i="16"/>
  <c r="D59" i="16"/>
  <c r="E58" i="16"/>
  <c r="D58" i="16"/>
  <c r="E57" i="16"/>
  <c r="D57" i="16"/>
  <c r="E56" i="16"/>
  <c r="D56" i="16"/>
  <c r="E55" i="16"/>
  <c r="D55" i="16"/>
  <c r="E54" i="16"/>
  <c r="D54" i="16"/>
  <c r="E53" i="16"/>
  <c r="D53" i="16"/>
  <c r="E52" i="16"/>
  <c r="D52" i="16"/>
  <c r="E51" i="16"/>
  <c r="D51" i="16"/>
  <c r="E50" i="16"/>
  <c r="D50" i="16"/>
  <c r="E49" i="16"/>
  <c r="D49" i="16"/>
  <c r="E48" i="16"/>
  <c r="D48" i="16"/>
  <c r="E47" i="16"/>
  <c r="D47" i="16"/>
  <c r="E46" i="16"/>
  <c r="D46" i="16"/>
  <c r="E45" i="16"/>
  <c r="D45" i="16"/>
  <c r="E44" i="16"/>
  <c r="D44" i="16"/>
  <c r="E43" i="16"/>
  <c r="D43" i="16"/>
  <c r="E42" i="16"/>
  <c r="D42" i="16"/>
  <c r="E41" i="16"/>
  <c r="D41" i="16"/>
  <c r="E40" i="16"/>
  <c r="D40" i="16"/>
  <c r="E39" i="16"/>
  <c r="D39" i="16"/>
  <c r="E38" i="16"/>
  <c r="D38" i="16"/>
  <c r="E37" i="16"/>
  <c r="D37" i="16"/>
  <c r="E36" i="16"/>
  <c r="D36" i="16"/>
  <c r="E35" i="16"/>
  <c r="D35" i="16"/>
  <c r="E34" i="16"/>
  <c r="D34" i="16"/>
  <c r="E33" i="16"/>
  <c r="D33" i="16"/>
  <c r="E32" i="16"/>
  <c r="D32" i="16"/>
  <c r="E31" i="16"/>
  <c r="D31" i="16"/>
  <c r="E30" i="16"/>
  <c r="D30" i="16"/>
  <c r="E29" i="16"/>
  <c r="D29" i="16"/>
  <c r="E28" i="16"/>
  <c r="D28" i="16"/>
  <c r="E27" i="16"/>
  <c r="D27" i="16"/>
  <c r="E26" i="16"/>
  <c r="D26" i="16"/>
  <c r="E25" i="16"/>
  <c r="D25" i="16"/>
  <c r="E24" i="16"/>
  <c r="D24" i="16"/>
  <c r="E23" i="16"/>
  <c r="D23" i="16"/>
  <c r="E22" i="16"/>
  <c r="D22" i="16"/>
  <c r="E21" i="16"/>
  <c r="D21" i="16"/>
  <c r="E20" i="16"/>
  <c r="D20" i="16"/>
  <c r="E19" i="16"/>
  <c r="D19" i="16"/>
  <c r="E18" i="16"/>
  <c r="D18" i="16"/>
  <c r="E17" i="16"/>
  <c r="D17" i="16"/>
  <c r="E16" i="16"/>
  <c r="D16" i="16"/>
  <c r="E15" i="16"/>
  <c r="D15" i="16"/>
  <c r="E14" i="16"/>
  <c r="D14" i="16"/>
  <c r="E13" i="16"/>
  <c r="D13" i="16"/>
  <c r="E12" i="16"/>
  <c r="D12" i="16"/>
  <c r="E11" i="16"/>
  <c r="D11" i="16"/>
  <c r="E10" i="16"/>
  <c r="D10" i="16"/>
  <c r="E9" i="16"/>
  <c r="D9" i="16"/>
  <c r="E8" i="16"/>
  <c r="D8" i="16"/>
  <c r="E7" i="16"/>
  <c r="D7" i="16"/>
  <c r="E6" i="16"/>
  <c r="D6" i="16"/>
  <c r="E5" i="16"/>
  <c r="D5" i="16"/>
  <c r="E4" i="16"/>
  <c r="D4" i="16"/>
  <c r="E3" i="16"/>
  <c r="D3" i="16"/>
  <c r="E2" i="16"/>
  <c r="D2" i="16"/>
  <c r="E409" i="17"/>
  <c r="D409" i="17"/>
  <c r="E408" i="17"/>
  <c r="F408" i="17" s="1"/>
  <c r="D408" i="17"/>
  <c r="E407" i="17"/>
  <c r="D407" i="17"/>
  <c r="E406" i="17"/>
  <c r="F406" i="17" s="1"/>
  <c r="D406" i="17"/>
  <c r="E405" i="17"/>
  <c r="F405" i="17" s="1"/>
  <c r="D405" i="17"/>
  <c r="E404" i="17"/>
  <c r="D404" i="17"/>
  <c r="E403" i="17"/>
  <c r="F403" i="17" s="1"/>
  <c r="D403" i="17"/>
  <c r="E402" i="17"/>
  <c r="F402" i="17" s="1"/>
  <c r="D402" i="17"/>
  <c r="E401" i="17"/>
  <c r="D401" i="17"/>
  <c r="E400" i="17"/>
  <c r="F400" i="17" s="1"/>
  <c r="D400" i="17"/>
  <c r="E399" i="17"/>
  <c r="F399" i="17" s="1"/>
  <c r="D399" i="17"/>
  <c r="E398" i="17"/>
  <c r="D398" i="17"/>
  <c r="E397" i="17"/>
  <c r="F397" i="17" s="1"/>
  <c r="D397" i="17"/>
  <c r="E396" i="17"/>
  <c r="F396" i="17" s="1"/>
  <c r="D396" i="17"/>
  <c r="E395" i="17"/>
  <c r="D395" i="17"/>
  <c r="E394" i="17"/>
  <c r="F394" i="17" s="1"/>
  <c r="D394" i="17"/>
  <c r="E393" i="17"/>
  <c r="F393" i="17" s="1"/>
  <c r="D393" i="17"/>
  <c r="E392" i="17"/>
  <c r="D392" i="17"/>
  <c r="E391" i="17"/>
  <c r="F391" i="17" s="1"/>
  <c r="D391" i="17"/>
  <c r="E390" i="17"/>
  <c r="F390" i="17" s="1"/>
  <c r="D390" i="17"/>
  <c r="E389" i="17"/>
  <c r="D389" i="17"/>
  <c r="E388" i="17"/>
  <c r="F388" i="17" s="1"/>
  <c r="D388" i="17"/>
  <c r="E387" i="17"/>
  <c r="F387" i="17" s="1"/>
  <c r="D387" i="17"/>
  <c r="E386" i="17"/>
  <c r="D386" i="17"/>
  <c r="E385" i="17"/>
  <c r="F385" i="17" s="1"/>
  <c r="D385" i="17"/>
  <c r="E384" i="17"/>
  <c r="F384" i="17" s="1"/>
  <c r="D384" i="17"/>
  <c r="E383" i="17"/>
  <c r="D383" i="17"/>
  <c r="E382" i="17"/>
  <c r="F382" i="17" s="1"/>
  <c r="D382" i="17"/>
  <c r="E381" i="17"/>
  <c r="F381" i="17" s="1"/>
  <c r="D381" i="17"/>
  <c r="E380" i="17"/>
  <c r="D380" i="17"/>
  <c r="E379" i="17"/>
  <c r="F379" i="17" s="1"/>
  <c r="D379" i="17"/>
  <c r="E378" i="17"/>
  <c r="F378" i="17" s="1"/>
  <c r="D378" i="17"/>
  <c r="E377" i="17"/>
  <c r="D377" i="17"/>
  <c r="E376" i="17"/>
  <c r="F376" i="17" s="1"/>
  <c r="D376" i="17"/>
  <c r="E375" i="17"/>
  <c r="F375" i="17" s="1"/>
  <c r="D375" i="17"/>
  <c r="E374" i="17"/>
  <c r="D374" i="17"/>
  <c r="E373" i="17"/>
  <c r="F373" i="17" s="1"/>
  <c r="D373" i="17"/>
  <c r="E372" i="17"/>
  <c r="F372" i="17" s="1"/>
  <c r="D372" i="17"/>
  <c r="E371" i="17"/>
  <c r="D371" i="17"/>
  <c r="E370" i="17"/>
  <c r="F370" i="17" s="1"/>
  <c r="D370" i="17"/>
  <c r="E369" i="17"/>
  <c r="F369" i="17" s="1"/>
  <c r="D369" i="17"/>
  <c r="E368" i="17"/>
  <c r="D368" i="17"/>
  <c r="E367" i="17"/>
  <c r="F367" i="17" s="1"/>
  <c r="D367" i="17"/>
  <c r="E366" i="17"/>
  <c r="F366" i="17" s="1"/>
  <c r="D366" i="17"/>
  <c r="E365" i="17"/>
  <c r="D365" i="17"/>
  <c r="E364" i="17"/>
  <c r="F364" i="17" s="1"/>
  <c r="D364" i="17"/>
  <c r="E363" i="17"/>
  <c r="F363" i="17" s="1"/>
  <c r="D363" i="17"/>
  <c r="E362" i="17"/>
  <c r="D362" i="17"/>
  <c r="E361" i="17"/>
  <c r="F361" i="17" s="1"/>
  <c r="D361" i="17"/>
  <c r="E360" i="17"/>
  <c r="F360" i="17" s="1"/>
  <c r="D360" i="17"/>
  <c r="E359" i="17"/>
  <c r="D359" i="17"/>
  <c r="E358" i="17"/>
  <c r="F358" i="17" s="1"/>
  <c r="D358" i="17"/>
  <c r="E357" i="17"/>
  <c r="F357" i="17" s="1"/>
  <c r="D357" i="17"/>
  <c r="E356" i="17"/>
  <c r="D356" i="17"/>
  <c r="E355" i="17"/>
  <c r="F355" i="17" s="1"/>
  <c r="D355" i="17"/>
  <c r="E354" i="17"/>
  <c r="F354" i="17" s="1"/>
  <c r="D354" i="17"/>
  <c r="E353" i="17"/>
  <c r="D353" i="17"/>
  <c r="E352" i="17"/>
  <c r="F352" i="17" s="1"/>
  <c r="D352" i="17"/>
  <c r="E351" i="17"/>
  <c r="F351" i="17" s="1"/>
  <c r="D351" i="17"/>
  <c r="E350" i="17"/>
  <c r="D350" i="17"/>
  <c r="E349" i="17"/>
  <c r="F349" i="17" s="1"/>
  <c r="D349" i="17"/>
  <c r="E348" i="17"/>
  <c r="F348" i="17" s="1"/>
  <c r="D348" i="17"/>
  <c r="E347" i="17"/>
  <c r="D347" i="17"/>
  <c r="E346" i="17"/>
  <c r="F346" i="17" s="1"/>
  <c r="D346" i="17"/>
  <c r="E345" i="17"/>
  <c r="F345" i="17" s="1"/>
  <c r="D345" i="17"/>
  <c r="E344" i="17"/>
  <c r="D344" i="17"/>
  <c r="E343" i="17"/>
  <c r="F343" i="17" s="1"/>
  <c r="D343" i="17"/>
  <c r="E342" i="17"/>
  <c r="F342" i="17" s="1"/>
  <c r="D342" i="17"/>
  <c r="E341" i="17"/>
  <c r="D341" i="17"/>
  <c r="E340" i="17"/>
  <c r="F340" i="17" s="1"/>
  <c r="D340" i="17"/>
  <c r="E339" i="17"/>
  <c r="F339" i="17" s="1"/>
  <c r="D339" i="17"/>
  <c r="E338" i="17"/>
  <c r="D338" i="17"/>
  <c r="E337" i="17"/>
  <c r="F337" i="17" s="1"/>
  <c r="D337" i="17"/>
  <c r="E336" i="17"/>
  <c r="F336" i="17" s="1"/>
  <c r="D336" i="17"/>
  <c r="E335" i="17"/>
  <c r="D335" i="17"/>
  <c r="E334" i="17"/>
  <c r="F334" i="17" s="1"/>
  <c r="D334" i="17"/>
  <c r="E333" i="17"/>
  <c r="F333" i="17" s="1"/>
  <c r="D333" i="17"/>
  <c r="E332" i="17"/>
  <c r="D332" i="17"/>
  <c r="E331" i="17"/>
  <c r="F331" i="17" s="1"/>
  <c r="D331" i="17"/>
  <c r="E330" i="17"/>
  <c r="F330" i="17" s="1"/>
  <c r="D330" i="17"/>
  <c r="E329" i="17"/>
  <c r="D329" i="17"/>
  <c r="E328" i="17"/>
  <c r="F328" i="17" s="1"/>
  <c r="D328" i="17"/>
  <c r="E327" i="17"/>
  <c r="F327" i="17" s="1"/>
  <c r="D327" i="17"/>
  <c r="E326" i="17"/>
  <c r="D326" i="17"/>
  <c r="E325" i="17"/>
  <c r="F325" i="17" s="1"/>
  <c r="D325" i="17"/>
  <c r="E324" i="17"/>
  <c r="F324" i="17" s="1"/>
  <c r="D324" i="17"/>
  <c r="E323" i="17"/>
  <c r="D323" i="17"/>
  <c r="E322" i="17"/>
  <c r="F322" i="17" s="1"/>
  <c r="D322" i="17"/>
  <c r="E321" i="17"/>
  <c r="F321" i="17" s="1"/>
  <c r="D321" i="17"/>
  <c r="E320" i="17"/>
  <c r="D320" i="17"/>
  <c r="E319" i="17"/>
  <c r="F319" i="17" s="1"/>
  <c r="D319" i="17"/>
  <c r="E318" i="17"/>
  <c r="F318" i="17" s="1"/>
  <c r="D318" i="17"/>
  <c r="E317" i="17"/>
  <c r="D317" i="17"/>
  <c r="E316" i="17"/>
  <c r="F316" i="17" s="1"/>
  <c r="D316" i="17"/>
  <c r="E315" i="17"/>
  <c r="F315" i="17" s="1"/>
  <c r="D315" i="17"/>
  <c r="E314" i="17"/>
  <c r="D314" i="17"/>
  <c r="E313" i="17"/>
  <c r="F313" i="17" s="1"/>
  <c r="D313" i="17"/>
  <c r="E312" i="17"/>
  <c r="F312" i="17" s="1"/>
  <c r="D312" i="17"/>
  <c r="E311" i="17"/>
  <c r="D311" i="17"/>
  <c r="E310" i="17"/>
  <c r="F310" i="17" s="1"/>
  <c r="D310" i="17"/>
  <c r="E309" i="17"/>
  <c r="F309" i="17" s="1"/>
  <c r="D309" i="17"/>
  <c r="E308" i="17"/>
  <c r="D308" i="17"/>
  <c r="E307" i="17"/>
  <c r="F307" i="17" s="1"/>
  <c r="D307" i="17"/>
  <c r="E306" i="17"/>
  <c r="F306" i="17" s="1"/>
  <c r="D306" i="17"/>
  <c r="E305" i="17"/>
  <c r="D305" i="17"/>
  <c r="E304" i="17"/>
  <c r="F304" i="17" s="1"/>
  <c r="D304" i="17"/>
  <c r="E303" i="17"/>
  <c r="F303" i="17" s="1"/>
  <c r="D303" i="17"/>
  <c r="E302" i="17"/>
  <c r="D302" i="17"/>
  <c r="E301" i="17"/>
  <c r="F301" i="17" s="1"/>
  <c r="D301" i="17"/>
  <c r="E300" i="17"/>
  <c r="F300" i="17" s="1"/>
  <c r="D300" i="17"/>
  <c r="E299" i="17"/>
  <c r="D299" i="17"/>
  <c r="E298" i="17"/>
  <c r="F298" i="17" s="1"/>
  <c r="D298" i="17"/>
  <c r="E297" i="17"/>
  <c r="F297" i="17" s="1"/>
  <c r="D297" i="17"/>
  <c r="E296" i="17"/>
  <c r="D296" i="17"/>
  <c r="E295" i="17"/>
  <c r="F295" i="17" s="1"/>
  <c r="D295" i="17"/>
  <c r="E294" i="17"/>
  <c r="F294" i="17" s="1"/>
  <c r="D294" i="17"/>
  <c r="E293" i="17"/>
  <c r="D293" i="17"/>
  <c r="E292" i="17"/>
  <c r="F292" i="17" s="1"/>
  <c r="D292" i="17"/>
  <c r="E291" i="17"/>
  <c r="F291" i="17" s="1"/>
  <c r="D291" i="17"/>
  <c r="E290" i="17"/>
  <c r="D290" i="17"/>
  <c r="E289" i="17"/>
  <c r="F289" i="17" s="1"/>
  <c r="D289" i="17"/>
  <c r="E288" i="17"/>
  <c r="F288" i="17" s="1"/>
  <c r="D288" i="17"/>
  <c r="E287" i="17"/>
  <c r="D287" i="17"/>
  <c r="E286" i="17"/>
  <c r="F286" i="17" s="1"/>
  <c r="D286" i="17"/>
  <c r="E285" i="17"/>
  <c r="F285" i="17" s="1"/>
  <c r="D285" i="17"/>
  <c r="E284" i="17"/>
  <c r="D284" i="17"/>
  <c r="E283" i="17"/>
  <c r="F283" i="17" s="1"/>
  <c r="D283" i="17"/>
  <c r="E282" i="17"/>
  <c r="F282" i="17" s="1"/>
  <c r="D282" i="17"/>
  <c r="E281" i="17"/>
  <c r="D281" i="17"/>
  <c r="E280" i="17"/>
  <c r="F280" i="17" s="1"/>
  <c r="D280" i="17"/>
  <c r="E279" i="17"/>
  <c r="F279" i="17" s="1"/>
  <c r="D279" i="17"/>
  <c r="E278" i="17"/>
  <c r="D278" i="17"/>
  <c r="E277" i="17"/>
  <c r="F277" i="17" s="1"/>
  <c r="D277" i="17"/>
  <c r="E276" i="17"/>
  <c r="F276" i="17" s="1"/>
  <c r="D276" i="17"/>
  <c r="E275" i="17"/>
  <c r="D275" i="17"/>
  <c r="E274" i="17"/>
  <c r="F274" i="17" s="1"/>
  <c r="D274" i="17"/>
  <c r="E273" i="17"/>
  <c r="F273" i="17" s="1"/>
  <c r="D273" i="17"/>
  <c r="E272" i="17"/>
  <c r="D272" i="17"/>
  <c r="E271" i="17"/>
  <c r="F271" i="17" s="1"/>
  <c r="D271" i="17"/>
  <c r="E270" i="17"/>
  <c r="F270" i="17" s="1"/>
  <c r="D270" i="17"/>
  <c r="E269" i="17"/>
  <c r="D269" i="17"/>
  <c r="E268" i="17"/>
  <c r="F268" i="17" s="1"/>
  <c r="D268" i="17"/>
  <c r="E267" i="17"/>
  <c r="F267" i="17" s="1"/>
  <c r="D267" i="17"/>
  <c r="E266" i="17"/>
  <c r="D266" i="17"/>
  <c r="E265" i="17"/>
  <c r="F265" i="17" s="1"/>
  <c r="D265" i="17"/>
  <c r="E264" i="17"/>
  <c r="F264" i="17" s="1"/>
  <c r="D264" i="17"/>
  <c r="E263" i="17"/>
  <c r="D263" i="17"/>
  <c r="E262" i="17"/>
  <c r="F262" i="17" s="1"/>
  <c r="D262" i="17"/>
  <c r="E261" i="17"/>
  <c r="F261" i="17" s="1"/>
  <c r="D261" i="17"/>
  <c r="E260" i="17"/>
  <c r="D260" i="17"/>
  <c r="E259" i="17"/>
  <c r="F259" i="17" s="1"/>
  <c r="D259" i="17"/>
  <c r="E258" i="17"/>
  <c r="F258" i="17" s="1"/>
  <c r="D258" i="17"/>
  <c r="E257" i="17"/>
  <c r="D257" i="17"/>
  <c r="E256" i="17"/>
  <c r="F256" i="17" s="1"/>
  <c r="D256" i="17"/>
  <c r="E255" i="17"/>
  <c r="F255" i="17" s="1"/>
  <c r="D255" i="17"/>
  <c r="E254" i="17"/>
  <c r="D254" i="17"/>
  <c r="E253" i="17"/>
  <c r="F253" i="17" s="1"/>
  <c r="D253" i="17"/>
  <c r="E252" i="17"/>
  <c r="F252" i="17" s="1"/>
  <c r="D252" i="17"/>
  <c r="E251" i="17"/>
  <c r="D251" i="17"/>
  <c r="E250" i="17"/>
  <c r="F250" i="17" s="1"/>
  <c r="D250" i="17"/>
  <c r="E249" i="17"/>
  <c r="F249" i="17" s="1"/>
  <c r="D249" i="17"/>
  <c r="E248" i="17"/>
  <c r="D248" i="17"/>
  <c r="E247" i="17"/>
  <c r="F247" i="17" s="1"/>
  <c r="D247" i="17"/>
  <c r="E246" i="17"/>
  <c r="F246" i="17" s="1"/>
  <c r="D246" i="17"/>
  <c r="E245" i="17"/>
  <c r="D245" i="17"/>
  <c r="E244" i="17"/>
  <c r="F244" i="17" s="1"/>
  <c r="D244" i="17"/>
  <c r="E243" i="17"/>
  <c r="F243" i="17" s="1"/>
  <c r="D243" i="17"/>
  <c r="E242" i="17"/>
  <c r="D242" i="17"/>
  <c r="E241" i="17"/>
  <c r="F241" i="17" s="1"/>
  <c r="D241" i="17"/>
  <c r="E240" i="17"/>
  <c r="F240" i="17" s="1"/>
  <c r="D240" i="17"/>
  <c r="E239" i="17"/>
  <c r="D239" i="17"/>
  <c r="E238" i="17"/>
  <c r="F238" i="17" s="1"/>
  <c r="D238" i="17"/>
  <c r="E237" i="17"/>
  <c r="F237" i="17" s="1"/>
  <c r="D237" i="17"/>
  <c r="E236" i="17"/>
  <c r="D236" i="17"/>
  <c r="E235" i="17"/>
  <c r="F235" i="17" s="1"/>
  <c r="D235" i="17"/>
  <c r="E234" i="17"/>
  <c r="F234" i="17" s="1"/>
  <c r="D234" i="17"/>
  <c r="E233" i="17"/>
  <c r="D233" i="17"/>
  <c r="E232" i="17"/>
  <c r="F232" i="17" s="1"/>
  <c r="D232" i="17"/>
  <c r="E231" i="17"/>
  <c r="F231" i="17" s="1"/>
  <c r="D231" i="17"/>
  <c r="E230" i="17"/>
  <c r="D230" i="17"/>
  <c r="E229" i="17"/>
  <c r="F229" i="17" s="1"/>
  <c r="D229" i="17"/>
  <c r="E228" i="17"/>
  <c r="F228" i="17" s="1"/>
  <c r="D228" i="17"/>
  <c r="E227" i="17"/>
  <c r="D227" i="17"/>
  <c r="E226" i="17"/>
  <c r="F226" i="17" s="1"/>
  <c r="D226" i="17"/>
  <c r="E225" i="17"/>
  <c r="F225" i="17" s="1"/>
  <c r="D225" i="17"/>
  <c r="E224" i="17"/>
  <c r="D224" i="17"/>
  <c r="E223" i="17"/>
  <c r="F223" i="17" s="1"/>
  <c r="D223" i="17"/>
  <c r="E222" i="17"/>
  <c r="F222" i="17" s="1"/>
  <c r="D222" i="17"/>
  <c r="E221" i="17"/>
  <c r="D221" i="17"/>
  <c r="E220" i="17"/>
  <c r="F220" i="17" s="1"/>
  <c r="D220" i="17"/>
  <c r="E219" i="17"/>
  <c r="F219" i="17" s="1"/>
  <c r="D219" i="17"/>
  <c r="E218" i="17"/>
  <c r="D218" i="17"/>
  <c r="E217" i="17"/>
  <c r="F217" i="17" s="1"/>
  <c r="D217" i="17"/>
  <c r="E216" i="17"/>
  <c r="F216" i="17" s="1"/>
  <c r="D216" i="17"/>
  <c r="E215" i="17"/>
  <c r="D215" i="17"/>
  <c r="E214" i="17"/>
  <c r="F214" i="17" s="1"/>
  <c r="D214" i="17"/>
  <c r="E213" i="17"/>
  <c r="F213" i="17" s="1"/>
  <c r="D213" i="17"/>
  <c r="E212" i="17"/>
  <c r="D212" i="17"/>
  <c r="E211" i="17"/>
  <c r="F211" i="17" s="1"/>
  <c r="D211" i="17"/>
  <c r="E210" i="17"/>
  <c r="F210" i="17" s="1"/>
  <c r="D210" i="17"/>
  <c r="E209" i="17"/>
  <c r="D209" i="17"/>
  <c r="E208" i="17"/>
  <c r="F208" i="17" s="1"/>
  <c r="D208" i="17"/>
  <c r="E207" i="17"/>
  <c r="F207" i="17" s="1"/>
  <c r="D207" i="17"/>
  <c r="E206" i="17"/>
  <c r="D206" i="17"/>
  <c r="E205" i="17"/>
  <c r="F205" i="17" s="1"/>
  <c r="D205" i="17"/>
  <c r="E204" i="17"/>
  <c r="F204" i="17" s="1"/>
  <c r="D204" i="17"/>
  <c r="E203" i="17"/>
  <c r="D203" i="17"/>
  <c r="E202" i="17"/>
  <c r="F202" i="17" s="1"/>
  <c r="D202" i="17"/>
  <c r="E201" i="17"/>
  <c r="F201" i="17" s="1"/>
  <c r="D201" i="17"/>
  <c r="E200" i="17"/>
  <c r="D200" i="17"/>
  <c r="E199" i="17"/>
  <c r="F199" i="17" s="1"/>
  <c r="D199" i="17"/>
  <c r="E198" i="17"/>
  <c r="F198" i="17" s="1"/>
  <c r="D198" i="17"/>
  <c r="E197" i="17"/>
  <c r="D197" i="17"/>
  <c r="E196" i="17"/>
  <c r="F196" i="17" s="1"/>
  <c r="D196" i="17"/>
  <c r="E195" i="17"/>
  <c r="F195" i="17" s="1"/>
  <c r="D195" i="17"/>
  <c r="E194" i="17"/>
  <c r="D194" i="17"/>
  <c r="E193" i="17"/>
  <c r="F193" i="17" s="1"/>
  <c r="D193" i="17"/>
  <c r="E192" i="17"/>
  <c r="F192" i="17" s="1"/>
  <c r="D192" i="17"/>
  <c r="E191" i="17"/>
  <c r="D191" i="17"/>
  <c r="E190" i="17"/>
  <c r="F190" i="17" s="1"/>
  <c r="D190" i="17"/>
  <c r="E189" i="17"/>
  <c r="F189" i="17" s="1"/>
  <c r="D189" i="17"/>
  <c r="E188" i="17"/>
  <c r="D188" i="17"/>
  <c r="E187" i="17"/>
  <c r="F187" i="17" s="1"/>
  <c r="D187" i="17"/>
  <c r="E186" i="17"/>
  <c r="F186" i="17" s="1"/>
  <c r="D186" i="17"/>
  <c r="E185" i="17"/>
  <c r="D185" i="17"/>
  <c r="E184" i="17"/>
  <c r="F184" i="17" s="1"/>
  <c r="D184" i="17"/>
  <c r="E183" i="17"/>
  <c r="F183" i="17" s="1"/>
  <c r="D183" i="17"/>
  <c r="E182" i="17"/>
  <c r="D182" i="17"/>
  <c r="E181" i="17"/>
  <c r="F181" i="17" s="1"/>
  <c r="D181" i="17"/>
  <c r="E180" i="17"/>
  <c r="F180" i="17" s="1"/>
  <c r="D180" i="17"/>
  <c r="E179" i="17"/>
  <c r="D179" i="17"/>
  <c r="E178" i="17"/>
  <c r="F178" i="17" s="1"/>
  <c r="D178" i="17"/>
  <c r="E177" i="17"/>
  <c r="F177" i="17" s="1"/>
  <c r="D177" i="17"/>
  <c r="E176" i="17"/>
  <c r="D176" i="17"/>
  <c r="E175" i="17"/>
  <c r="F175" i="17" s="1"/>
  <c r="D175" i="17"/>
  <c r="E174" i="17"/>
  <c r="F174" i="17" s="1"/>
  <c r="D174" i="17"/>
  <c r="E173" i="17"/>
  <c r="D173" i="17"/>
  <c r="E172" i="17"/>
  <c r="F172" i="17" s="1"/>
  <c r="D172" i="17"/>
  <c r="E171" i="17"/>
  <c r="F171" i="17" s="1"/>
  <c r="D171" i="17"/>
  <c r="E170" i="17"/>
  <c r="D170" i="17"/>
  <c r="E169" i="17"/>
  <c r="F169" i="17" s="1"/>
  <c r="D169" i="17"/>
  <c r="E168" i="17"/>
  <c r="F168" i="17" s="1"/>
  <c r="D168" i="17"/>
  <c r="E167" i="17"/>
  <c r="D167" i="17"/>
  <c r="E166" i="17"/>
  <c r="F166" i="17" s="1"/>
  <c r="D166" i="17"/>
  <c r="E165" i="17"/>
  <c r="F165" i="17" s="1"/>
  <c r="D165" i="17"/>
  <c r="E164" i="17"/>
  <c r="D164" i="17"/>
  <c r="E163" i="17"/>
  <c r="F163" i="17" s="1"/>
  <c r="D163" i="17"/>
  <c r="E162" i="17"/>
  <c r="F162" i="17" s="1"/>
  <c r="D162" i="17"/>
  <c r="E161" i="17"/>
  <c r="D161" i="17"/>
  <c r="E160" i="17"/>
  <c r="F160" i="17" s="1"/>
  <c r="D160" i="17"/>
  <c r="E159" i="17"/>
  <c r="F159" i="17" s="1"/>
  <c r="D159" i="17"/>
  <c r="E158" i="17"/>
  <c r="D158" i="17"/>
  <c r="E157" i="17"/>
  <c r="F157" i="17" s="1"/>
  <c r="D157" i="17"/>
  <c r="E156" i="17"/>
  <c r="F156" i="17" s="1"/>
  <c r="D156" i="17"/>
  <c r="E155" i="17"/>
  <c r="D155" i="17"/>
  <c r="E154" i="17"/>
  <c r="F154" i="17" s="1"/>
  <c r="D154" i="17"/>
  <c r="E153" i="17"/>
  <c r="F153" i="17" s="1"/>
  <c r="D153" i="17"/>
  <c r="E152" i="17"/>
  <c r="D152" i="17"/>
  <c r="E151" i="17"/>
  <c r="F151" i="17" s="1"/>
  <c r="D151" i="17"/>
  <c r="E150" i="17"/>
  <c r="F150" i="17" s="1"/>
  <c r="D150" i="17"/>
  <c r="E149" i="17"/>
  <c r="D149" i="17"/>
  <c r="E148" i="17"/>
  <c r="F148" i="17" s="1"/>
  <c r="D148" i="17"/>
  <c r="E147" i="17"/>
  <c r="F147" i="17" s="1"/>
  <c r="D147" i="17"/>
  <c r="E146" i="17"/>
  <c r="D146" i="17"/>
  <c r="E145" i="17"/>
  <c r="F145" i="17" s="1"/>
  <c r="D145" i="17"/>
  <c r="E144" i="17"/>
  <c r="F144" i="17" s="1"/>
  <c r="D144" i="17"/>
  <c r="E143" i="17"/>
  <c r="D143" i="17"/>
  <c r="E142" i="17"/>
  <c r="F142" i="17" s="1"/>
  <c r="D142" i="17"/>
  <c r="E141" i="17"/>
  <c r="F141" i="17" s="1"/>
  <c r="D141" i="17"/>
  <c r="E140" i="17"/>
  <c r="D140" i="17"/>
  <c r="E139" i="17"/>
  <c r="F139" i="17" s="1"/>
  <c r="D139" i="17"/>
  <c r="E138" i="17"/>
  <c r="F138" i="17" s="1"/>
  <c r="D138" i="17"/>
  <c r="E137" i="17"/>
  <c r="D137" i="17"/>
  <c r="E136" i="17"/>
  <c r="F136" i="17" s="1"/>
  <c r="D136" i="17"/>
  <c r="E135" i="17"/>
  <c r="F135" i="17" s="1"/>
  <c r="D135" i="17"/>
  <c r="E134" i="17"/>
  <c r="D134" i="17"/>
  <c r="E133" i="17"/>
  <c r="F133" i="17" s="1"/>
  <c r="D133" i="17"/>
  <c r="E132" i="17"/>
  <c r="F132" i="17" s="1"/>
  <c r="D132" i="17"/>
  <c r="E131" i="17"/>
  <c r="D131" i="17"/>
  <c r="E130" i="17"/>
  <c r="F130" i="17" s="1"/>
  <c r="D130" i="17"/>
  <c r="E129" i="17"/>
  <c r="F129" i="17" s="1"/>
  <c r="D129" i="17"/>
  <c r="E128" i="17"/>
  <c r="D128" i="17"/>
  <c r="E127" i="17"/>
  <c r="F127" i="17" s="1"/>
  <c r="D127" i="17"/>
  <c r="E126" i="17"/>
  <c r="F126" i="17" s="1"/>
  <c r="D126" i="17"/>
  <c r="E125" i="17"/>
  <c r="D125" i="17"/>
  <c r="E124" i="17"/>
  <c r="F124" i="17" s="1"/>
  <c r="D124" i="17"/>
  <c r="E123" i="17"/>
  <c r="F123" i="17" s="1"/>
  <c r="D123" i="17"/>
  <c r="E122" i="17"/>
  <c r="D122" i="17"/>
  <c r="E121" i="17"/>
  <c r="F121" i="17" s="1"/>
  <c r="D121" i="17"/>
  <c r="E120" i="17"/>
  <c r="F120" i="17" s="1"/>
  <c r="D120" i="17"/>
  <c r="E119" i="17"/>
  <c r="D119" i="17"/>
  <c r="E118" i="17"/>
  <c r="F118" i="17" s="1"/>
  <c r="D118" i="17"/>
  <c r="E117" i="17"/>
  <c r="F117" i="17" s="1"/>
  <c r="D117" i="17"/>
  <c r="E116" i="17"/>
  <c r="D116" i="17"/>
  <c r="E115" i="17"/>
  <c r="F115" i="17" s="1"/>
  <c r="D115" i="17"/>
  <c r="E114" i="17"/>
  <c r="F114" i="17" s="1"/>
  <c r="D114" i="17"/>
  <c r="E113" i="17"/>
  <c r="D113" i="17"/>
  <c r="E112" i="17"/>
  <c r="F112" i="17" s="1"/>
  <c r="D112" i="17"/>
  <c r="E111" i="17"/>
  <c r="F111" i="17" s="1"/>
  <c r="D111" i="17"/>
  <c r="E110" i="17"/>
  <c r="D110" i="17"/>
  <c r="E109" i="17"/>
  <c r="D109" i="17"/>
  <c r="E108" i="17"/>
  <c r="F108" i="17" s="1"/>
  <c r="D108" i="17"/>
  <c r="E107" i="17"/>
  <c r="D107" i="17"/>
  <c r="E106" i="17"/>
  <c r="F106" i="17" s="1"/>
  <c r="D106" i="17"/>
  <c r="E105" i="17"/>
  <c r="F105" i="17" s="1"/>
  <c r="D105" i="17"/>
  <c r="E104" i="17"/>
  <c r="D104" i="17"/>
  <c r="E103" i="17"/>
  <c r="D103" i="17"/>
  <c r="E102" i="17"/>
  <c r="F102" i="17" s="1"/>
  <c r="D102" i="17"/>
  <c r="E101" i="17"/>
  <c r="D101" i="17"/>
  <c r="E100" i="17"/>
  <c r="F100" i="17" s="1"/>
  <c r="D100" i="17"/>
  <c r="E99" i="17"/>
  <c r="F99" i="17" s="1"/>
  <c r="D99" i="17"/>
  <c r="E98" i="17"/>
  <c r="D98" i="17"/>
  <c r="E97" i="17"/>
  <c r="D97" i="17"/>
  <c r="E96" i="17"/>
  <c r="F96" i="17" s="1"/>
  <c r="D96" i="17"/>
  <c r="E95" i="17"/>
  <c r="D95" i="17"/>
  <c r="E94" i="17"/>
  <c r="F94" i="17" s="1"/>
  <c r="D94" i="17"/>
  <c r="E93" i="17"/>
  <c r="F93" i="17" s="1"/>
  <c r="D93" i="17"/>
  <c r="E92" i="17"/>
  <c r="D92" i="17"/>
  <c r="E91" i="17"/>
  <c r="D91" i="17"/>
  <c r="E90" i="17"/>
  <c r="F90" i="17" s="1"/>
  <c r="D90" i="17"/>
  <c r="E89" i="17"/>
  <c r="D89" i="17"/>
  <c r="E88" i="17"/>
  <c r="F88" i="17" s="1"/>
  <c r="D88" i="17"/>
  <c r="E87" i="17"/>
  <c r="F87" i="17" s="1"/>
  <c r="D87" i="17"/>
  <c r="E86" i="17"/>
  <c r="D86" i="17"/>
  <c r="E85" i="17"/>
  <c r="D85" i="17"/>
  <c r="E84" i="17"/>
  <c r="F84" i="17" s="1"/>
  <c r="D84" i="17"/>
  <c r="E83" i="17"/>
  <c r="D83" i="17"/>
  <c r="E82" i="17"/>
  <c r="F82" i="17" s="1"/>
  <c r="D82" i="17"/>
  <c r="E81" i="17"/>
  <c r="F81" i="17" s="1"/>
  <c r="D81" i="17"/>
  <c r="E80" i="17"/>
  <c r="D80" i="17"/>
  <c r="E79" i="17"/>
  <c r="D79" i="17"/>
  <c r="E78" i="17"/>
  <c r="F78" i="17" s="1"/>
  <c r="D78" i="17"/>
  <c r="E77" i="17"/>
  <c r="D77" i="17"/>
  <c r="E76" i="17"/>
  <c r="F76" i="17" s="1"/>
  <c r="D76" i="17"/>
  <c r="E75" i="17"/>
  <c r="F75" i="17" s="1"/>
  <c r="D75" i="17"/>
  <c r="E74" i="17"/>
  <c r="D74" i="17"/>
  <c r="E73" i="17"/>
  <c r="D73" i="17"/>
  <c r="E72" i="17"/>
  <c r="F72" i="17" s="1"/>
  <c r="D72" i="17"/>
  <c r="E71" i="17"/>
  <c r="D71" i="17"/>
  <c r="E70" i="17"/>
  <c r="F70" i="17" s="1"/>
  <c r="D70" i="17"/>
  <c r="E69" i="17"/>
  <c r="F69" i="17" s="1"/>
  <c r="D69" i="17"/>
  <c r="E68" i="17"/>
  <c r="D68" i="17"/>
  <c r="E67" i="17"/>
  <c r="D67" i="17"/>
  <c r="E66" i="17"/>
  <c r="F66" i="17" s="1"/>
  <c r="D66" i="17"/>
  <c r="E65" i="17"/>
  <c r="D65" i="17"/>
  <c r="E64" i="17"/>
  <c r="F64" i="17" s="1"/>
  <c r="D64" i="17"/>
  <c r="E63" i="17"/>
  <c r="F63" i="17" s="1"/>
  <c r="D63" i="17"/>
  <c r="E62" i="17"/>
  <c r="D62" i="17"/>
  <c r="E61" i="17"/>
  <c r="D61" i="17"/>
  <c r="E60" i="17"/>
  <c r="F60" i="17" s="1"/>
  <c r="D60" i="17"/>
  <c r="E59" i="17"/>
  <c r="D59" i="17"/>
  <c r="E58" i="17"/>
  <c r="F58" i="17" s="1"/>
  <c r="D58" i="17"/>
  <c r="E57" i="17"/>
  <c r="F57" i="17" s="1"/>
  <c r="D57" i="17"/>
  <c r="E56" i="17"/>
  <c r="D56" i="17"/>
  <c r="E55" i="17"/>
  <c r="D55" i="17"/>
  <c r="E54" i="17"/>
  <c r="F54" i="17" s="1"/>
  <c r="D54" i="17"/>
  <c r="E53" i="17"/>
  <c r="D53" i="17"/>
  <c r="E52" i="17"/>
  <c r="F52" i="17" s="1"/>
  <c r="D52" i="17"/>
  <c r="E51" i="17"/>
  <c r="F51" i="17" s="1"/>
  <c r="D51" i="17"/>
  <c r="E50" i="17"/>
  <c r="D50" i="17"/>
  <c r="E49" i="17"/>
  <c r="D49" i="17"/>
  <c r="E48" i="17"/>
  <c r="F48" i="17" s="1"/>
  <c r="D48" i="17"/>
  <c r="E47" i="17"/>
  <c r="D47" i="17"/>
  <c r="E46" i="17"/>
  <c r="F46" i="17" s="1"/>
  <c r="D46" i="17"/>
  <c r="E45" i="17"/>
  <c r="F45" i="17" s="1"/>
  <c r="D45" i="17"/>
  <c r="E44" i="17"/>
  <c r="D44" i="17"/>
  <c r="E43" i="17"/>
  <c r="D43" i="17"/>
  <c r="E42" i="17"/>
  <c r="F42" i="17" s="1"/>
  <c r="D42" i="17"/>
  <c r="E41" i="17"/>
  <c r="D41" i="17"/>
  <c r="E40" i="17"/>
  <c r="F40" i="17" s="1"/>
  <c r="D40" i="17"/>
  <c r="E39" i="17"/>
  <c r="F39" i="17" s="1"/>
  <c r="D39" i="17"/>
  <c r="E38" i="17"/>
  <c r="D38" i="17"/>
  <c r="E37" i="17"/>
  <c r="D37" i="17"/>
  <c r="E36" i="17"/>
  <c r="F36" i="17" s="1"/>
  <c r="D36" i="17"/>
  <c r="E35" i="17"/>
  <c r="D35" i="17"/>
  <c r="E34" i="17"/>
  <c r="F34" i="17" s="1"/>
  <c r="D34" i="17"/>
  <c r="E33" i="17"/>
  <c r="F33" i="17" s="1"/>
  <c r="D33" i="17"/>
  <c r="E32" i="17"/>
  <c r="D32" i="17"/>
  <c r="E31" i="17"/>
  <c r="D31" i="17"/>
  <c r="E30" i="17"/>
  <c r="F30" i="17" s="1"/>
  <c r="D30" i="17"/>
  <c r="E29" i="17"/>
  <c r="D29" i="17"/>
  <c r="E28" i="17"/>
  <c r="F28" i="17" s="1"/>
  <c r="D28" i="17"/>
  <c r="E27" i="17"/>
  <c r="F27" i="17" s="1"/>
  <c r="D27" i="17"/>
  <c r="E26" i="17"/>
  <c r="D26" i="17"/>
  <c r="E25" i="17"/>
  <c r="D25" i="17"/>
  <c r="E24" i="17"/>
  <c r="F24" i="17" s="1"/>
  <c r="D24" i="17"/>
  <c r="E23" i="17"/>
  <c r="D23" i="17"/>
  <c r="E22" i="17"/>
  <c r="F22" i="17" s="1"/>
  <c r="D22" i="17"/>
  <c r="E21" i="17"/>
  <c r="F21" i="17" s="1"/>
  <c r="D21" i="17"/>
  <c r="E20" i="17"/>
  <c r="D20" i="17"/>
  <c r="E19" i="17"/>
  <c r="D19" i="17"/>
  <c r="E18" i="17"/>
  <c r="F18" i="17" s="1"/>
  <c r="D18" i="17"/>
  <c r="E17" i="17"/>
  <c r="D17" i="17"/>
  <c r="E16" i="17"/>
  <c r="F16" i="17" s="1"/>
  <c r="D16" i="17"/>
  <c r="E15" i="17"/>
  <c r="F15" i="17" s="1"/>
  <c r="D15" i="17"/>
  <c r="E14" i="17"/>
  <c r="D14" i="17"/>
  <c r="E13" i="17"/>
  <c r="D13" i="17"/>
  <c r="E12" i="17"/>
  <c r="F12" i="17" s="1"/>
  <c r="D12" i="17"/>
  <c r="E11" i="17"/>
  <c r="D11" i="17"/>
  <c r="E10" i="17"/>
  <c r="F10" i="17" s="1"/>
  <c r="D10" i="17"/>
  <c r="E9" i="17"/>
  <c r="F9" i="17" s="1"/>
  <c r="D9" i="17"/>
  <c r="E8" i="17"/>
  <c r="D8" i="17"/>
  <c r="E7" i="17"/>
  <c r="D7" i="17"/>
  <c r="E6" i="17"/>
  <c r="F6" i="17" s="1"/>
  <c r="D6" i="17"/>
  <c r="E5" i="17"/>
  <c r="D5" i="17"/>
  <c r="E4" i="17"/>
  <c r="F4" i="17" s="1"/>
  <c r="D4" i="17"/>
  <c r="E3" i="17"/>
  <c r="F3" i="17" s="1"/>
  <c r="D3" i="17"/>
  <c r="E2" i="17"/>
  <c r="D2" i="17"/>
  <c r="D409" i="14"/>
  <c r="F409" i="14" s="1"/>
  <c r="D408" i="14"/>
  <c r="F408" i="14" s="1"/>
  <c r="D407" i="14"/>
  <c r="F407" i="14" s="1"/>
  <c r="E406" i="14"/>
  <c r="D406" i="14"/>
  <c r="E405" i="14"/>
  <c r="D405" i="14"/>
  <c r="E404" i="14"/>
  <c r="D404" i="14"/>
  <c r="E403" i="14"/>
  <c r="F403" i="14" s="1"/>
  <c r="D403" i="14"/>
  <c r="E402" i="14"/>
  <c r="F402" i="14" s="1"/>
  <c r="D402" i="14"/>
  <c r="E401" i="14"/>
  <c r="F401" i="14" s="1"/>
  <c r="D401" i="14"/>
  <c r="E400" i="14"/>
  <c r="D400" i="14"/>
  <c r="E399" i="14"/>
  <c r="D399" i="14"/>
  <c r="E398" i="14"/>
  <c r="D398" i="14"/>
  <c r="E397" i="14"/>
  <c r="F397" i="14" s="1"/>
  <c r="D397" i="14"/>
  <c r="E396" i="14"/>
  <c r="F396" i="14" s="1"/>
  <c r="D396" i="14"/>
  <c r="E395" i="14"/>
  <c r="F395" i="14" s="1"/>
  <c r="D395" i="14"/>
  <c r="E394" i="14"/>
  <c r="D394" i="14"/>
  <c r="E393" i="14"/>
  <c r="D393" i="14"/>
  <c r="E392" i="14"/>
  <c r="D392" i="14"/>
  <c r="E391" i="14"/>
  <c r="F391" i="14" s="1"/>
  <c r="D391" i="14"/>
  <c r="E390" i="14"/>
  <c r="F390" i="14" s="1"/>
  <c r="D390" i="14"/>
  <c r="E389" i="14"/>
  <c r="F389" i="14" s="1"/>
  <c r="D389" i="14"/>
  <c r="E388" i="14"/>
  <c r="D388" i="14"/>
  <c r="E387" i="14"/>
  <c r="D387" i="14"/>
  <c r="E386" i="14"/>
  <c r="D386" i="14"/>
  <c r="E385" i="14"/>
  <c r="F385" i="14" s="1"/>
  <c r="D385" i="14"/>
  <c r="E384" i="14"/>
  <c r="F384" i="14" s="1"/>
  <c r="D384" i="14"/>
  <c r="E383" i="14"/>
  <c r="F383" i="14" s="1"/>
  <c r="D383" i="14"/>
  <c r="E382" i="14"/>
  <c r="D382" i="14"/>
  <c r="E381" i="14"/>
  <c r="D381" i="14"/>
  <c r="E380" i="14"/>
  <c r="D380" i="14"/>
  <c r="E379" i="14"/>
  <c r="F379" i="14" s="1"/>
  <c r="D379" i="14"/>
  <c r="E378" i="14"/>
  <c r="F378" i="14" s="1"/>
  <c r="D378" i="14"/>
  <c r="E377" i="14"/>
  <c r="F377" i="14" s="1"/>
  <c r="D377" i="14"/>
  <c r="E376" i="14"/>
  <c r="D376" i="14"/>
  <c r="E375" i="14"/>
  <c r="D375" i="14"/>
  <c r="E374" i="14"/>
  <c r="D374" i="14"/>
  <c r="E373" i="14"/>
  <c r="F373" i="14" s="1"/>
  <c r="D373" i="14"/>
  <c r="E372" i="14"/>
  <c r="F372" i="14" s="1"/>
  <c r="D372" i="14"/>
  <c r="E371" i="14"/>
  <c r="F371" i="14" s="1"/>
  <c r="D371" i="14"/>
  <c r="E370" i="14"/>
  <c r="D370" i="14"/>
  <c r="E369" i="14"/>
  <c r="D369" i="14"/>
  <c r="E368" i="14"/>
  <c r="D368" i="14"/>
  <c r="E367" i="14"/>
  <c r="F367" i="14" s="1"/>
  <c r="D367" i="14"/>
  <c r="E366" i="14"/>
  <c r="F366" i="14" s="1"/>
  <c r="D366" i="14"/>
  <c r="E365" i="14"/>
  <c r="F365" i="14" s="1"/>
  <c r="D365" i="14"/>
  <c r="E364" i="14"/>
  <c r="D364" i="14"/>
  <c r="E363" i="14"/>
  <c r="D363" i="14"/>
  <c r="E362" i="14"/>
  <c r="D362" i="14"/>
  <c r="E361" i="14"/>
  <c r="F361" i="14" s="1"/>
  <c r="D361" i="14"/>
  <c r="E360" i="14"/>
  <c r="F360" i="14" s="1"/>
  <c r="D360" i="14"/>
  <c r="E359" i="14"/>
  <c r="F359" i="14" s="1"/>
  <c r="D359" i="14"/>
  <c r="E358" i="14"/>
  <c r="D358" i="14"/>
  <c r="E357" i="14"/>
  <c r="D357" i="14"/>
  <c r="E356" i="14"/>
  <c r="D356" i="14"/>
  <c r="E355" i="14"/>
  <c r="F355" i="14" s="1"/>
  <c r="D355" i="14"/>
  <c r="E354" i="14"/>
  <c r="F354" i="14" s="1"/>
  <c r="D354" i="14"/>
  <c r="E353" i="14"/>
  <c r="F353" i="14" s="1"/>
  <c r="D353" i="14"/>
  <c r="E352" i="14"/>
  <c r="F352" i="14" s="1"/>
  <c r="D352" i="14"/>
  <c r="E351" i="14"/>
  <c r="D351" i="14"/>
  <c r="E350" i="14"/>
  <c r="D350" i="14"/>
  <c r="E349" i="14"/>
  <c r="F349" i="14" s="1"/>
  <c r="D349" i="14"/>
  <c r="E348" i="14"/>
  <c r="F348" i="14" s="1"/>
  <c r="D348" i="14"/>
  <c r="E347" i="14"/>
  <c r="F347" i="14" s="1"/>
  <c r="D347" i="14"/>
  <c r="E346" i="14"/>
  <c r="F346" i="14" s="1"/>
  <c r="D346" i="14"/>
  <c r="E345" i="14"/>
  <c r="D345" i="14"/>
  <c r="E344" i="14"/>
  <c r="D344" i="14"/>
  <c r="E343" i="14"/>
  <c r="F343" i="14" s="1"/>
  <c r="D343" i="14"/>
  <c r="E342" i="14"/>
  <c r="F342" i="14" s="1"/>
  <c r="D342" i="14"/>
  <c r="E341" i="14"/>
  <c r="F341" i="14" s="1"/>
  <c r="D341" i="14"/>
  <c r="E340" i="14"/>
  <c r="F340" i="14" s="1"/>
  <c r="D340" i="14"/>
  <c r="E339" i="14"/>
  <c r="D339" i="14"/>
  <c r="E338" i="14"/>
  <c r="D338" i="14"/>
  <c r="E337" i="14"/>
  <c r="F337" i="14" s="1"/>
  <c r="D337" i="14"/>
  <c r="E336" i="14"/>
  <c r="F336" i="14" s="1"/>
  <c r="D336" i="14"/>
  <c r="E335" i="14"/>
  <c r="F335" i="14" s="1"/>
  <c r="D335" i="14"/>
  <c r="E334" i="14"/>
  <c r="F334" i="14" s="1"/>
  <c r="D334" i="14"/>
  <c r="E333" i="14"/>
  <c r="D333" i="14"/>
  <c r="E332" i="14"/>
  <c r="D332" i="14"/>
  <c r="E331" i="14"/>
  <c r="F331" i="14" s="1"/>
  <c r="D331" i="14"/>
  <c r="E330" i="14"/>
  <c r="F330" i="14" s="1"/>
  <c r="D330" i="14"/>
  <c r="E329" i="14"/>
  <c r="F329" i="14" s="1"/>
  <c r="D329" i="14"/>
  <c r="E328" i="14"/>
  <c r="F328" i="14" s="1"/>
  <c r="D328" i="14"/>
  <c r="E327" i="14"/>
  <c r="D327" i="14"/>
  <c r="E326" i="14"/>
  <c r="D326" i="14"/>
  <c r="E325" i="14"/>
  <c r="F325" i="14" s="1"/>
  <c r="D325" i="14"/>
  <c r="E324" i="14"/>
  <c r="F324" i="14" s="1"/>
  <c r="D324" i="14"/>
  <c r="E323" i="14"/>
  <c r="F323" i="14" s="1"/>
  <c r="D323" i="14"/>
  <c r="E322" i="14"/>
  <c r="F322" i="14" s="1"/>
  <c r="D322" i="14"/>
  <c r="E321" i="14"/>
  <c r="D321" i="14"/>
  <c r="E320" i="14"/>
  <c r="D320" i="14"/>
  <c r="E319" i="14"/>
  <c r="F319" i="14" s="1"/>
  <c r="D319" i="14"/>
  <c r="E318" i="14"/>
  <c r="F318" i="14" s="1"/>
  <c r="D318" i="14"/>
  <c r="E317" i="14"/>
  <c r="F317" i="14" s="1"/>
  <c r="D317" i="14"/>
  <c r="E316" i="14"/>
  <c r="F316" i="14" s="1"/>
  <c r="D316" i="14"/>
  <c r="E315" i="14"/>
  <c r="D315" i="14"/>
  <c r="E314" i="14"/>
  <c r="D314" i="14"/>
  <c r="E313" i="14"/>
  <c r="F313" i="14" s="1"/>
  <c r="D313" i="14"/>
  <c r="E312" i="14"/>
  <c r="F312" i="14" s="1"/>
  <c r="D312" i="14"/>
  <c r="E311" i="14"/>
  <c r="F311" i="14" s="1"/>
  <c r="D311" i="14"/>
  <c r="E310" i="14"/>
  <c r="F310" i="14" s="1"/>
  <c r="D310" i="14"/>
  <c r="E309" i="14"/>
  <c r="D309" i="14"/>
  <c r="E308" i="14"/>
  <c r="D308" i="14"/>
  <c r="E307" i="14"/>
  <c r="F307" i="14" s="1"/>
  <c r="D307" i="14"/>
  <c r="E306" i="14"/>
  <c r="F306" i="14" s="1"/>
  <c r="D306" i="14"/>
  <c r="E305" i="14"/>
  <c r="F305" i="14" s="1"/>
  <c r="D305" i="14"/>
  <c r="E304" i="14"/>
  <c r="F304" i="14" s="1"/>
  <c r="D304" i="14"/>
  <c r="E303" i="14"/>
  <c r="D303" i="14"/>
  <c r="E302" i="14"/>
  <c r="D302" i="14"/>
  <c r="E301" i="14"/>
  <c r="F301" i="14" s="1"/>
  <c r="D301" i="14"/>
  <c r="E300" i="14"/>
  <c r="F300" i="14" s="1"/>
  <c r="D300" i="14"/>
  <c r="E299" i="14"/>
  <c r="F299" i="14" s="1"/>
  <c r="D299" i="14"/>
  <c r="E298" i="14"/>
  <c r="F298" i="14" s="1"/>
  <c r="D298" i="14"/>
  <c r="E297" i="14"/>
  <c r="D297" i="14"/>
  <c r="E296" i="14"/>
  <c r="D296" i="14"/>
  <c r="E295" i="14"/>
  <c r="F295" i="14" s="1"/>
  <c r="D295" i="14"/>
  <c r="E294" i="14"/>
  <c r="F294" i="14" s="1"/>
  <c r="D294" i="14"/>
  <c r="E293" i="14"/>
  <c r="F293" i="14" s="1"/>
  <c r="D293" i="14"/>
  <c r="E292" i="14"/>
  <c r="F292" i="14" s="1"/>
  <c r="D292" i="14"/>
  <c r="E291" i="14"/>
  <c r="D291" i="14"/>
  <c r="E290" i="14"/>
  <c r="D290" i="14"/>
  <c r="E289" i="14"/>
  <c r="F289" i="14" s="1"/>
  <c r="D289" i="14"/>
  <c r="E288" i="14"/>
  <c r="F288" i="14" s="1"/>
  <c r="D288" i="14"/>
  <c r="E287" i="14"/>
  <c r="F287" i="14" s="1"/>
  <c r="D287" i="14"/>
  <c r="E286" i="14"/>
  <c r="F286" i="14" s="1"/>
  <c r="D286" i="14"/>
  <c r="E285" i="14"/>
  <c r="D285" i="14"/>
  <c r="E284" i="14"/>
  <c r="D284" i="14"/>
  <c r="E283" i="14"/>
  <c r="F283" i="14" s="1"/>
  <c r="D283" i="14"/>
  <c r="E282" i="14"/>
  <c r="F282" i="14" s="1"/>
  <c r="D282" i="14"/>
  <c r="E281" i="14"/>
  <c r="F281" i="14" s="1"/>
  <c r="D281" i="14"/>
  <c r="E280" i="14"/>
  <c r="F280" i="14" s="1"/>
  <c r="D280" i="14"/>
  <c r="E279" i="14"/>
  <c r="D279" i="14"/>
  <c r="E278" i="14"/>
  <c r="D278" i="14"/>
  <c r="E277" i="14"/>
  <c r="F277" i="14" s="1"/>
  <c r="D277" i="14"/>
  <c r="E276" i="14"/>
  <c r="F276" i="14" s="1"/>
  <c r="D276" i="14"/>
  <c r="E275" i="14"/>
  <c r="F275" i="14" s="1"/>
  <c r="D275" i="14"/>
  <c r="E274" i="14"/>
  <c r="F274" i="14" s="1"/>
  <c r="D274" i="14"/>
  <c r="E273" i="14"/>
  <c r="D273" i="14"/>
  <c r="E272" i="14"/>
  <c r="D272" i="14"/>
  <c r="E271" i="14"/>
  <c r="F271" i="14" s="1"/>
  <c r="D271" i="14"/>
  <c r="E270" i="14"/>
  <c r="F270" i="14" s="1"/>
  <c r="D270" i="14"/>
  <c r="E269" i="14"/>
  <c r="F269" i="14" s="1"/>
  <c r="D269" i="14"/>
  <c r="E268" i="14"/>
  <c r="F268" i="14" s="1"/>
  <c r="D268" i="14"/>
  <c r="E267" i="14"/>
  <c r="D267" i="14"/>
  <c r="E266" i="14"/>
  <c r="D266" i="14"/>
  <c r="E265" i="14"/>
  <c r="F265" i="14" s="1"/>
  <c r="D265" i="14"/>
  <c r="E264" i="14"/>
  <c r="F264" i="14" s="1"/>
  <c r="D264" i="14"/>
  <c r="E263" i="14"/>
  <c r="F263" i="14" s="1"/>
  <c r="D263" i="14"/>
  <c r="E262" i="14"/>
  <c r="F262" i="14" s="1"/>
  <c r="D262" i="14"/>
  <c r="E261" i="14"/>
  <c r="D261" i="14"/>
  <c r="E260" i="14"/>
  <c r="D260" i="14"/>
  <c r="E259" i="14"/>
  <c r="F259" i="14" s="1"/>
  <c r="D259" i="14"/>
  <c r="E258" i="14"/>
  <c r="F258" i="14" s="1"/>
  <c r="D258" i="14"/>
  <c r="E257" i="14"/>
  <c r="F257" i="14" s="1"/>
  <c r="D257" i="14"/>
  <c r="E256" i="14"/>
  <c r="F256" i="14" s="1"/>
  <c r="D256" i="14"/>
  <c r="E255" i="14"/>
  <c r="D255" i="14"/>
  <c r="E254" i="14"/>
  <c r="D254" i="14"/>
  <c r="E253" i="14"/>
  <c r="F253" i="14" s="1"/>
  <c r="D253" i="14"/>
  <c r="E252" i="14"/>
  <c r="F252" i="14" s="1"/>
  <c r="D252" i="14"/>
  <c r="E251" i="14"/>
  <c r="F251" i="14" s="1"/>
  <c r="D251" i="14"/>
  <c r="E250" i="14"/>
  <c r="F250" i="14" s="1"/>
  <c r="D250" i="14"/>
  <c r="E249" i="14"/>
  <c r="D249" i="14"/>
  <c r="E248" i="14"/>
  <c r="D248" i="14"/>
  <c r="E247" i="14"/>
  <c r="F247" i="14" s="1"/>
  <c r="D247" i="14"/>
  <c r="E246" i="14"/>
  <c r="F246" i="14" s="1"/>
  <c r="D246" i="14"/>
  <c r="E245" i="14"/>
  <c r="F245" i="14" s="1"/>
  <c r="D245" i="14"/>
  <c r="E244" i="14"/>
  <c r="F244" i="14" s="1"/>
  <c r="D244" i="14"/>
  <c r="E243" i="14"/>
  <c r="D243" i="14"/>
  <c r="E242" i="14"/>
  <c r="D242" i="14"/>
  <c r="E241" i="14"/>
  <c r="F241" i="14" s="1"/>
  <c r="D241" i="14"/>
  <c r="E240" i="14"/>
  <c r="F240" i="14" s="1"/>
  <c r="D240" i="14"/>
  <c r="E239" i="14"/>
  <c r="F239" i="14" s="1"/>
  <c r="D239" i="14"/>
  <c r="E238" i="14"/>
  <c r="F238" i="14" s="1"/>
  <c r="D238" i="14"/>
  <c r="E237" i="14"/>
  <c r="F237" i="14" s="1"/>
  <c r="D237" i="14"/>
  <c r="E236" i="14"/>
  <c r="D236" i="14"/>
  <c r="E235" i="14"/>
  <c r="F235" i="14" s="1"/>
  <c r="D235" i="14"/>
  <c r="E234" i="14"/>
  <c r="F234" i="14" s="1"/>
  <c r="D234" i="14"/>
  <c r="E233" i="14"/>
  <c r="F233" i="14" s="1"/>
  <c r="D233" i="14"/>
  <c r="E232" i="14"/>
  <c r="F232" i="14" s="1"/>
  <c r="D232" i="14"/>
  <c r="E231" i="14"/>
  <c r="F231" i="14" s="1"/>
  <c r="D231" i="14"/>
  <c r="E230" i="14"/>
  <c r="D230" i="14"/>
  <c r="E229" i="14"/>
  <c r="F229" i="14" s="1"/>
  <c r="D229" i="14"/>
  <c r="E228" i="14"/>
  <c r="F228" i="14" s="1"/>
  <c r="D228" i="14"/>
  <c r="E227" i="14"/>
  <c r="F227" i="14" s="1"/>
  <c r="D227" i="14"/>
  <c r="E226" i="14"/>
  <c r="F226" i="14" s="1"/>
  <c r="D226" i="14"/>
  <c r="E225" i="14"/>
  <c r="F225" i="14" s="1"/>
  <c r="D225" i="14"/>
  <c r="E224" i="14"/>
  <c r="D224" i="14"/>
  <c r="E223" i="14"/>
  <c r="F223" i="14" s="1"/>
  <c r="D223" i="14"/>
  <c r="E222" i="14"/>
  <c r="F222" i="14" s="1"/>
  <c r="D222" i="14"/>
  <c r="E221" i="14"/>
  <c r="F221" i="14" s="1"/>
  <c r="D221" i="14"/>
  <c r="E220" i="14"/>
  <c r="F220" i="14" s="1"/>
  <c r="D220" i="14"/>
  <c r="E219" i="14"/>
  <c r="F219" i="14" s="1"/>
  <c r="D219" i="14"/>
  <c r="E218" i="14"/>
  <c r="D218" i="14"/>
  <c r="E217" i="14"/>
  <c r="F217" i="14" s="1"/>
  <c r="D217" i="14"/>
  <c r="E216" i="14"/>
  <c r="F216" i="14" s="1"/>
  <c r="D216" i="14"/>
  <c r="E215" i="14"/>
  <c r="F215" i="14" s="1"/>
  <c r="D215" i="14"/>
  <c r="E214" i="14"/>
  <c r="F214" i="14" s="1"/>
  <c r="D214" i="14"/>
  <c r="E213" i="14"/>
  <c r="F213" i="14" s="1"/>
  <c r="D213" i="14"/>
  <c r="E212" i="14"/>
  <c r="D212" i="14"/>
  <c r="E211" i="14"/>
  <c r="F211" i="14" s="1"/>
  <c r="D211" i="14"/>
  <c r="E210" i="14"/>
  <c r="F210" i="14" s="1"/>
  <c r="D210" i="14"/>
  <c r="E209" i="14"/>
  <c r="F209" i="14" s="1"/>
  <c r="D209" i="14"/>
  <c r="E208" i="14"/>
  <c r="F208" i="14" s="1"/>
  <c r="D208" i="14"/>
  <c r="E207" i="14"/>
  <c r="F207" i="14" s="1"/>
  <c r="D207" i="14"/>
  <c r="E206" i="14"/>
  <c r="D206" i="14"/>
  <c r="E205" i="14"/>
  <c r="F205" i="14" s="1"/>
  <c r="D205" i="14"/>
  <c r="E204" i="14"/>
  <c r="F204" i="14" s="1"/>
  <c r="D204" i="14"/>
  <c r="E203" i="14"/>
  <c r="F203" i="14" s="1"/>
  <c r="D203" i="14"/>
  <c r="E202" i="14"/>
  <c r="F202" i="14" s="1"/>
  <c r="D202" i="14"/>
  <c r="E201" i="14"/>
  <c r="F201" i="14" s="1"/>
  <c r="D201" i="14"/>
  <c r="E200" i="14"/>
  <c r="D200" i="14"/>
  <c r="E199" i="14"/>
  <c r="F199" i="14" s="1"/>
  <c r="D199" i="14"/>
  <c r="E198" i="14"/>
  <c r="F198" i="14" s="1"/>
  <c r="D198" i="14"/>
  <c r="E197" i="14"/>
  <c r="F197" i="14" s="1"/>
  <c r="D197" i="14"/>
  <c r="E196" i="14"/>
  <c r="F196" i="14" s="1"/>
  <c r="D196" i="14"/>
  <c r="E195" i="14"/>
  <c r="F195" i="14" s="1"/>
  <c r="D195" i="14"/>
  <c r="E194" i="14"/>
  <c r="D194" i="14"/>
  <c r="E193" i="14"/>
  <c r="F193" i="14" s="1"/>
  <c r="D193" i="14"/>
  <c r="E192" i="14"/>
  <c r="F192" i="14" s="1"/>
  <c r="D192" i="14"/>
  <c r="E191" i="14"/>
  <c r="F191" i="14" s="1"/>
  <c r="D191" i="14"/>
  <c r="E190" i="14"/>
  <c r="F190" i="14" s="1"/>
  <c r="D190" i="14"/>
  <c r="E189" i="14"/>
  <c r="F189" i="14" s="1"/>
  <c r="D189" i="14"/>
  <c r="E188" i="14"/>
  <c r="D188" i="14"/>
  <c r="E187" i="14"/>
  <c r="F187" i="14" s="1"/>
  <c r="D187" i="14"/>
  <c r="E186" i="14"/>
  <c r="F186" i="14" s="1"/>
  <c r="D186" i="14"/>
  <c r="E185" i="14"/>
  <c r="F185" i="14" s="1"/>
  <c r="D185" i="14"/>
  <c r="E184" i="14"/>
  <c r="F184" i="14" s="1"/>
  <c r="D184" i="14"/>
  <c r="E183" i="14"/>
  <c r="F183" i="14" s="1"/>
  <c r="D183" i="14"/>
  <c r="E182" i="14"/>
  <c r="D182" i="14"/>
  <c r="E181" i="14"/>
  <c r="F181" i="14" s="1"/>
  <c r="D181" i="14"/>
  <c r="E180" i="14"/>
  <c r="F180" i="14" s="1"/>
  <c r="D180" i="14"/>
  <c r="E179" i="14"/>
  <c r="F179" i="14" s="1"/>
  <c r="D179" i="14"/>
  <c r="E178" i="14"/>
  <c r="F178" i="14" s="1"/>
  <c r="D178" i="14"/>
  <c r="E177" i="14"/>
  <c r="F177" i="14" s="1"/>
  <c r="D177" i="14"/>
  <c r="E176" i="14"/>
  <c r="D176" i="14"/>
  <c r="E175" i="14"/>
  <c r="F175" i="14" s="1"/>
  <c r="D175" i="14"/>
  <c r="E174" i="14"/>
  <c r="F174" i="14" s="1"/>
  <c r="D174" i="14"/>
  <c r="E173" i="14"/>
  <c r="F173" i="14" s="1"/>
  <c r="D173" i="14"/>
  <c r="E172" i="14"/>
  <c r="F172" i="14" s="1"/>
  <c r="D172" i="14"/>
  <c r="E171" i="14"/>
  <c r="F171" i="14" s="1"/>
  <c r="D171" i="14"/>
  <c r="E170" i="14"/>
  <c r="D170" i="14"/>
  <c r="E169" i="14"/>
  <c r="F169" i="14" s="1"/>
  <c r="D169" i="14"/>
  <c r="E168" i="14"/>
  <c r="F168" i="14" s="1"/>
  <c r="D168" i="14"/>
  <c r="E167" i="14"/>
  <c r="F167" i="14" s="1"/>
  <c r="D167" i="14"/>
  <c r="E166" i="14"/>
  <c r="F166" i="14" s="1"/>
  <c r="D166" i="14"/>
  <c r="E165" i="14"/>
  <c r="F165" i="14" s="1"/>
  <c r="D165" i="14"/>
  <c r="E164" i="14"/>
  <c r="D164" i="14"/>
  <c r="E163" i="14"/>
  <c r="F163" i="14" s="1"/>
  <c r="D163" i="14"/>
  <c r="E162" i="14"/>
  <c r="F162" i="14" s="1"/>
  <c r="D162" i="14"/>
  <c r="E161" i="14"/>
  <c r="F161" i="14" s="1"/>
  <c r="D161" i="14"/>
  <c r="E160" i="14"/>
  <c r="F160" i="14" s="1"/>
  <c r="D160" i="14"/>
  <c r="E159" i="14"/>
  <c r="F159" i="14" s="1"/>
  <c r="D159" i="14"/>
  <c r="E158" i="14"/>
  <c r="D158" i="14"/>
  <c r="E157" i="14"/>
  <c r="F157" i="14" s="1"/>
  <c r="D157" i="14"/>
  <c r="E156" i="14"/>
  <c r="F156" i="14" s="1"/>
  <c r="D156" i="14"/>
  <c r="E155" i="14"/>
  <c r="F155" i="14" s="1"/>
  <c r="D155" i="14"/>
  <c r="E154" i="14"/>
  <c r="F154" i="14" s="1"/>
  <c r="D154" i="14"/>
  <c r="E153" i="14"/>
  <c r="F153" i="14" s="1"/>
  <c r="D153" i="14"/>
  <c r="E152" i="14"/>
  <c r="D152" i="14"/>
  <c r="E151" i="14"/>
  <c r="F151" i="14" s="1"/>
  <c r="D151" i="14"/>
  <c r="E150" i="14"/>
  <c r="F150" i="14" s="1"/>
  <c r="D150" i="14"/>
  <c r="E149" i="14"/>
  <c r="F149" i="14" s="1"/>
  <c r="D149" i="14"/>
  <c r="E148" i="14"/>
  <c r="F148" i="14" s="1"/>
  <c r="D148" i="14"/>
  <c r="E147" i="14"/>
  <c r="F147" i="14" s="1"/>
  <c r="D147" i="14"/>
  <c r="E146" i="14"/>
  <c r="D146" i="14"/>
  <c r="E145" i="14"/>
  <c r="F145" i="14" s="1"/>
  <c r="D145" i="14"/>
  <c r="E144" i="14"/>
  <c r="F144" i="14" s="1"/>
  <c r="D144" i="14"/>
  <c r="E143" i="14"/>
  <c r="F143" i="14" s="1"/>
  <c r="D143" i="14"/>
  <c r="E142" i="14"/>
  <c r="F142" i="14" s="1"/>
  <c r="D142" i="14"/>
  <c r="E141" i="14"/>
  <c r="F141" i="14" s="1"/>
  <c r="D141" i="14"/>
  <c r="E140" i="14"/>
  <c r="D140" i="14"/>
  <c r="E139" i="14"/>
  <c r="F139" i="14" s="1"/>
  <c r="D139" i="14"/>
  <c r="E138" i="14"/>
  <c r="F138" i="14" s="1"/>
  <c r="D138" i="14"/>
  <c r="E137" i="14"/>
  <c r="F137" i="14" s="1"/>
  <c r="D137" i="14"/>
  <c r="E136" i="14"/>
  <c r="F136" i="14" s="1"/>
  <c r="D136" i="14"/>
  <c r="E135" i="14"/>
  <c r="F135" i="14" s="1"/>
  <c r="D135" i="14"/>
  <c r="E134" i="14"/>
  <c r="D134" i="14"/>
  <c r="E133" i="14"/>
  <c r="F133" i="14" s="1"/>
  <c r="D133" i="14"/>
  <c r="E132" i="14"/>
  <c r="F132" i="14" s="1"/>
  <c r="D132" i="14"/>
  <c r="E131" i="14"/>
  <c r="F131" i="14" s="1"/>
  <c r="D131" i="14"/>
  <c r="E130" i="14"/>
  <c r="F130" i="14" s="1"/>
  <c r="D130" i="14"/>
  <c r="E129" i="14"/>
  <c r="F129" i="14" s="1"/>
  <c r="D129" i="14"/>
  <c r="E128" i="14"/>
  <c r="D128" i="14"/>
  <c r="E127" i="14"/>
  <c r="F127" i="14" s="1"/>
  <c r="D127" i="14"/>
  <c r="E126" i="14"/>
  <c r="F126" i="14" s="1"/>
  <c r="D126" i="14"/>
  <c r="E125" i="14"/>
  <c r="F125" i="14" s="1"/>
  <c r="D125" i="14"/>
  <c r="E124" i="14"/>
  <c r="F124" i="14" s="1"/>
  <c r="D124" i="14"/>
  <c r="E123" i="14"/>
  <c r="F123" i="14" s="1"/>
  <c r="D123" i="14"/>
  <c r="E122" i="14"/>
  <c r="D122" i="14"/>
  <c r="E121" i="14"/>
  <c r="F121" i="14" s="1"/>
  <c r="D121" i="14"/>
  <c r="E120" i="14"/>
  <c r="F120" i="14" s="1"/>
  <c r="D120" i="14"/>
  <c r="E119" i="14"/>
  <c r="F119" i="14" s="1"/>
  <c r="D119" i="14"/>
  <c r="E118" i="14"/>
  <c r="F118" i="14" s="1"/>
  <c r="D118" i="14"/>
  <c r="E117" i="14"/>
  <c r="F117" i="14" s="1"/>
  <c r="D117" i="14"/>
  <c r="E116" i="14"/>
  <c r="D116" i="14"/>
  <c r="E115" i="14"/>
  <c r="F115" i="14" s="1"/>
  <c r="D115" i="14"/>
  <c r="E114" i="14"/>
  <c r="F114" i="14" s="1"/>
  <c r="D114" i="14"/>
  <c r="E113" i="14"/>
  <c r="F113" i="14" s="1"/>
  <c r="D113" i="14"/>
  <c r="E112" i="14"/>
  <c r="F112" i="14" s="1"/>
  <c r="D112" i="14"/>
  <c r="E111" i="14"/>
  <c r="F111" i="14" s="1"/>
  <c r="D111" i="14"/>
  <c r="E110" i="14"/>
  <c r="D110" i="14"/>
  <c r="E109" i="14"/>
  <c r="F109" i="14" s="1"/>
  <c r="D109" i="14"/>
  <c r="E108" i="14"/>
  <c r="F108" i="14" s="1"/>
  <c r="D108" i="14"/>
  <c r="E107" i="14"/>
  <c r="F107" i="14" s="1"/>
  <c r="D107" i="14"/>
  <c r="E106" i="14"/>
  <c r="F106" i="14" s="1"/>
  <c r="D106" i="14"/>
  <c r="E105" i="14"/>
  <c r="F105" i="14" s="1"/>
  <c r="D105" i="14"/>
  <c r="E104" i="14"/>
  <c r="D104" i="14"/>
  <c r="E103" i="14"/>
  <c r="F103" i="14" s="1"/>
  <c r="D103" i="14"/>
  <c r="E102" i="14"/>
  <c r="F102" i="14" s="1"/>
  <c r="D102" i="14"/>
  <c r="E101" i="14"/>
  <c r="F101" i="14" s="1"/>
  <c r="D101" i="14"/>
  <c r="E100" i="14"/>
  <c r="F100" i="14" s="1"/>
  <c r="D100" i="14"/>
  <c r="E99" i="14"/>
  <c r="F99" i="14" s="1"/>
  <c r="D99" i="14"/>
  <c r="E98" i="14"/>
  <c r="D98" i="14"/>
  <c r="E97" i="14"/>
  <c r="F97" i="14" s="1"/>
  <c r="D97" i="14"/>
  <c r="E96" i="14"/>
  <c r="F96" i="14" s="1"/>
  <c r="D96" i="14"/>
  <c r="E95" i="14"/>
  <c r="F95" i="14" s="1"/>
  <c r="D95" i="14"/>
  <c r="E94" i="14"/>
  <c r="F94" i="14" s="1"/>
  <c r="D94" i="14"/>
  <c r="E93" i="14"/>
  <c r="F93" i="14" s="1"/>
  <c r="D93" i="14"/>
  <c r="E92" i="14"/>
  <c r="D92" i="14"/>
  <c r="E91" i="14"/>
  <c r="F91" i="14" s="1"/>
  <c r="D91" i="14"/>
  <c r="E90" i="14"/>
  <c r="F90" i="14" s="1"/>
  <c r="D90" i="14"/>
  <c r="E89" i="14"/>
  <c r="F89" i="14" s="1"/>
  <c r="D89" i="14"/>
  <c r="E88" i="14"/>
  <c r="F88" i="14" s="1"/>
  <c r="D88" i="14"/>
  <c r="E87" i="14"/>
  <c r="F87" i="14" s="1"/>
  <c r="D87" i="14"/>
  <c r="E86" i="14"/>
  <c r="D86" i="14"/>
  <c r="E85" i="14"/>
  <c r="F85" i="14" s="1"/>
  <c r="D85" i="14"/>
  <c r="E84" i="14"/>
  <c r="F84" i="14" s="1"/>
  <c r="D84" i="14"/>
  <c r="E83" i="14"/>
  <c r="F83" i="14" s="1"/>
  <c r="D83" i="14"/>
  <c r="E82" i="14"/>
  <c r="F82" i="14" s="1"/>
  <c r="D82" i="14"/>
  <c r="E81" i="14"/>
  <c r="F81" i="14" s="1"/>
  <c r="D81" i="14"/>
  <c r="E80" i="14"/>
  <c r="D80" i="14"/>
  <c r="E79" i="14"/>
  <c r="F79" i="14" s="1"/>
  <c r="D79" i="14"/>
  <c r="E78" i="14"/>
  <c r="F78" i="14" s="1"/>
  <c r="D78" i="14"/>
  <c r="E77" i="14"/>
  <c r="F77" i="14" s="1"/>
  <c r="D77" i="14"/>
  <c r="E76" i="14"/>
  <c r="F76" i="14" s="1"/>
  <c r="D76" i="14"/>
  <c r="E75" i="14"/>
  <c r="F75" i="14" s="1"/>
  <c r="D75" i="14"/>
  <c r="E74" i="14"/>
  <c r="D74" i="14"/>
  <c r="E73" i="14"/>
  <c r="F73" i="14" s="1"/>
  <c r="D73" i="14"/>
  <c r="E72" i="14"/>
  <c r="F72" i="14" s="1"/>
  <c r="D72" i="14"/>
  <c r="E71" i="14"/>
  <c r="F71" i="14" s="1"/>
  <c r="D71" i="14"/>
  <c r="E70" i="14"/>
  <c r="F70" i="14" s="1"/>
  <c r="D70" i="14"/>
  <c r="E69" i="14"/>
  <c r="F69" i="14" s="1"/>
  <c r="D69" i="14"/>
  <c r="E68" i="14"/>
  <c r="D68" i="14"/>
  <c r="E67" i="14"/>
  <c r="F67" i="14" s="1"/>
  <c r="D67" i="14"/>
  <c r="E66" i="14"/>
  <c r="F66" i="14" s="1"/>
  <c r="D66" i="14"/>
  <c r="E65" i="14"/>
  <c r="F65" i="14" s="1"/>
  <c r="D65" i="14"/>
  <c r="E64" i="14"/>
  <c r="F64" i="14" s="1"/>
  <c r="D64" i="14"/>
  <c r="E63" i="14"/>
  <c r="F63" i="14" s="1"/>
  <c r="D63" i="14"/>
  <c r="E62" i="14"/>
  <c r="D62" i="14"/>
  <c r="E61" i="14"/>
  <c r="F61" i="14" s="1"/>
  <c r="D61" i="14"/>
  <c r="E60" i="14"/>
  <c r="F60" i="14" s="1"/>
  <c r="D60" i="14"/>
  <c r="E59" i="14"/>
  <c r="F59" i="14" s="1"/>
  <c r="D59" i="14"/>
  <c r="E58" i="14"/>
  <c r="F58" i="14" s="1"/>
  <c r="D58" i="14"/>
  <c r="E57" i="14"/>
  <c r="F57" i="14" s="1"/>
  <c r="D57" i="14"/>
  <c r="E56" i="14"/>
  <c r="D56" i="14"/>
  <c r="E55" i="14"/>
  <c r="F55" i="14" s="1"/>
  <c r="D55" i="14"/>
  <c r="E54" i="14"/>
  <c r="F54" i="14" s="1"/>
  <c r="D54" i="14"/>
  <c r="E53" i="14"/>
  <c r="F53" i="14" s="1"/>
  <c r="D53" i="14"/>
  <c r="E52" i="14"/>
  <c r="F52" i="14" s="1"/>
  <c r="D52" i="14"/>
  <c r="E51" i="14"/>
  <c r="F51" i="14" s="1"/>
  <c r="D51" i="14"/>
  <c r="E50" i="14"/>
  <c r="D50" i="14"/>
  <c r="E49" i="14"/>
  <c r="F49" i="14" s="1"/>
  <c r="D49" i="14"/>
  <c r="E48" i="14"/>
  <c r="F48" i="14" s="1"/>
  <c r="D48" i="14"/>
  <c r="E47" i="14"/>
  <c r="F47" i="14" s="1"/>
  <c r="D47" i="14"/>
  <c r="E46" i="14"/>
  <c r="F46" i="14" s="1"/>
  <c r="D46" i="14"/>
  <c r="E45" i="14"/>
  <c r="F45" i="14" s="1"/>
  <c r="D45" i="14"/>
  <c r="E44" i="14"/>
  <c r="D44" i="14"/>
  <c r="E43" i="14"/>
  <c r="F43" i="14" s="1"/>
  <c r="D43" i="14"/>
  <c r="E42" i="14"/>
  <c r="F42" i="14" s="1"/>
  <c r="D42" i="14"/>
  <c r="E41" i="14"/>
  <c r="F41" i="14" s="1"/>
  <c r="D41" i="14"/>
  <c r="E40" i="14"/>
  <c r="F40" i="14" s="1"/>
  <c r="D40" i="14"/>
  <c r="E39" i="14"/>
  <c r="F39" i="14" s="1"/>
  <c r="D39" i="14"/>
  <c r="E38" i="14"/>
  <c r="D38" i="14"/>
  <c r="E37" i="14"/>
  <c r="F37" i="14" s="1"/>
  <c r="D37" i="14"/>
  <c r="E36" i="14"/>
  <c r="F36" i="14" s="1"/>
  <c r="D36" i="14"/>
  <c r="E35" i="14"/>
  <c r="F35" i="14" s="1"/>
  <c r="D35" i="14"/>
  <c r="E34" i="14"/>
  <c r="F34" i="14" s="1"/>
  <c r="D34" i="14"/>
  <c r="E33" i="14"/>
  <c r="F33" i="14" s="1"/>
  <c r="D33" i="14"/>
  <c r="E32" i="14"/>
  <c r="D32" i="14"/>
  <c r="E31" i="14"/>
  <c r="F31" i="14" s="1"/>
  <c r="D31" i="14"/>
  <c r="E30" i="14"/>
  <c r="F30" i="14" s="1"/>
  <c r="D30" i="14"/>
  <c r="E29" i="14"/>
  <c r="F29" i="14" s="1"/>
  <c r="D29" i="14"/>
  <c r="E28" i="14"/>
  <c r="F28" i="14" s="1"/>
  <c r="D28" i="14"/>
  <c r="E27" i="14"/>
  <c r="F27" i="14" s="1"/>
  <c r="D27" i="14"/>
  <c r="E26" i="14"/>
  <c r="D26" i="14"/>
  <c r="E25" i="14"/>
  <c r="F25" i="14" s="1"/>
  <c r="D25" i="14"/>
  <c r="E24" i="14"/>
  <c r="F24" i="14" s="1"/>
  <c r="D24" i="14"/>
  <c r="E23" i="14"/>
  <c r="F23" i="14" s="1"/>
  <c r="D23" i="14"/>
  <c r="E22" i="14"/>
  <c r="F22" i="14" s="1"/>
  <c r="D22" i="14"/>
  <c r="E21" i="14"/>
  <c r="F21" i="14" s="1"/>
  <c r="D21" i="14"/>
  <c r="E20" i="14"/>
  <c r="D20" i="14"/>
  <c r="E19" i="14"/>
  <c r="F19" i="14" s="1"/>
  <c r="D19" i="14"/>
  <c r="E18" i="14"/>
  <c r="F18" i="14" s="1"/>
  <c r="D18" i="14"/>
  <c r="E17" i="14"/>
  <c r="F17" i="14" s="1"/>
  <c r="D17" i="14"/>
  <c r="E16" i="14"/>
  <c r="F16" i="14" s="1"/>
  <c r="D16" i="14"/>
  <c r="E15" i="14"/>
  <c r="F15" i="14" s="1"/>
  <c r="D15" i="14"/>
  <c r="E14" i="14"/>
  <c r="D14" i="14"/>
  <c r="E13" i="14"/>
  <c r="F13" i="14" s="1"/>
  <c r="D13" i="14"/>
  <c r="E12" i="14"/>
  <c r="F12" i="14" s="1"/>
  <c r="D12" i="14"/>
  <c r="E11" i="14"/>
  <c r="F11" i="14" s="1"/>
  <c r="D11" i="14"/>
  <c r="E10" i="14"/>
  <c r="F10" i="14" s="1"/>
  <c r="D10" i="14"/>
  <c r="E9" i="14"/>
  <c r="F9" i="14" s="1"/>
  <c r="D9" i="14"/>
  <c r="E8" i="14"/>
  <c r="D8" i="14"/>
  <c r="E7" i="14"/>
  <c r="F7" i="14" s="1"/>
  <c r="D7" i="14"/>
  <c r="E6" i="14"/>
  <c r="F6" i="14" s="1"/>
  <c r="D6" i="14"/>
  <c r="E5" i="14"/>
  <c r="F5" i="14" s="1"/>
  <c r="D5" i="14"/>
  <c r="E4" i="14"/>
  <c r="F4" i="14" s="1"/>
  <c r="D4" i="14"/>
  <c r="E3" i="14"/>
  <c r="F3" i="14" s="1"/>
  <c r="D3" i="14"/>
  <c r="E2" i="14"/>
  <c r="D2" i="14"/>
  <c r="E409" i="13"/>
  <c r="F409" i="13" s="1"/>
  <c r="D409" i="13"/>
  <c r="E408" i="13"/>
  <c r="F408" i="13" s="1"/>
  <c r="D408" i="13"/>
  <c r="E407" i="13"/>
  <c r="D407" i="13"/>
  <c r="E406" i="13"/>
  <c r="F406" i="13" s="1"/>
  <c r="D406" i="13"/>
  <c r="E405" i="13"/>
  <c r="D405" i="13"/>
  <c r="E404" i="13"/>
  <c r="F404" i="13" s="1"/>
  <c r="D404" i="13"/>
  <c r="E403" i="13"/>
  <c r="F403" i="13" s="1"/>
  <c r="D403" i="13"/>
  <c r="E402" i="13"/>
  <c r="F402" i="13" s="1"/>
  <c r="D402" i="13"/>
  <c r="E401" i="13"/>
  <c r="D401" i="13"/>
  <c r="E400" i="13"/>
  <c r="F400" i="13" s="1"/>
  <c r="D400" i="13"/>
  <c r="E399" i="13"/>
  <c r="D399" i="13"/>
  <c r="E398" i="13"/>
  <c r="F398" i="13" s="1"/>
  <c r="D398" i="13"/>
  <c r="E397" i="13"/>
  <c r="F397" i="13" s="1"/>
  <c r="D397" i="13"/>
  <c r="E396" i="13"/>
  <c r="F396" i="13" s="1"/>
  <c r="D396" i="13"/>
  <c r="E395" i="13"/>
  <c r="D395" i="13"/>
  <c r="E394" i="13"/>
  <c r="F394" i="13" s="1"/>
  <c r="D394" i="13"/>
  <c r="E393" i="13"/>
  <c r="D393" i="13"/>
  <c r="E392" i="13"/>
  <c r="F392" i="13" s="1"/>
  <c r="D392" i="13"/>
  <c r="E391" i="13"/>
  <c r="F391" i="13" s="1"/>
  <c r="D391" i="13"/>
  <c r="E390" i="13"/>
  <c r="F390" i="13" s="1"/>
  <c r="D390" i="13"/>
  <c r="E389" i="13"/>
  <c r="D389" i="13"/>
  <c r="E388" i="13"/>
  <c r="F388" i="13" s="1"/>
  <c r="D388" i="13"/>
  <c r="E387" i="13"/>
  <c r="D387" i="13"/>
  <c r="E386" i="13"/>
  <c r="F386" i="13" s="1"/>
  <c r="D386" i="13"/>
  <c r="E385" i="13"/>
  <c r="F385" i="13" s="1"/>
  <c r="D385" i="13"/>
  <c r="E384" i="13"/>
  <c r="F384" i="13" s="1"/>
  <c r="D384" i="13"/>
  <c r="E383" i="13"/>
  <c r="D383" i="13"/>
  <c r="E382" i="13"/>
  <c r="F382" i="13" s="1"/>
  <c r="D382" i="13"/>
  <c r="E381" i="13"/>
  <c r="D381" i="13"/>
  <c r="E380" i="13"/>
  <c r="F380" i="13" s="1"/>
  <c r="D380" i="13"/>
  <c r="E379" i="13"/>
  <c r="F379" i="13" s="1"/>
  <c r="D379" i="13"/>
  <c r="E378" i="13"/>
  <c r="F378" i="13" s="1"/>
  <c r="D378" i="13"/>
  <c r="E377" i="13"/>
  <c r="D377" i="13"/>
  <c r="E376" i="13"/>
  <c r="F376" i="13" s="1"/>
  <c r="D376" i="13"/>
  <c r="E375" i="13"/>
  <c r="D375" i="13"/>
  <c r="E374" i="13"/>
  <c r="F374" i="13" s="1"/>
  <c r="D374" i="13"/>
  <c r="E373" i="13"/>
  <c r="F373" i="13" s="1"/>
  <c r="D373" i="13"/>
  <c r="E372" i="13"/>
  <c r="F372" i="13" s="1"/>
  <c r="D372" i="13"/>
  <c r="E371" i="13"/>
  <c r="D371" i="13"/>
  <c r="E370" i="13"/>
  <c r="F370" i="13" s="1"/>
  <c r="D370" i="13"/>
  <c r="E369" i="13"/>
  <c r="D369" i="13"/>
  <c r="E368" i="13"/>
  <c r="F368" i="13" s="1"/>
  <c r="D368" i="13"/>
  <c r="E367" i="13"/>
  <c r="F367" i="13" s="1"/>
  <c r="D367" i="13"/>
  <c r="E366" i="13"/>
  <c r="F366" i="13" s="1"/>
  <c r="D366" i="13"/>
  <c r="E365" i="13"/>
  <c r="D365" i="13"/>
  <c r="E364" i="13"/>
  <c r="F364" i="13" s="1"/>
  <c r="D364" i="13"/>
  <c r="E363" i="13"/>
  <c r="D363" i="13"/>
  <c r="E362" i="13"/>
  <c r="F362" i="13" s="1"/>
  <c r="D362" i="13"/>
  <c r="E361" i="13"/>
  <c r="F361" i="13" s="1"/>
  <c r="D361" i="13"/>
  <c r="E360" i="13"/>
  <c r="F360" i="13" s="1"/>
  <c r="D360" i="13"/>
  <c r="E359" i="13"/>
  <c r="D359" i="13"/>
  <c r="E358" i="13"/>
  <c r="F358" i="13" s="1"/>
  <c r="D358" i="13"/>
  <c r="E357" i="13"/>
  <c r="D357" i="13"/>
  <c r="E356" i="13"/>
  <c r="F356" i="13" s="1"/>
  <c r="D356" i="13"/>
  <c r="E355" i="13"/>
  <c r="F355" i="13" s="1"/>
  <c r="D355" i="13"/>
  <c r="E354" i="13"/>
  <c r="F354" i="13" s="1"/>
  <c r="D354" i="13"/>
  <c r="E353" i="13"/>
  <c r="D353" i="13"/>
  <c r="E352" i="13"/>
  <c r="F352" i="13" s="1"/>
  <c r="D352" i="13"/>
  <c r="E351" i="13"/>
  <c r="D351" i="13"/>
  <c r="E350" i="13"/>
  <c r="F350" i="13" s="1"/>
  <c r="D350" i="13"/>
  <c r="E349" i="13"/>
  <c r="F349" i="13" s="1"/>
  <c r="D349" i="13"/>
  <c r="E348" i="13"/>
  <c r="F348" i="13" s="1"/>
  <c r="D348" i="13"/>
  <c r="E347" i="13"/>
  <c r="D347" i="13"/>
  <c r="E346" i="13"/>
  <c r="F346" i="13" s="1"/>
  <c r="D346" i="13"/>
  <c r="E345" i="13"/>
  <c r="D345" i="13"/>
  <c r="E344" i="13"/>
  <c r="F344" i="13" s="1"/>
  <c r="D344" i="13"/>
  <c r="E343" i="13"/>
  <c r="F343" i="13" s="1"/>
  <c r="D343" i="13"/>
  <c r="E342" i="13"/>
  <c r="F342" i="13" s="1"/>
  <c r="D342" i="13"/>
  <c r="E341" i="13"/>
  <c r="D341" i="13"/>
  <c r="E340" i="13"/>
  <c r="F340" i="13" s="1"/>
  <c r="D340" i="13"/>
  <c r="E339" i="13"/>
  <c r="D339" i="13"/>
  <c r="E338" i="13"/>
  <c r="F338" i="13" s="1"/>
  <c r="D338" i="13"/>
  <c r="E337" i="13"/>
  <c r="F337" i="13" s="1"/>
  <c r="D337" i="13"/>
  <c r="E336" i="13"/>
  <c r="F336" i="13" s="1"/>
  <c r="D336" i="13"/>
  <c r="E335" i="13"/>
  <c r="D335" i="13"/>
  <c r="E334" i="13"/>
  <c r="F334" i="13" s="1"/>
  <c r="D334" i="13"/>
  <c r="E333" i="13"/>
  <c r="D333" i="13"/>
  <c r="E332" i="13"/>
  <c r="F332" i="13" s="1"/>
  <c r="D332" i="13"/>
  <c r="E331" i="13"/>
  <c r="F331" i="13" s="1"/>
  <c r="D331" i="13"/>
  <c r="E330" i="13"/>
  <c r="F330" i="13" s="1"/>
  <c r="D330" i="13"/>
  <c r="E329" i="13"/>
  <c r="D329" i="13"/>
  <c r="E328" i="13"/>
  <c r="F328" i="13" s="1"/>
  <c r="D328" i="13"/>
  <c r="E327" i="13"/>
  <c r="D327" i="13"/>
  <c r="E326" i="13"/>
  <c r="F326" i="13" s="1"/>
  <c r="D326" i="13"/>
  <c r="E325" i="13"/>
  <c r="F325" i="13" s="1"/>
  <c r="D325" i="13"/>
  <c r="E324" i="13"/>
  <c r="F324" i="13" s="1"/>
  <c r="D324" i="13"/>
  <c r="E323" i="13"/>
  <c r="D323" i="13"/>
  <c r="E322" i="13"/>
  <c r="F322" i="13" s="1"/>
  <c r="D322" i="13"/>
  <c r="E321" i="13"/>
  <c r="D321" i="13"/>
  <c r="E320" i="13"/>
  <c r="F320" i="13" s="1"/>
  <c r="D320" i="13"/>
  <c r="E319" i="13"/>
  <c r="F319" i="13" s="1"/>
  <c r="D319" i="13"/>
  <c r="E318" i="13"/>
  <c r="F318" i="13" s="1"/>
  <c r="D318" i="13"/>
  <c r="E317" i="13"/>
  <c r="D317" i="13"/>
  <c r="E316" i="13"/>
  <c r="F316" i="13" s="1"/>
  <c r="D316" i="13"/>
  <c r="E315" i="13"/>
  <c r="D315" i="13"/>
  <c r="E314" i="13"/>
  <c r="F314" i="13" s="1"/>
  <c r="D314" i="13"/>
  <c r="E313" i="13"/>
  <c r="F313" i="13" s="1"/>
  <c r="D313" i="13"/>
  <c r="E312" i="13"/>
  <c r="F312" i="13" s="1"/>
  <c r="D312" i="13"/>
  <c r="E311" i="13"/>
  <c r="D311" i="13"/>
  <c r="E310" i="13"/>
  <c r="F310" i="13" s="1"/>
  <c r="D310" i="13"/>
  <c r="E309" i="13"/>
  <c r="D309" i="13"/>
  <c r="E308" i="13"/>
  <c r="F308" i="13" s="1"/>
  <c r="D308" i="13"/>
  <c r="E307" i="13"/>
  <c r="F307" i="13" s="1"/>
  <c r="D307" i="13"/>
  <c r="E306" i="13"/>
  <c r="F306" i="13" s="1"/>
  <c r="D306" i="13"/>
  <c r="E305" i="13"/>
  <c r="D305" i="13"/>
  <c r="E304" i="13"/>
  <c r="F304" i="13" s="1"/>
  <c r="D304" i="13"/>
  <c r="E303" i="13"/>
  <c r="D303" i="13"/>
  <c r="E302" i="13"/>
  <c r="F302" i="13" s="1"/>
  <c r="D302" i="13"/>
  <c r="E301" i="13"/>
  <c r="F301" i="13" s="1"/>
  <c r="D301" i="13"/>
  <c r="E300" i="13"/>
  <c r="F300" i="13" s="1"/>
  <c r="D300" i="13"/>
  <c r="E299" i="13"/>
  <c r="D299" i="13"/>
  <c r="E298" i="13"/>
  <c r="F298" i="13" s="1"/>
  <c r="D298" i="13"/>
  <c r="E297" i="13"/>
  <c r="D297" i="13"/>
  <c r="E296" i="13"/>
  <c r="F296" i="13" s="1"/>
  <c r="D296" i="13"/>
  <c r="E295" i="13"/>
  <c r="F295" i="13" s="1"/>
  <c r="D295" i="13"/>
  <c r="E294" i="13"/>
  <c r="F294" i="13" s="1"/>
  <c r="D294" i="13"/>
  <c r="E293" i="13"/>
  <c r="D293" i="13"/>
  <c r="E292" i="13"/>
  <c r="F292" i="13" s="1"/>
  <c r="D292" i="13"/>
  <c r="E291" i="13"/>
  <c r="D291" i="13"/>
  <c r="E290" i="13"/>
  <c r="F290" i="13" s="1"/>
  <c r="D290" i="13"/>
  <c r="E289" i="13"/>
  <c r="F289" i="13" s="1"/>
  <c r="D289" i="13"/>
  <c r="E288" i="13"/>
  <c r="F288" i="13" s="1"/>
  <c r="D288" i="13"/>
  <c r="E287" i="13"/>
  <c r="D287" i="13"/>
  <c r="E286" i="13"/>
  <c r="F286" i="13" s="1"/>
  <c r="D286" i="13"/>
  <c r="E285" i="13"/>
  <c r="D285" i="13"/>
  <c r="E284" i="13"/>
  <c r="F284" i="13" s="1"/>
  <c r="D284" i="13"/>
  <c r="E283" i="13"/>
  <c r="F283" i="13" s="1"/>
  <c r="D283" i="13"/>
  <c r="E282" i="13"/>
  <c r="F282" i="13" s="1"/>
  <c r="D282" i="13"/>
  <c r="E281" i="13"/>
  <c r="D281" i="13"/>
  <c r="E280" i="13"/>
  <c r="F280" i="13" s="1"/>
  <c r="D280" i="13"/>
  <c r="E279" i="13"/>
  <c r="D279" i="13"/>
  <c r="E278" i="13"/>
  <c r="F278" i="13" s="1"/>
  <c r="D278" i="13"/>
  <c r="E277" i="13"/>
  <c r="F277" i="13" s="1"/>
  <c r="D277" i="13"/>
  <c r="E276" i="13"/>
  <c r="F276" i="13" s="1"/>
  <c r="D276" i="13"/>
  <c r="E275" i="13"/>
  <c r="D275" i="13"/>
  <c r="E274" i="13"/>
  <c r="F274" i="13" s="1"/>
  <c r="D274" i="13"/>
  <c r="E273" i="13"/>
  <c r="D273" i="13"/>
  <c r="E272" i="13"/>
  <c r="F272" i="13" s="1"/>
  <c r="D272" i="13"/>
  <c r="E271" i="13"/>
  <c r="F271" i="13" s="1"/>
  <c r="D271" i="13"/>
  <c r="E270" i="13"/>
  <c r="F270" i="13" s="1"/>
  <c r="D270" i="13"/>
  <c r="E269" i="13"/>
  <c r="D269" i="13"/>
  <c r="E268" i="13"/>
  <c r="F268" i="13" s="1"/>
  <c r="D268" i="13"/>
  <c r="E267" i="13"/>
  <c r="D267" i="13"/>
  <c r="E266" i="13"/>
  <c r="F266" i="13" s="1"/>
  <c r="D266" i="13"/>
  <c r="E265" i="13"/>
  <c r="F265" i="13" s="1"/>
  <c r="D265" i="13"/>
  <c r="E264" i="13"/>
  <c r="F264" i="13" s="1"/>
  <c r="D264" i="13"/>
  <c r="E263" i="13"/>
  <c r="D263" i="13"/>
  <c r="E262" i="13"/>
  <c r="F262" i="13" s="1"/>
  <c r="D262" i="13"/>
  <c r="E261" i="13"/>
  <c r="D261" i="13"/>
  <c r="E260" i="13"/>
  <c r="F260" i="13" s="1"/>
  <c r="D260" i="13"/>
  <c r="E259" i="13"/>
  <c r="F259" i="13" s="1"/>
  <c r="D259" i="13"/>
  <c r="E258" i="13"/>
  <c r="F258" i="13" s="1"/>
  <c r="D258" i="13"/>
  <c r="E257" i="13"/>
  <c r="D257" i="13"/>
  <c r="E256" i="13"/>
  <c r="F256" i="13" s="1"/>
  <c r="D256" i="13"/>
  <c r="E255" i="13"/>
  <c r="D255" i="13"/>
  <c r="E254" i="13"/>
  <c r="F254" i="13" s="1"/>
  <c r="D254" i="13"/>
  <c r="E253" i="13"/>
  <c r="F253" i="13" s="1"/>
  <c r="D253" i="13"/>
  <c r="E252" i="13"/>
  <c r="F252" i="13" s="1"/>
  <c r="D252" i="13"/>
  <c r="E251" i="13"/>
  <c r="D251" i="13"/>
  <c r="E250" i="13"/>
  <c r="F250" i="13" s="1"/>
  <c r="D250" i="13"/>
  <c r="E249" i="13"/>
  <c r="D249" i="13"/>
  <c r="E248" i="13"/>
  <c r="F248" i="13" s="1"/>
  <c r="D248" i="13"/>
  <c r="E247" i="13"/>
  <c r="F247" i="13" s="1"/>
  <c r="D247" i="13"/>
  <c r="E246" i="13"/>
  <c r="F246" i="13" s="1"/>
  <c r="D246" i="13"/>
  <c r="E245" i="13"/>
  <c r="D245" i="13"/>
  <c r="E244" i="13"/>
  <c r="F244" i="13" s="1"/>
  <c r="D244" i="13"/>
  <c r="E243" i="13"/>
  <c r="D243" i="13"/>
  <c r="E242" i="13"/>
  <c r="F242" i="13" s="1"/>
  <c r="D242" i="13"/>
  <c r="E241" i="13"/>
  <c r="F241" i="13" s="1"/>
  <c r="D241" i="13"/>
  <c r="E240" i="13"/>
  <c r="F240" i="13" s="1"/>
  <c r="D240" i="13"/>
  <c r="E239" i="13"/>
  <c r="D239" i="13"/>
  <c r="E238" i="13"/>
  <c r="F238" i="13" s="1"/>
  <c r="D238" i="13"/>
  <c r="E237" i="13"/>
  <c r="D237" i="13"/>
  <c r="E236" i="13"/>
  <c r="F236" i="13" s="1"/>
  <c r="D236" i="13"/>
  <c r="E235" i="13"/>
  <c r="F235" i="13" s="1"/>
  <c r="D235" i="13"/>
  <c r="E234" i="13"/>
  <c r="F234" i="13" s="1"/>
  <c r="D234" i="13"/>
  <c r="E233" i="13"/>
  <c r="D233" i="13"/>
  <c r="E232" i="13"/>
  <c r="F232" i="13" s="1"/>
  <c r="D232" i="13"/>
  <c r="E231" i="13"/>
  <c r="D231" i="13"/>
  <c r="E230" i="13"/>
  <c r="F230" i="13" s="1"/>
  <c r="D230" i="13"/>
  <c r="E229" i="13"/>
  <c r="F229" i="13" s="1"/>
  <c r="D229" i="13"/>
  <c r="E228" i="13"/>
  <c r="F228" i="13" s="1"/>
  <c r="D228" i="13"/>
  <c r="E227" i="13"/>
  <c r="D227" i="13"/>
  <c r="E226" i="13"/>
  <c r="F226" i="13" s="1"/>
  <c r="D226" i="13"/>
  <c r="E225" i="13"/>
  <c r="D225" i="13"/>
  <c r="E224" i="13"/>
  <c r="F224" i="13" s="1"/>
  <c r="D224" i="13"/>
  <c r="E223" i="13"/>
  <c r="F223" i="13" s="1"/>
  <c r="D223" i="13"/>
  <c r="E222" i="13"/>
  <c r="F222" i="13" s="1"/>
  <c r="D222" i="13"/>
  <c r="E221" i="13"/>
  <c r="D221" i="13"/>
  <c r="E220" i="13"/>
  <c r="F220" i="13" s="1"/>
  <c r="D220" i="13"/>
  <c r="E219" i="13"/>
  <c r="D219" i="13"/>
  <c r="E218" i="13"/>
  <c r="F218" i="13" s="1"/>
  <c r="D218" i="13"/>
  <c r="E217" i="13"/>
  <c r="F217" i="13" s="1"/>
  <c r="D217" i="13"/>
  <c r="E216" i="13"/>
  <c r="F216" i="13" s="1"/>
  <c r="D216" i="13"/>
  <c r="E215" i="13"/>
  <c r="D215" i="13"/>
  <c r="E214" i="13"/>
  <c r="F214" i="13" s="1"/>
  <c r="D214" i="13"/>
  <c r="E213" i="13"/>
  <c r="D213" i="13"/>
  <c r="E212" i="13"/>
  <c r="F212" i="13" s="1"/>
  <c r="D212" i="13"/>
  <c r="E211" i="13"/>
  <c r="F211" i="13" s="1"/>
  <c r="D211" i="13"/>
  <c r="E210" i="13"/>
  <c r="F210" i="13" s="1"/>
  <c r="D210" i="13"/>
  <c r="E209" i="13"/>
  <c r="D209" i="13"/>
  <c r="E208" i="13"/>
  <c r="F208" i="13" s="1"/>
  <c r="D208" i="13"/>
  <c r="E207" i="13"/>
  <c r="D207" i="13"/>
  <c r="E206" i="13"/>
  <c r="F206" i="13" s="1"/>
  <c r="D206" i="13"/>
  <c r="E205" i="13"/>
  <c r="F205" i="13" s="1"/>
  <c r="D205" i="13"/>
  <c r="E204" i="13"/>
  <c r="F204" i="13" s="1"/>
  <c r="D204" i="13"/>
  <c r="E203" i="13"/>
  <c r="D203" i="13"/>
  <c r="E202" i="13"/>
  <c r="F202" i="13" s="1"/>
  <c r="D202" i="13"/>
  <c r="E201" i="13"/>
  <c r="D201" i="13"/>
  <c r="E200" i="13"/>
  <c r="F200" i="13" s="1"/>
  <c r="D200" i="13"/>
  <c r="E199" i="13"/>
  <c r="F199" i="13" s="1"/>
  <c r="D199" i="13"/>
  <c r="E198" i="13"/>
  <c r="F198" i="13" s="1"/>
  <c r="D198" i="13"/>
  <c r="E197" i="13"/>
  <c r="D197" i="13"/>
  <c r="E196" i="13"/>
  <c r="F196" i="13" s="1"/>
  <c r="D196" i="13"/>
  <c r="E195" i="13"/>
  <c r="D195" i="13"/>
  <c r="E194" i="13"/>
  <c r="F194" i="13" s="1"/>
  <c r="D194" i="13"/>
  <c r="E193" i="13"/>
  <c r="F193" i="13" s="1"/>
  <c r="D193" i="13"/>
  <c r="E192" i="13"/>
  <c r="F192" i="13" s="1"/>
  <c r="D192" i="13"/>
  <c r="E191" i="13"/>
  <c r="D191" i="13"/>
  <c r="E190" i="13"/>
  <c r="F190" i="13" s="1"/>
  <c r="D190" i="13"/>
  <c r="E189" i="13"/>
  <c r="D189" i="13"/>
  <c r="E188" i="13"/>
  <c r="F188" i="13" s="1"/>
  <c r="D188" i="13"/>
  <c r="E187" i="13"/>
  <c r="F187" i="13" s="1"/>
  <c r="D187" i="13"/>
  <c r="E186" i="13"/>
  <c r="F186" i="13" s="1"/>
  <c r="D186" i="13"/>
  <c r="E185" i="13"/>
  <c r="D185" i="13"/>
  <c r="E184" i="13"/>
  <c r="F184" i="13" s="1"/>
  <c r="D184" i="13"/>
  <c r="E183" i="13"/>
  <c r="D183" i="13"/>
  <c r="E182" i="13"/>
  <c r="F182" i="13" s="1"/>
  <c r="D182" i="13"/>
  <c r="E181" i="13"/>
  <c r="F181" i="13" s="1"/>
  <c r="D181" i="13"/>
  <c r="E180" i="13"/>
  <c r="F180" i="13" s="1"/>
  <c r="D180" i="13"/>
  <c r="E179" i="13"/>
  <c r="D179" i="13"/>
  <c r="E178" i="13"/>
  <c r="F178" i="13" s="1"/>
  <c r="D178" i="13"/>
  <c r="E177" i="13"/>
  <c r="D177" i="13"/>
  <c r="E176" i="13"/>
  <c r="F176" i="13" s="1"/>
  <c r="D176" i="13"/>
  <c r="E175" i="13"/>
  <c r="F175" i="13" s="1"/>
  <c r="D175" i="13"/>
  <c r="E174" i="13"/>
  <c r="F174" i="13" s="1"/>
  <c r="D174" i="13"/>
  <c r="E173" i="13"/>
  <c r="D173" i="13"/>
  <c r="E172" i="13"/>
  <c r="F172" i="13" s="1"/>
  <c r="D172" i="13"/>
  <c r="E171" i="13"/>
  <c r="D171" i="13"/>
  <c r="E170" i="13"/>
  <c r="F170" i="13" s="1"/>
  <c r="D170" i="13"/>
  <c r="E169" i="13"/>
  <c r="F169" i="13" s="1"/>
  <c r="D169" i="13"/>
  <c r="E168" i="13"/>
  <c r="F168" i="13" s="1"/>
  <c r="D168" i="13"/>
  <c r="E167" i="13"/>
  <c r="D167" i="13"/>
  <c r="E166" i="13"/>
  <c r="F166" i="13" s="1"/>
  <c r="D166" i="13"/>
  <c r="E165" i="13"/>
  <c r="D165" i="13"/>
  <c r="E164" i="13"/>
  <c r="F164" i="13" s="1"/>
  <c r="D164" i="13"/>
  <c r="E163" i="13"/>
  <c r="F163" i="13" s="1"/>
  <c r="D163" i="13"/>
  <c r="E162" i="13"/>
  <c r="F162" i="13" s="1"/>
  <c r="D162" i="13"/>
  <c r="E161" i="13"/>
  <c r="D161" i="13"/>
  <c r="E160" i="13"/>
  <c r="F160" i="13" s="1"/>
  <c r="D160" i="13"/>
  <c r="E159" i="13"/>
  <c r="D159" i="13"/>
  <c r="E158" i="13"/>
  <c r="F158" i="13" s="1"/>
  <c r="D158" i="13"/>
  <c r="E157" i="13"/>
  <c r="F157" i="13" s="1"/>
  <c r="D157" i="13"/>
  <c r="E156" i="13"/>
  <c r="F156" i="13" s="1"/>
  <c r="D156" i="13"/>
  <c r="E155" i="13"/>
  <c r="D155" i="13"/>
  <c r="E154" i="13"/>
  <c r="F154" i="13" s="1"/>
  <c r="D154" i="13"/>
  <c r="E153" i="13"/>
  <c r="D153" i="13"/>
  <c r="E152" i="13"/>
  <c r="F152" i="13" s="1"/>
  <c r="D152" i="13"/>
  <c r="E151" i="13"/>
  <c r="F151" i="13" s="1"/>
  <c r="D151" i="13"/>
  <c r="E150" i="13"/>
  <c r="F150" i="13" s="1"/>
  <c r="D150" i="13"/>
  <c r="E149" i="13"/>
  <c r="D149" i="13"/>
  <c r="E148" i="13"/>
  <c r="F148" i="13" s="1"/>
  <c r="D148" i="13"/>
  <c r="E147" i="13"/>
  <c r="D147" i="13"/>
  <c r="E146" i="13"/>
  <c r="F146" i="13" s="1"/>
  <c r="D146" i="13"/>
  <c r="E145" i="13"/>
  <c r="F145" i="13" s="1"/>
  <c r="D145" i="13"/>
  <c r="E144" i="13"/>
  <c r="F144" i="13" s="1"/>
  <c r="D144" i="13"/>
  <c r="E143" i="13"/>
  <c r="D143" i="13"/>
  <c r="E142" i="13"/>
  <c r="F142" i="13" s="1"/>
  <c r="D142" i="13"/>
  <c r="E141" i="13"/>
  <c r="D141" i="13"/>
  <c r="E140" i="13"/>
  <c r="F140" i="13" s="1"/>
  <c r="D140" i="13"/>
  <c r="E139" i="13"/>
  <c r="F139" i="13" s="1"/>
  <c r="D139" i="13"/>
  <c r="E138" i="13"/>
  <c r="F138" i="13" s="1"/>
  <c r="D138" i="13"/>
  <c r="E137" i="13"/>
  <c r="D137" i="13"/>
  <c r="E136" i="13"/>
  <c r="F136" i="13" s="1"/>
  <c r="D136" i="13"/>
  <c r="E135" i="13"/>
  <c r="D135" i="13"/>
  <c r="E134" i="13"/>
  <c r="F134" i="13" s="1"/>
  <c r="D134" i="13"/>
  <c r="E133" i="13"/>
  <c r="F133" i="13" s="1"/>
  <c r="D133" i="13"/>
  <c r="E132" i="13"/>
  <c r="F132" i="13" s="1"/>
  <c r="D132" i="13"/>
  <c r="E131" i="13"/>
  <c r="D131" i="13"/>
  <c r="E130" i="13"/>
  <c r="F130" i="13" s="1"/>
  <c r="D130" i="13"/>
  <c r="E129" i="13"/>
  <c r="D129" i="13"/>
  <c r="E128" i="13"/>
  <c r="F128" i="13" s="1"/>
  <c r="D128" i="13"/>
  <c r="E127" i="13"/>
  <c r="F127" i="13" s="1"/>
  <c r="D127" i="13"/>
  <c r="E126" i="13"/>
  <c r="F126" i="13" s="1"/>
  <c r="D126" i="13"/>
  <c r="E125" i="13"/>
  <c r="D125" i="13"/>
  <c r="E124" i="13"/>
  <c r="F124" i="13" s="1"/>
  <c r="D124" i="13"/>
  <c r="E123" i="13"/>
  <c r="D123" i="13"/>
  <c r="E122" i="13"/>
  <c r="F122" i="13" s="1"/>
  <c r="D122" i="13"/>
  <c r="E121" i="13"/>
  <c r="F121" i="13" s="1"/>
  <c r="D121" i="13"/>
  <c r="E120" i="13"/>
  <c r="F120" i="13" s="1"/>
  <c r="D120" i="13"/>
  <c r="E119" i="13"/>
  <c r="D119" i="13"/>
  <c r="E118" i="13"/>
  <c r="F118" i="13" s="1"/>
  <c r="D118" i="13"/>
  <c r="E117" i="13"/>
  <c r="D117" i="13"/>
  <c r="E116" i="13"/>
  <c r="F116" i="13" s="1"/>
  <c r="D116" i="13"/>
  <c r="E115" i="13"/>
  <c r="F115" i="13" s="1"/>
  <c r="D115" i="13"/>
  <c r="E114" i="13"/>
  <c r="F114" i="13" s="1"/>
  <c r="D114" i="13"/>
  <c r="E113" i="13"/>
  <c r="D113" i="13"/>
  <c r="E112" i="13"/>
  <c r="F112" i="13" s="1"/>
  <c r="D112" i="13"/>
  <c r="E111" i="13"/>
  <c r="D111" i="13"/>
  <c r="E110" i="13"/>
  <c r="F110" i="13" s="1"/>
  <c r="D110" i="13"/>
  <c r="E109" i="13"/>
  <c r="F109" i="13" s="1"/>
  <c r="D109" i="13"/>
  <c r="E108" i="13"/>
  <c r="F108" i="13" s="1"/>
  <c r="D108" i="13"/>
  <c r="E107" i="13"/>
  <c r="D107" i="13"/>
  <c r="E106" i="13"/>
  <c r="F106" i="13" s="1"/>
  <c r="D106" i="13"/>
  <c r="E105" i="13"/>
  <c r="D105" i="13"/>
  <c r="E104" i="13"/>
  <c r="F104" i="13" s="1"/>
  <c r="D104" i="13"/>
  <c r="E103" i="13"/>
  <c r="F103" i="13" s="1"/>
  <c r="D103" i="13"/>
  <c r="E102" i="13"/>
  <c r="F102" i="13" s="1"/>
  <c r="D102" i="13"/>
  <c r="E101" i="13"/>
  <c r="D101" i="13"/>
  <c r="E100" i="13"/>
  <c r="F100" i="13" s="1"/>
  <c r="D100" i="13"/>
  <c r="E99" i="13"/>
  <c r="D99" i="13"/>
  <c r="E98" i="13"/>
  <c r="F98" i="13" s="1"/>
  <c r="D98" i="13"/>
  <c r="E97" i="13"/>
  <c r="F97" i="13" s="1"/>
  <c r="D97" i="13"/>
  <c r="E96" i="13"/>
  <c r="F96" i="13" s="1"/>
  <c r="D96" i="13"/>
  <c r="E95" i="13"/>
  <c r="D95" i="13"/>
  <c r="E94" i="13"/>
  <c r="F94" i="13" s="1"/>
  <c r="D94" i="13"/>
  <c r="E93" i="13"/>
  <c r="D93" i="13"/>
  <c r="E92" i="13"/>
  <c r="F92" i="13" s="1"/>
  <c r="D92" i="13"/>
  <c r="E91" i="13"/>
  <c r="F91" i="13" s="1"/>
  <c r="D91" i="13"/>
  <c r="E90" i="13"/>
  <c r="F90" i="13" s="1"/>
  <c r="D90" i="13"/>
  <c r="E89" i="13"/>
  <c r="D89" i="13"/>
  <c r="E88" i="13"/>
  <c r="F88" i="13" s="1"/>
  <c r="D88" i="13"/>
  <c r="E87" i="13"/>
  <c r="D87" i="13"/>
  <c r="E86" i="13"/>
  <c r="F86" i="13" s="1"/>
  <c r="D86" i="13"/>
  <c r="E85" i="13"/>
  <c r="F85" i="13" s="1"/>
  <c r="D85" i="13"/>
  <c r="E84" i="13"/>
  <c r="F84" i="13" s="1"/>
  <c r="D84" i="13"/>
  <c r="E83" i="13"/>
  <c r="D83" i="13"/>
  <c r="E82" i="13"/>
  <c r="F82" i="13" s="1"/>
  <c r="D82" i="13"/>
  <c r="E81" i="13"/>
  <c r="D81" i="13"/>
  <c r="E80" i="13"/>
  <c r="F80" i="13" s="1"/>
  <c r="D80" i="13"/>
  <c r="E79" i="13"/>
  <c r="F79" i="13" s="1"/>
  <c r="D79" i="13"/>
  <c r="E78" i="13"/>
  <c r="F78" i="13" s="1"/>
  <c r="D78" i="13"/>
  <c r="E77" i="13"/>
  <c r="D77" i="13"/>
  <c r="E76" i="13"/>
  <c r="F76" i="13" s="1"/>
  <c r="D76" i="13"/>
  <c r="E75" i="13"/>
  <c r="D75" i="13"/>
  <c r="E74" i="13"/>
  <c r="F74" i="13" s="1"/>
  <c r="D74" i="13"/>
  <c r="E73" i="13"/>
  <c r="F73" i="13" s="1"/>
  <c r="D73" i="13"/>
  <c r="E72" i="13"/>
  <c r="F72" i="13" s="1"/>
  <c r="D72" i="13"/>
  <c r="E71" i="13"/>
  <c r="D71" i="13"/>
  <c r="E70" i="13"/>
  <c r="F70" i="13" s="1"/>
  <c r="D70" i="13"/>
  <c r="E69" i="13"/>
  <c r="D69" i="13"/>
  <c r="E68" i="13"/>
  <c r="F68" i="13" s="1"/>
  <c r="D68" i="13"/>
  <c r="E67" i="13"/>
  <c r="F67" i="13" s="1"/>
  <c r="D67" i="13"/>
  <c r="E66" i="13"/>
  <c r="F66" i="13" s="1"/>
  <c r="D66" i="13"/>
  <c r="E65" i="13"/>
  <c r="D65" i="13"/>
  <c r="E64" i="13"/>
  <c r="F64" i="13" s="1"/>
  <c r="D64" i="13"/>
  <c r="E63" i="13"/>
  <c r="D63" i="13"/>
  <c r="E62" i="13"/>
  <c r="F62" i="13" s="1"/>
  <c r="D62" i="13"/>
  <c r="E61" i="13"/>
  <c r="F61" i="13" s="1"/>
  <c r="D61" i="13"/>
  <c r="E60" i="13"/>
  <c r="F60" i="13" s="1"/>
  <c r="D60" i="13"/>
  <c r="E59" i="13"/>
  <c r="D59" i="13"/>
  <c r="E58" i="13"/>
  <c r="F58" i="13" s="1"/>
  <c r="D58" i="13"/>
  <c r="E57" i="13"/>
  <c r="D57" i="13"/>
  <c r="E56" i="13"/>
  <c r="F56" i="13" s="1"/>
  <c r="D56" i="13"/>
  <c r="E55" i="13"/>
  <c r="F55" i="13" s="1"/>
  <c r="D55" i="13"/>
  <c r="E54" i="13"/>
  <c r="F54" i="13" s="1"/>
  <c r="D54" i="13"/>
  <c r="E53" i="13"/>
  <c r="D53" i="13"/>
  <c r="E52" i="13"/>
  <c r="F52" i="13" s="1"/>
  <c r="D52" i="13"/>
  <c r="E51" i="13"/>
  <c r="D51" i="13"/>
  <c r="E50" i="13"/>
  <c r="F50" i="13" s="1"/>
  <c r="D50" i="13"/>
  <c r="E49" i="13"/>
  <c r="F49" i="13" s="1"/>
  <c r="D49" i="13"/>
  <c r="E48" i="13"/>
  <c r="F48" i="13" s="1"/>
  <c r="D48" i="13"/>
  <c r="E47" i="13"/>
  <c r="D47" i="13"/>
  <c r="E46" i="13"/>
  <c r="F46" i="13" s="1"/>
  <c r="D46" i="13"/>
  <c r="E45" i="13"/>
  <c r="D45" i="13"/>
  <c r="E44" i="13"/>
  <c r="F44" i="13" s="1"/>
  <c r="D44" i="13"/>
  <c r="E43" i="13"/>
  <c r="F43" i="13" s="1"/>
  <c r="D43" i="13"/>
  <c r="E42" i="13"/>
  <c r="F42" i="13" s="1"/>
  <c r="D42" i="13"/>
  <c r="E41" i="13"/>
  <c r="D41" i="13"/>
  <c r="E40" i="13"/>
  <c r="F40" i="13" s="1"/>
  <c r="D40" i="13"/>
  <c r="E39" i="13"/>
  <c r="D39" i="13"/>
  <c r="E38" i="13"/>
  <c r="F38" i="13" s="1"/>
  <c r="D38" i="13"/>
  <c r="E37" i="13"/>
  <c r="F37" i="13" s="1"/>
  <c r="D37" i="13"/>
  <c r="E36" i="13"/>
  <c r="F36" i="13" s="1"/>
  <c r="D36" i="13"/>
  <c r="E35" i="13"/>
  <c r="D35" i="13"/>
  <c r="E34" i="13"/>
  <c r="F34" i="13" s="1"/>
  <c r="D34" i="13"/>
  <c r="E33" i="13"/>
  <c r="D33" i="13"/>
  <c r="E32" i="13"/>
  <c r="F32" i="13" s="1"/>
  <c r="D32" i="13"/>
  <c r="E31" i="13"/>
  <c r="F31" i="13" s="1"/>
  <c r="D31" i="13"/>
  <c r="E30" i="13"/>
  <c r="F30" i="13" s="1"/>
  <c r="D30" i="13"/>
  <c r="E29" i="13"/>
  <c r="D29" i="13"/>
  <c r="E28" i="13"/>
  <c r="F28" i="13" s="1"/>
  <c r="D28" i="13"/>
  <c r="E27" i="13"/>
  <c r="D27" i="13"/>
  <c r="E26" i="13"/>
  <c r="F26" i="13" s="1"/>
  <c r="D26" i="13"/>
  <c r="E25" i="13"/>
  <c r="F25" i="13" s="1"/>
  <c r="D25" i="13"/>
  <c r="E24" i="13"/>
  <c r="F24" i="13" s="1"/>
  <c r="D24" i="13"/>
  <c r="E23" i="13"/>
  <c r="D23" i="13"/>
  <c r="E22" i="13"/>
  <c r="F22" i="13" s="1"/>
  <c r="D22" i="13"/>
  <c r="E21" i="13"/>
  <c r="D21" i="13"/>
  <c r="E20" i="13"/>
  <c r="F20" i="13" s="1"/>
  <c r="D20" i="13"/>
  <c r="E19" i="13"/>
  <c r="F19" i="13" s="1"/>
  <c r="D19" i="13"/>
  <c r="E18" i="13"/>
  <c r="F18" i="13" s="1"/>
  <c r="D18" i="13"/>
  <c r="E17" i="13"/>
  <c r="D17" i="13"/>
  <c r="E16" i="13"/>
  <c r="F16" i="13" s="1"/>
  <c r="D16" i="13"/>
  <c r="E15" i="13"/>
  <c r="D15" i="13"/>
  <c r="E14" i="13"/>
  <c r="F14" i="13" s="1"/>
  <c r="D14" i="13"/>
  <c r="E13" i="13"/>
  <c r="F13" i="13" s="1"/>
  <c r="D13" i="13"/>
  <c r="E12" i="13"/>
  <c r="F12" i="13" s="1"/>
  <c r="D12" i="13"/>
  <c r="E11" i="13"/>
  <c r="D11" i="13"/>
  <c r="E10" i="13"/>
  <c r="F10" i="13" s="1"/>
  <c r="D10" i="13"/>
  <c r="E9" i="13"/>
  <c r="D9" i="13"/>
  <c r="E8" i="13"/>
  <c r="F8" i="13" s="1"/>
  <c r="D8" i="13"/>
  <c r="E7" i="13"/>
  <c r="F7" i="13" s="1"/>
  <c r="D7" i="13"/>
  <c r="E6" i="13"/>
  <c r="F6" i="13" s="1"/>
  <c r="D6" i="13"/>
  <c r="E5" i="13"/>
  <c r="D5" i="13"/>
  <c r="E4" i="13"/>
  <c r="F4" i="13" s="1"/>
  <c r="D4" i="13"/>
  <c r="E3" i="13"/>
  <c r="D3" i="13"/>
  <c r="E2" i="13"/>
  <c r="D2" i="13"/>
  <c r="E408" i="12"/>
  <c r="D408" i="12"/>
  <c r="E407" i="12"/>
  <c r="D407" i="12"/>
  <c r="E406" i="12"/>
  <c r="D406" i="12"/>
  <c r="E405" i="12"/>
  <c r="D405" i="12"/>
  <c r="E404" i="12"/>
  <c r="F404" i="12" s="1"/>
  <c r="D404" i="12"/>
  <c r="E403" i="12"/>
  <c r="F403" i="12" s="1"/>
  <c r="D403" i="12"/>
  <c r="E402" i="12"/>
  <c r="D402" i="12"/>
  <c r="E401" i="12"/>
  <c r="D401" i="12"/>
  <c r="E400" i="12"/>
  <c r="D400" i="12"/>
  <c r="E399" i="12"/>
  <c r="D399" i="12"/>
  <c r="E398" i="12"/>
  <c r="F398" i="12" s="1"/>
  <c r="D398" i="12"/>
  <c r="E397" i="12"/>
  <c r="F397" i="12" s="1"/>
  <c r="D397" i="12"/>
  <c r="E396" i="12"/>
  <c r="D396" i="12"/>
  <c r="E395" i="12"/>
  <c r="D395" i="12"/>
  <c r="E394" i="12"/>
  <c r="D394" i="12"/>
  <c r="E393" i="12"/>
  <c r="D393" i="12"/>
  <c r="E392" i="12"/>
  <c r="F392" i="12" s="1"/>
  <c r="D392" i="12"/>
  <c r="E391" i="12"/>
  <c r="F391" i="12" s="1"/>
  <c r="D391" i="12"/>
  <c r="E390" i="12"/>
  <c r="D390" i="12"/>
  <c r="E389" i="12"/>
  <c r="D389" i="12"/>
  <c r="E388" i="12"/>
  <c r="D388" i="12"/>
  <c r="E387" i="12"/>
  <c r="D387" i="12"/>
  <c r="E386" i="12"/>
  <c r="F386" i="12" s="1"/>
  <c r="D386" i="12"/>
  <c r="E385" i="12"/>
  <c r="F385" i="12" s="1"/>
  <c r="D385" i="12"/>
  <c r="E384" i="12"/>
  <c r="D384" i="12"/>
  <c r="E383" i="12"/>
  <c r="D383" i="12"/>
  <c r="E382" i="12"/>
  <c r="D382" i="12"/>
  <c r="E381" i="12"/>
  <c r="D381" i="12"/>
  <c r="E380" i="12"/>
  <c r="F380" i="12" s="1"/>
  <c r="D380" i="12"/>
  <c r="E379" i="12"/>
  <c r="F379" i="12" s="1"/>
  <c r="D379" i="12"/>
  <c r="E378" i="12"/>
  <c r="D378" i="12"/>
  <c r="E377" i="12"/>
  <c r="D377" i="12"/>
  <c r="E376" i="12"/>
  <c r="D376" i="12"/>
  <c r="E375" i="12"/>
  <c r="D375" i="12"/>
  <c r="E374" i="12"/>
  <c r="F374" i="12" s="1"/>
  <c r="D374" i="12"/>
  <c r="E373" i="12"/>
  <c r="F373" i="12" s="1"/>
  <c r="D373" i="12"/>
  <c r="E372" i="12"/>
  <c r="D372" i="12"/>
  <c r="E371" i="12"/>
  <c r="D371" i="12"/>
  <c r="E370" i="12"/>
  <c r="D370" i="12"/>
  <c r="E369" i="12"/>
  <c r="D369" i="12"/>
  <c r="E368" i="12"/>
  <c r="F368" i="12" s="1"/>
  <c r="D368" i="12"/>
  <c r="E367" i="12"/>
  <c r="F367" i="12" s="1"/>
  <c r="D367" i="12"/>
  <c r="E366" i="12"/>
  <c r="D366" i="12"/>
  <c r="E365" i="12"/>
  <c r="D365" i="12"/>
  <c r="E364" i="12"/>
  <c r="D364" i="12"/>
  <c r="E363" i="12"/>
  <c r="D363" i="12"/>
  <c r="E362" i="12"/>
  <c r="F362" i="12" s="1"/>
  <c r="D362" i="12"/>
  <c r="E361" i="12"/>
  <c r="F361" i="12" s="1"/>
  <c r="D361" i="12"/>
  <c r="E360" i="12"/>
  <c r="D360" i="12"/>
  <c r="E359" i="12"/>
  <c r="D359" i="12"/>
  <c r="E358" i="12"/>
  <c r="D358" i="12"/>
  <c r="E357" i="12"/>
  <c r="D357" i="12"/>
  <c r="E356" i="12"/>
  <c r="F356" i="12" s="1"/>
  <c r="D356" i="12"/>
  <c r="E355" i="12"/>
  <c r="F355" i="12" s="1"/>
  <c r="D355" i="12"/>
  <c r="E354" i="12"/>
  <c r="D354" i="12"/>
  <c r="E353" i="12"/>
  <c r="D353" i="12"/>
  <c r="E352" i="12"/>
  <c r="D352" i="12"/>
  <c r="E351" i="12"/>
  <c r="D351" i="12"/>
  <c r="E350" i="12"/>
  <c r="F350" i="12" s="1"/>
  <c r="D350" i="12"/>
  <c r="E349" i="12"/>
  <c r="F349" i="12" s="1"/>
  <c r="D349" i="12"/>
  <c r="E348" i="12"/>
  <c r="D348" i="12"/>
  <c r="E347" i="12"/>
  <c r="D347" i="12"/>
  <c r="E346" i="12"/>
  <c r="D346" i="12"/>
  <c r="E345" i="12"/>
  <c r="D345" i="12"/>
  <c r="E344" i="12"/>
  <c r="F344" i="12" s="1"/>
  <c r="D344" i="12"/>
  <c r="E343" i="12"/>
  <c r="F343" i="12" s="1"/>
  <c r="D343" i="12"/>
  <c r="E342" i="12"/>
  <c r="D342" i="12"/>
  <c r="E341" i="12"/>
  <c r="D341" i="12"/>
  <c r="E340" i="12"/>
  <c r="D340" i="12"/>
  <c r="E339" i="12"/>
  <c r="D339" i="12"/>
  <c r="E338" i="12"/>
  <c r="F338" i="12" s="1"/>
  <c r="D338" i="12"/>
  <c r="E337" i="12"/>
  <c r="F337" i="12" s="1"/>
  <c r="D337" i="12"/>
  <c r="E336" i="12"/>
  <c r="D336" i="12"/>
  <c r="E335" i="12"/>
  <c r="D335" i="12"/>
  <c r="E334" i="12"/>
  <c r="D334" i="12"/>
  <c r="E333" i="12"/>
  <c r="D333" i="12"/>
  <c r="E332" i="12"/>
  <c r="F332" i="12" s="1"/>
  <c r="D332" i="12"/>
  <c r="E331" i="12"/>
  <c r="F331" i="12" s="1"/>
  <c r="D331" i="12"/>
  <c r="E330" i="12"/>
  <c r="D330" i="12"/>
  <c r="E329" i="12"/>
  <c r="D329" i="12"/>
  <c r="E328" i="12"/>
  <c r="D328" i="12"/>
  <c r="E327" i="12"/>
  <c r="D327" i="12"/>
  <c r="E326" i="12"/>
  <c r="F326" i="12" s="1"/>
  <c r="D326" i="12"/>
  <c r="E325" i="12"/>
  <c r="F325" i="12" s="1"/>
  <c r="D325" i="12"/>
  <c r="E324" i="12"/>
  <c r="D324" i="12"/>
  <c r="E323" i="12"/>
  <c r="D323" i="12"/>
  <c r="E322" i="12"/>
  <c r="D322" i="12"/>
  <c r="E321" i="12"/>
  <c r="D321" i="12"/>
  <c r="E320" i="12"/>
  <c r="F320" i="12" s="1"/>
  <c r="D320" i="12"/>
  <c r="E319" i="12"/>
  <c r="F319" i="12" s="1"/>
  <c r="D319" i="12"/>
  <c r="E318" i="12"/>
  <c r="D318" i="12"/>
  <c r="E317" i="12"/>
  <c r="D317" i="12"/>
  <c r="E316" i="12"/>
  <c r="D316" i="12"/>
  <c r="E315" i="12"/>
  <c r="D315" i="12"/>
  <c r="E314" i="12"/>
  <c r="F314" i="12" s="1"/>
  <c r="D314" i="12"/>
  <c r="E313" i="12"/>
  <c r="F313" i="12" s="1"/>
  <c r="D313" i="12"/>
  <c r="E312" i="12"/>
  <c r="D312" i="12"/>
  <c r="E311" i="12"/>
  <c r="D311" i="12"/>
  <c r="E310" i="12"/>
  <c r="D310" i="12"/>
  <c r="E309" i="12"/>
  <c r="D309" i="12"/>
  <c r="E308" i="12"/>
  <c r="F308" i="12" s="1"/>
  <c r="D308" i="12"/>
  <c r="E307" i="12"/>
  <c r="F307" i="12" s="1"/>
  <c r="D307" i="12"/>
  <c r="E306" i="12"/>
  <c r="D306" i="12"/>
  <c r="E305" i="12"/>
  <c r="D305" i="12"/>
  <c r="E304" i="12"/>
  <c r="D304" i="12"/>
  <c r="E303" i="12"/>
  <c r="D303" i="12"/>
  <c r="E302" i="12"/>
  <c r="F302" i="12" s="1"/>
  <c r="D302" i="12"/>
  <c r="E301" i="12"/>
  <c r="F301" i="12" s="1"/>
  <c r="D301" i="12"/>
  <c r="E300" i="12"/>
  <c r="D300" i="12"/>
  <c r="E299" i="12"/>
  <c r="D299" i="12"/>
  <c r="E298" i="12"/>
  <c r="D298" i="12"/>
  <c r="E297" i="12"/>
  <c r="D297" i="12"/>
  <c r="E296" i="12"/>
  <c r="F296" i="12" s="1"/>
  <c r="D296" i="12"/>
  <c r="E295" i="12"/>
  <c r="F295" i="12" s="1"/>
  <c r="D295" i="12"/>
  <c r="E294" i="12"/>
  <c r="D294" i="12"/>
  <c r="E293" i="12"/>
  <c r="D293" i="12"/>
  <c r="E292" i="12"/>
  <c r="D292" i="12"/>
  <c r="E291" i="12"/>
  <c r="D291" i="12"/>
  <c r="E290" i="12"/>
  <c r="F290" i="12" s="1"/>
  <c r="D290" i="12"/>
  <c r="E289" i="12"/>
  <c r="F289" i="12" s="1"/>
  <c r="D289" i="12"/>
  <c r="E288" i="12"/>
  <c r="D288" i="12"/>
  <c r="E287" i="12"/>
  <c r="D287" i="12"/>
  <c r="E286" i="12"/>
  <c r="D286" i="12"/>
  <c r="E285" i="12"/>
  <c r="D285" i="12"/>
  <c r="E284" i="12"/>
  <c r="F284" i="12" s="1"/>
  <c r="D284" i="12"/>
  <c r="E283" i="12"/>
  <c r="F283" i="12" s="1"/>
  <c r="D283" i="12"/>
  <c r="E282" i="12"/>
  <c r="D282" i="12"/>
  <c r="E281" i="12"/>
  <c r="D281" i="12"/>
  <c r="E280" i="12"/>
  <c r="D280" i="12"/>
  <c r="E279" i="12"/>
  <c r="D279" i="12"/>
  <c r="E278" i="12"/>
  <c r="F278" i="12" s="1"/>
  <c r="D278" i="12"/>
  <c r="E277" i="12"/>
  <c r="F277" i="12" s="1"/>
  <c r="D277" i="12"/>
  <c r="E276" i="12"/>
  <c r="D276" i="12"/>
  <c r="E275" i="12"/>
  <c r="D275" i="12"/>
  <c r="E274" i="12"/>
  <c r="D274" i="12"/>
  <c r="E273" i="12"/>
  <c r="D273" i="12"/>
  <c r="E272" i="12"/>
  <c r="F272" i="12" s="1"/>
  <c r="D272" i="12"/>
  <c r="E271" i="12"/>
  <c r="F271" i="12" s="1"/>
  <c r="D271" i="12"/>
  <c r="E270" i="12"/>
  <c r="D270" i="12"/>
  <c r="E269" i="12"/>
  <c r="D269" i="12"/>
  <c r="E268" i="12"/>
  <c r="D268" i="12"/>
  <c r="E267" i="12"/>
  <c r="D267" i="12"/>
  <c r="E266" i="12"/>
  <c r="F266" i="12" s="1"/>
  <c r="D266" i="12"/>
  <c r="E265" i="12"/>
  <c r="F265" i="12" s="1"/>
  <c r="D265" i="12"/>
  <c r="E264" i="12"/>
  <c r="D264" i="12"/>
  <c r="E263" i="12"/>
  <c r="D263" i="12"/>
  <c r="E262" i="12"/>
  <c r="D262" i="12"/>
  <c r="E261" i="12"/>
  <c r="D261" i="12"/>
  <c r="E260" i="12"/>
  <c r="F260" i="12" s="1"/>
  <c r="D260" i="12"/>
  <c r="E259" i="12"/>
  <c r="F259" i="12" s="1"/>
  <c r="D259" i="12"/>
  <c r="E258" i="12"/>
  <c r="D258" i="12"/>
  <c r="E257" i="12"/>
  <c r="D257" i="12"/>
  <c r="E256" i="12"/>
  <c r="D256" i="12"/>
  <c r="E255" i="12"/>
  <c r="D255" i="12"/>
  <c r="E254" i="12"/>
  <c r="F254" i="12" s="1"/>
  <c r="D254" i="12"/>
  <c r="E253" i="12"/>
  <c r="F253" i="12" s="1"/>
  <c r="D253" i="12"/>
  <c r="E252" i="12"/>
  <c r="D252" i="12"/>
  <c r="E251" i="12"/>
  <c r="D251" i="12"/>
  <c r="E250" i="12"/>
  <c r="D250" i="12"/>
  <c r="E249" i="12"/>
  <c r="D249" i="12"/>
  <c r="E248" i="12"/>
  <c r="F248" i="12" s="1"/>
  <c r="D248" i="12"/>
  <c r="E247" i="12"/>
  <c r="F247" i="12" s="1"/>
  <c r="D247" i="12"/>
  <c r="E246" i="12"/>
  <c r="D246" i="12"/>
  <c r="E245" i="12"/>
  <c r="D245" i="12"/>
  <c r="E244" i="12"/>
  <c r="D244" i="12"/>
  <c r="E243" i="12"/>
  <c r="D243" i="12"/>
  <c r="E242" i="12"/>
  <c r="F242" i="12" s="1"/>
  <c r="D242" i="12"/>
  <c r="E241" i="12"/>
  <c r="F241" i="12" s="1"/>
  <c r="D241" i="12"/>
  <c r="E240" i="12"/>
  <c r="D240" i="12"/>
  <c r="E239" i="12"/>
  <c r="D239" i="12"/>
  <c r="E238" i="12"/>
  <c r="D238" i="12"/>
  <c r="E237" i="12"/>
  <c r="D237" i="12"/>
  <c r="E236" i="12"/>
  <c r="F236" i="12" s="1"/>
  <c r="D236" i="12"/>
  <c r="E235" i="12"/>
  <c r="F235" i="12" s="1"/>
  <c r="D235" i="12"/>
  <c r="E234" i="12"/>
  <c r="D234" i="12"/>
  <c r="E233" i="12"/>
  <c r="D233" i="12"/>
  <c r="E232" i="12"/>
  <c r="D232" i="12"/>
  <c r="E231" i="12"/>
  <c r="D231" i="12"/>
  <c r="E230" i="12"/>
  <c r="F230" i="12" s="1"/>
  <c r="D230" i="12"/>
  <c r="E229" i="12"/>
  <c r="F229" i="12" s="1"/>
  <c r="D229" i="12"/>
  <c r="E228" i="12"/>
  <c r="D228" i="12"/>
  <c r="E227" i="12"/>
  <c r="D227" i="12"/>
  <c r="E226" i="12"/>
  <c r="D226" i="12"/>
  <c r="E225" i="12"/>
  <c r="D225" i="12"/>
  <c r="E224" i="12"/>
  <c r="F224" i="12" s="1"/>
  <c r="D224" i="12"/>
  <c r="E223" i="12"/>
  <c r="F223" i="12" s="1"/>
  <c r="D223" i="12"/>
  <c r="E222" i="12"/>
  <c r="D222" i="12"/>
  <c r="E221" i="12"/>
  <c r="D221" i="12"/>
  <c r="E220" i="12"/>
  <c r="D220" i="12"/>
  <c r="E219" i="12"/>
  <c r="D219" i="12"/>
  <c r="E218" i="12"/>
  <c r="F218" i="12" s="1"/>
  <c r="D218" i="12"/>
  <c r="E217" i="12"/>
  <c r="F217" i="12" s="1"/>
  <c r="D217" i="12"/>
  <c r="E216" i="12"/>
  <c r="D216" i="12"/>
  <c r="E215" i="12"/>
  <c r="D215" i="12"/>
  <c r="E214" i="12"/>
  <c r="D214" i="12"/>
  <c r="E213" i="12"/>
  <c r="D213" i="12"/>
  <c r="E212" i="12"/>
  <c r="F212" i="12" s="1"/>
  <c r="D212" i="12"/>
  <c r="E211" i="12"/>
  <c r="F211" i="12" s="1"/>
  <c r="D211" i="12"/>
  <c r="E210" i="12"/>
  <c r="D210" i="12"/>
  <c r="E209" i="12"/>
  <c r="D209" i="12"/>
  <c r="E208" i="12"/>
  <c r="D208" i="12"/>
  <c r="E207" i="12"/>
  <c r="D207" i="12"/>
  <c r="E206" i="12"/>
  <c r="F206" i="12" s="1"/>
  <c r="D206" i="12"/>
  <c r="E205" i="12"/>
  <c r="F205" i="12" s="1"/>
  <c r="D205" i="12"/>
  <c r="E204" i="12"/>
  <c r="D204" i="12"/>
  <c r="E203" i="12"/>
  <c r="D203" i="12"/>
  <c r="E202" i="12"/>
  <c r="D202" i="12"/>
  <c r="E201" i="12"/>
  <c r="D201" i="12"/>
  <c r="E200" i="12"/>
  <c r="F200" i="12" s="1"/>
  <c r="D200" i="12"/>
  <c r="E199" i="12"/>
  <c r="F199" i="12" s="1"/>
  <c r="D199" i="12"/>
  <c r="E198" i="12"/>
  <c r="D198" i="12"/>
  <c r="E197" i="12"/>
  <c r="D197" i="12"/>
  <c r="E196" i="12"/>
  <c r="D196" i="12"/>
  <c r="E195" i="12"/>
  <c r="D195" i="12"/>
  <c r="E194" i="12"/>
  <c r="F194" i="12" s="1"/>
  <c r="D194" i="12"/>
  <c r="E193" i="12"/>
  <c r="F193" i="12" s="1"/>
  <c r="D193" i="12"/>
  <c r="E192" i="12"/>
  <c r="D192" i="12"/>
  <c r="E191" i="12"/>
  <c r="D191" i="12"/>
  <c r="E190" i="12"/>
  <c r="D190" i="12"/>
  <c r="E189" i="12"/>
  <c r="D189" i="12"/>
  <c r="E188" i="12"/>
  <c r="F188" i="12" s="1"/>
  <c r="D188" i="12"/>
  <c r="E187" i="12"/>
  <c r="F187" i="12" s="1"/>
  <c r="D187" i="12"/>
  <c r="E186" i="12"/>
  <c r="D186" i="12"/>
  <c r="E185" i="12"/>
  <c r="D185" i="12"/>
  <c r="E184" i="12"/>
  <c r="D184" i="12"/>
  <c r="E183" i="12"/>
  <c r="D183" i="12"/>
  <c r="E182" i="12"/>
  <c r="F182" i="12" s="1"/>
  <c r="D182" i="12"/>
  <c r="E181" i="12"/>
  <c r="F181" i="12" s="1"/>
  <c r="D181" i="12"/>
  <c r="E180" i="12"/>
  <c r="D180" i="12"/>
  <c r="E179" i="12"/>
  <c r="D179" i="12"/>
  <c r="E178" i="12"/>
  <c r="D178" i="12"/>
  <c r="E177" i="12"/>
  <c r="D177" i="12"/>
  <c r="E176" i="12"/>
  <c r="F176" i="12" s="1"/>
  <c r="D176" i="12"/>
  <c r="E175" i="12"/>
  <c r="F175" i="12" s="1"/>
  <c r="D175" i="12"/>
  <c r="E174" i="12"/>
  <c r="D174" i="12"/>
  <c r="E173" i="12"/>
  <c r="D173" i="12"/>
  <c r="E172" i="12"/>
  <c r="D172" i="12"/>
  <c r="E171" i="12"/>
  <c r="D171" i="12"/>
  <c r="E170" i="12"/>
  <c r="F170" i="12" s="1"/>
  <c r="D170" i="12"/>
  <c r="E169" i="12"/>
  <c r="F169" i="12" s="1"/>
  <c r="D169" i="12"/>
  <c r="E168" i="12"/>
  <c r="D168" i="12"/>
  <c r="E167" i="12"/>
  <c r="D167" i="12"/>
  <c r="E166" i="12"/>
  <c r="D166" i="12"/>
  <c r="E165" i="12"/>
  <c r="D165" i="12"/>
  <c r="E164" i="12"/>
  <c r="F164" i="12" s="1"/>
  <c r="D164" i="12"/>
  <c r="E163" i="12"/>
  <c r="F163" i="12" s="1"/>
  <c r="D163" i="12"/>
  <c r="E162" i="12"/>
  <c r="D162" i="12"/>
  <c r="E161" i="12"/>
  <c r="D161" i="12"/>
  <c r="E160" i="12"/>
  <c r="D160" i="12"/>
  <c r="E159" i="12"/>
  <c r="D159" i="12"/>
  <c r="E158" i="12"/>
  <c r="F158" i="12" s="1"/>
  <c r="D158" i="12"/>
  <c r="E157" i="12"/>
  <c r="F157" i="12" s="1"/>
  <c r="D157" i="12"/>
  <c r="E156" i="12"/>
  <c r="D156" i="12"/>
  <c r="E155" i="12"/>
  <c r="D155" i="12"/>
  <c r="E154" i="12"/>
  <c r="D154" i="12"/>
  <c r="E153" i="12"/>
  <c r="D153" i="12"/>
  <c r="E152" i="12"/>
  <c r="F152" i="12" s="1"/>
  <c r="D152" i="12"/>
  <c r="E151" i="12"/>
  <c r="F151" i="12" s="1"/>
  <c r="D151" i="12"/>
  <c r="E150" i="12"/>
  <c r="D150" i="12"/>
  <c r="E149" i="12"/>
  <c r="D149" i="12"/>
  <c r="E148" i="12"/>
  <c r="D148" i="12"/>
  <c r="E147" i="12"/>
  <c r="D147" i="12"/>
  <c r="E146" i="12"/>
  <c r="F146" i="12" s="1"/>
  <c r="D146" i="12"/>
  <c r="E145" i="12"/>
  <c r="F145" i="12" s="1"/>
  <c r="D145" i="12"/>
  <c r="E144" i="12"/>
  <c r="D144" i="12"/>
  <c r="E143" i="12"/>
  <c r="D143" i="12"/>
  <c r="E142" i="12"/>
  <c r="D142" i="12"/>
  <c r="E141" i="12"/>
  <c r="D141" i="12"/>
  <c r="E140" i="12"/>
  <c r="F140" i="12" s="1"/>
  <c r="D140" i="12"/>
  <c r="E139" i="12"/>
  <c r="F139" i="12" s="1"/>
  <c r="D139" i="12"/>
  <c r="E138" i="12"/>
  <c r="D138" i="12"/>
  <c r="E137" i="12"/>
  <c r="D137" i="12"/>
  <c r="E136" i="12"/>
  <c r="D136" i="12"/>
  <c r="E135" i="12"/>
  <c r="D135" i="12"/>
  <c r="E134" i="12"/>
  <c r="F134" i="12" s="1"/>
  <c r="D134" i="12"/>
  <c r="E133" i="12"/>
  <c r="F133" i="12" s="1"/>
  <c r="D133" i="12"/>
  <c r="E132" i="12"/>
  <c r="D132" i="12"/>
  <c r="E131" i="12"/>
  <c r="D131" i="12"/>
  <c r="E130" i="12"/>
  <c r="D130" i="12"/>
  <c r="E129" i="12"/>
  <c r="D129" i="12"/>
  <c r="E128" i="12"/>
  <c r="F128" i="12" s="1"/>
  <c r="D128" i="12"/>
  <c r="E127" i="12"/>
  <c r="F127" i="12" s="1"/>
  <c r="D127" i="12"/>
  <c r="E126" i="12"/>
  <c r="D126" i="12"/>
  <c r="E125" i="12"/>
  <c r="D125" i="12"/>
  <c r="E124" i="12"/>
  <c r="D124" i="12"/>
  <c r="E123" i="12"/>
  <c r="D123" i="12"/>
  <c r="E122" i="12"/>
  <c r="F122" i="12" s="1"/>
  <c r="D122" i="12"/>
  <c r="E121" i="12"/>
  <c r="F121" i="12" s="1"/>
  <c r="D121" i="12"/>
  <c r="E120" i="12"/>
  <c r="D120" i="12"/>
  <c r="E119" i="12"/>
  <c r="D119" i="12"/>
  <c r="E118" i="12"/>
  <c r="D118" i="12"/>
  <c r="E117" i="12"/>
  <c r="D117" i="12"/>
  <c r="E116" i="12"/>
  <c r="F116" i="12" s="1"/>
  <c r="D116" i="12"/>
  <c r="E115" i="12"/>
  <c r="F115" i="12" s="1"/>
  <c r="D115" i="12"/>
  <c r="E114" i="12"/>
  <c r="D114" i="12"/>
  <c r="E113" i="12"/>
  <c r="D113" i="12"/>
  <c r="E112" i="12"/>
  <c r="D112" i="12"/>
  <c r="E111" i="12"/>
  <c r="D111" i="12"/>
  <c r="E110" i="12"/>
  <c r="F110" i="12" s="1"/>
  <c r="D110" i="12"/>
  <c r="E109" i="12"/>
  <c r="F109" i="12" s="1"/>
  <c r="D109" i="12"/>
  <c r="E108" i="12"/>
  <c r="D108" i="12"/>
  <c r="E107" i="12"/>
  <c r="D107" i="12"/>
  <c r="E106" i="12"/>
  <c r="D106" i="12"/>
  <c r="E105" i="12"/>
  <c r="D105" i="12"/>
  <c r="E104" i="12"/>
  <c r="F104" i="12" s="1"/>
  <c r="D104" i="12"/>
  <c r="E103" i="12"/>
  <c r="F103" i="12" s="1"/>
  <c r="D103" i="12"/>
  <c r="E102" i="12"/>
  <c r="D102" i="12"/>
  <c r="E101" i="12"/>
  <c r="D101" i="12"/>
  <c r="E100" i="12"/>
  <c r="D100" i="12"/>
  <c r="E99" i="12"/>
  <c r="D99" i="12"/>
  <c r="E98" i="12"/>
  <c r="F98" i="12" s="1"/>
  <c r="D98" i="12"/>
  <c r="E97" i="12"/>
  <c r="F97" i="12" s="1"/>
  <c r="D97" i="12"/>
  <c r="E96" i="12"/>
  <c r="D96" i="12"/>
  <c r="E95" i="12"/>
  <c r="D95" i="12"/>
  <c r="E94" i="12"/>
  <c r="D94" i="12"/>
  <c r="E93" i="12"/>
  <c r="D93" i="12"/>
  <c r="E92" i="12"/>
  <c r="F92" i="12" s="1"/>
  <c r="D92" i="12"/>
  <c r="E91" i="12"/>
  <c r="F91" i="12" s="1"/>
  <c r="D91" i="12"/>
  <c r="E90" i="12"/>
  <c r="D90" i="12"/>
  <c r="E89" i="12"/>
  <c r="D89" i="12"/>
  <c r="E88" i="12"/>
  <c r="D88" i="12"/>
  <c r="E87" i="12"/>
  <c r="D87" i="12"/>
  <c r="E86" i="12"/>
  <c r="F86" i="12" s="1"/>
  <c r="D86" i="12"/>
  <c r="E85" i="12"/>
  <c r="F85" i="12" s="1"/>
  <c r="D85" i="12"/>
  <c r="E84" i="12"/>
  <c r="D84" i="12"/>
  <c r="E83" i="12"/>
  <c r="D83" i="12"/>
  <c r="E82" i="12"/>
  <c r="D82" i="12"/>
  <c r="E81" i="12"/>
  <c r="D81" i="12"/>
  <c r="E80" i="12"/>
  <c r="F80" i="12" s="1"/>
  <c r="D80" i="12"/>
  <c r="E79" i="12"/>
  <c r="F79" i="12" s="1"/>
  <c r="D79" i="12"/>
  <c r="E78" i="12"/>
  <c r="D78" i="12"/>
  <c r="E77" i="12"/>
  <c r="D77" i="12"/>
  <c r="E76" i="12"/>
  <c r="D76" i="12"/>
  <c r="E75" i="12"/>
  <c r="D75" i="12"/>
  <c r="E74" i="12"/>
  <c r="F74" i="12" s="1"/>
  <c r="D74" i="12"/>
  <c r="E73" i="12"/>
  <c r="F73" i="12" s="1"/>
  <c r="D73" i="12"/>
  <c r="E72" i="12"/>
  <c r="D72" i="12"/>
  <c r="E71" i="12"/>
  <c r="D71" i="12"/>
  <c r="E70" i="12"/>
  <c r="D70" i="12"/>
  <c r="E69" i="12"/>
  <c r="D69" i="12"/>
  <c r="E68" i="12"/>
  <c r="F68" i="12" s="1"/>
  <c r="D68" i="12"/>
  <c r="E67" i="12"/>
  <c r="F67" i="12" s="1"/>
  <c r="D67" i="12"/>
  <c r="E66" i="12"/>
  <c r="D66" i="12"/>
  <c r="E65" i="12"/>
  <c r="D65" i="12"/>
  <c r="E64" i="12"/>
  <c r="D64" i="12"/>
  <c r="E63" i="12"/>
  <c r="D63" i="12"/>
  <c r="E62" i="12"/>
  <c r="F62" i="12" s="1"/>
  <c r="D62" i="12"/>
  <c r="E61" i="12"/>
  <c r="F61" i="12" s="1"/>
  <c r="D61" i="12"/>
  <c r="E60" i="12"/>
  <c r="D60" i="12"/>
  <c r="E59" i="12"/>
  <c r="D59" i="12"/>
  <c r="E58" i="12"/>
  <c r="D58" i="12"/>
  <c r="E57" i="12"/>
  <c r="D57" i="12"/>
  <c r="E56" i="12"/>
  <c r="F56" i="12" s="1"/>
  <c r="D56" i="12"/>
  <c r="E55" i="12"/>
  <c r="F55" i="12" s="1"/>
  <c r="D55" i="12"/>
  <c r="E54" i="12"/>
  <c r="D54" i="12"/>
  <c r="E53" i="12"/>
  <c r="D53" i="12"/>
  <c r="E52" i="12"/>
  <c r="D52" i="12"/>
  <c r="E51" i="12"/>
  <c r="D51" i="12"/>
  <c r="E50" i="12"/>
  <c r="F50" i="12" s="1"/>
  <c r="D50" i="12"/>
  <c r="E49" i="12"/>
  <c r="F49" i="12" s="1"/>
  <c r="D49" i="12"/>
  <c r="E48" i="12"/>
  <c r="D48" i="12"/>
  <c r="E47" i="12"/>
  <c r="D47" i="12"/>
  <c r="E46" i="12"/>
  <c r="D46" i="12"/>
  <c r="E45" i="12"/>
  <c r="D45" i="12"/>
  <c r="E44" i="12"/>
  <c r="F44" i="12" s="1"/>
  <c r="D44" i="12"/>
  <c r="E43" i="12"/>
  <c r="F43" i="12" s="1"/>
  <c r="D43" i="12"/>
  <c r="E42" i="12"/>
  <c r="D42" i="12"/>
  <c r="E41" i="12"/>
  <c r="D41" i="12"/>
  <c r="E40" i="12"/>
  <c r="D40" i="12"/>
  <c r="E39" i="12"/>
  <c r="D39" i="12"/>
  <c r="E38" i="12"/>
  <c r="F38" i="12" s="1"/>
  <c r="D38" i="12"/>
  <c r="E37" i="12"/>
  <c r="F37" i="12" s="1"/>
  <c r="D37" i="12"/>
  <c r="E36" i="12"/>
  <c r="D36" i="12"/>
  <c r="E35" i="12"/>
  <c r="D35" i="12"/>
  <c r="E34" i="12"/>
  <c r="D34" i="12"/>
  <c r="E33" i="12"/>
  <c r="D33" i="12"/>
  <c r="E32" i="12"/>
  <c r="F32" i="12" s="1"/>
  <c r="D32" i="12"/>
  <c r="E31" i="12"/>
  <c r="D31" i="12"/>
  <c r="E30" i="12"/>
  <c r="D30" i="12"/>
  <c r="E29" i="12"/>
  <c r="D29" i="12"/>
  <c r="E28" i="12"/>
  <c r="D28" i="12"/>
  <c r="E27" i="12"/>
  <c r="D27" i="12"/>
  <c r="E26" i="12"/>
  <c r="F26" i="12" s="1"/>
  <c r="D26" i="12"/>
  <c r="E25" i="12"/>
  <c r="F25" i="12" s="1"/>
  <c r="D25" i="12"/>
  <c r="E24" i="12"/>
  <c r="D24" i="12"/>
  <c r="E23" i="12"/>
  <c r="D23" i="12"/>
  <c r="E22" i="12"/>
  <c r="D22" i="12"/>
  <c r="E21" i="12"/>
  <c r="D21" i="12"/>
  <c r="E20" i="12"/>
  <c r="F20" i="12" s="1"/>
  <c r="D20" i="12"/>
  <c r="E19" i="12"/>
  <c r="F19" i="12" s="1"/>
  <c r="D19" i="12"/>
  <c r="E18" i="12"/>
  <c r="D18" i="12"/>
  <c r="E17" i="12"/>
  <c r="D17" i="12"/>
  <c r="E16" i="12"/>
  <c r="D16" i="12"/>
  <c r="E15" i="12"/>
  <c r="D15" i="12"/>
  <c r="E14" i="12"/>
  <c r="F14" i="12" s="1"/>
  <c r="D14" i="12"/>
  <c r="E13" i="12"/>
  <c r="F13" i="12" s="1"/>
  <c r="D13" i="12"/>
  <c r="E12" i="12"/>
  <c r="D12" i="12"/>
  <c r="E11" i="12"/>
  <c r="D11" i="12"/>
  <c r="E10" i="12"/>
  <c r="D10" i="12"/>
  <c r="E9" i="12"/>
  <c r="D9" i="12"/>
  <c r="E8" i="12"/>
  <c r="F8" i="12" s="1"/>
  <c r="D8" i="12"/>
  <c r="E7" i="12"/>
  <c r="F7" i="12" s="1"/>
  <c r="D7" i="12"/>
  <c r="E6" i="12"/>
  <c r="F6" i="12" s="1"/>
  <c r="D6" i="12"/>
  <c r="E5" i="12"/>
  <c r="D5" i="12"/>
  <c r="E4" i="12"/>
  <c r="D4" i="12"/>
  <c r="E3" i="12"/>
  <c r="D3" i="12"/>
  <c r="E2" i="12"/>
  <c r="D2" i="12"/>
  <c r="E409" i="8"/>
  <c r="D409" i="8"/>
  <c r="E408" i="8"/>
  <c r="F408" i="8" s="1"/>
  <c r="D408" i="8"/>
  <c r="E407" i="8"/>
  <c r="D407" i="8"/>
  <c r="E406" i="8"/>
  <c r="F406" i="8" s="1"/>
  <c r="D406" i="8"/>
  <c r="E405" i="8"/>
  <c r="F405" i="8" s="1"/>
  <c r="D405" i="8"/>
  <c r="E404" i="8"/>
  <c r="F404" i="8" s="1"/>
  <c r="D404" i="8"/>
  <c r="E403" i="8"/>
  <c r="D403" i="8"/>
  <c r="E402" i="8"/>
  <c r="F402" i="8" s="1"/>
  <c r="D402" i="8"/>
  <c r="E401" i="8"/>
  <c r="D401" i="8"/>
  <c r="E400" i="8"/>
  <c r="F400" i="8" s="1"/>
  <c r="D400" i="8"/>
  <c r="E399" i="8"/>
  <c r="F399" i="8" s="1"/>
  <c r="D399" i="8"/>
  <c r="E398" i="8"/>
  <c r="F398" i="8" s="1"/>
  <c r="D398" i="8"/>
  <c r="E397" i="8"/>
  <c r="D397" i="8"/>
  <c r="E396" i="8"/>
  <c r="F396" i="8" s="1"/>
  <c r="D396" i="8"/>
  <c r="E395" i="8"/>
  <c r="D395" i="8"/>
  <c r="E394" i="8"/>
  <c r="F394" i="8" s="1"/>
  <c r="D394" i="8"/>
  <c r="E393" i="8"/>
  <c r="F393" i="8" s="1"/>
  <c r="D393" i="8"/>
  <c r="E392" i="8"/>
  <c r="F392" i="8" s="1"/>
  <c r="D392" i="8"/>
  <c r="E391" i="8"/>
  <c r="D391" i="8"/>
  <c r="E390" i="8"/>
  <c r="F390" i="8" s="1"/>
  <c r="D390" i="8"/>
  <c r="E389" i="8"/>
  <c r="D389" i="8"/>
  <c r="E388" i="8"/>
  <c r="F388" i="8" s="1"/>
  <c r="D388" i="8"/>
  <c r="E387" i="8"/>
  <c r="F387" i="8" s="1"/>
  <c r="D387" i="8"/>
  <c r="E386" i="8"/>
  <c r="F386" i="8" s="1"/>
  <c r="D386" i="8"/>
  <c r="E385" i="8"/>
  <c r="D385" i="8"/>
  <c r="E384" i="8"/>
  <c r="F384" i="8" s="1"/>
  <c r="D384" i="8"/>
  <c r="E383" i="8"/>
  <c r="D383" i="8"/>
  <c r="E382" i="8"/>
  <c r="F382" i="8" s="1"/>
  <c r="D382" i="8"/>
  <c r="E381" i="8"/>
  <c r="F381" i="8" s="1"/>
  <c r="D381" i="8"/>
  <c r="E380" i="8"/>
  <c r="F380" i="8" s="1"/>
  <c r="D380" i="8"/>
  <c r="E379" i="8"/>
  <c r="D379" i="8"/>
  <c r="E378" i="8"/>
  <c r="F378" i="8" s="1"/>
  <c r="D378" i="8"/>
  <c r="E377" i="8"/>
  <c r="D377" i="8"/>
  <c r="E376" i="8"/>
  <c r="F376" i="8" s="1"/>
  <c r="D376" i="8"/>
  <c r="E375" i="8"/>
  <c r="F375" i="8" s="1"/>
  <c r="D375" i="8"/>
  <c r="E374" i="8"/>
  <c r="F374" i="8" s="1"/>
  <c r="D374" i="8"/>
  <c r="E373" i="8"/>
  <c r="D373" i="8"/>
  <c r="E372" i="8"/>
  <c r="F372" i="8" s="1"/>
  <c r="D372" i="8"/>
  <c r="E371" i="8"/>
  <c r="D371" i="8"/>
  <c r="E370" i="8"/>
  <c r="F370" i="8" s="1"/>
  <c r="D370" i="8"/>
  <c r="E369" i="8"/>
  <c r="F369" i="8" s="1"/>
  <c r="D369" i="8"/>
  <c r="E368" i="8"/>
  <c r="F368" i="8" s="1"/>
  <c r="D368" i="8"/>
  <c r="E367" i="8"/>
  <c r="D367" i="8"/>
  <c r="E366" i="8"/>
  <c r="F366" i="8" s="1"/>
  <c r="D366" i="8"/>
  <c r="E365" i="8"/>
  <c r="D365" i="8"/>
  <c r="E364" i="8"/>
  <c r="F364" i="8" s="1"/>
  <c r="D364" i="8"/>
  <c r="E363" i="8"/>
  <c r="F363" i="8" s="1"/>
  <c r="D363" i="8"/>
  <c r="E362" i="8"/>
  <c r="F362" i="8" s="1"/>
  <c r="D362" i="8"/>
  <c r="E361" i="8"/>
  <c r="D361" i="8"/>
  <c r="E360" i="8"/>
  <c r="F360" i="8" s="1"/>
  <c r="D360" i="8"/>
  <c r="E359" i="8"/>
  <c r="D359" i="8"/>
  <c r="E358" i="8"/>
  <c r="F358" i="8" s="1"/>
  <c r="D358" i="8"/>
  <c r="E357" i="8"/>
  <c r="F357" i="8" s="1"/>
  <c r="D357" i="8"/>
  <c r="E356" i="8"/>
  <c r="F356" i="8" s="1"/>
  <c r="D356" i="8"/>
  <c r="E355" i="8"/>
  <c r="D355" i="8"/>
  <c r="E354" i="8"/>
  <c r="F354" i="8" s="1"/>
  <c r="D354" i="8"/>
  <c r="E353" i="8"/>
  <c r="D353" i="8"/>
  <c r="E352" i="8"/>
  <c r="F352" i="8" s="1"/>
  <c r="D352" i="8"/>
  <c r="E351" i="8"/>
  <c r="F351" i="8" s="1"/>
  <c r="D351" i="8"/>
  <c r="E350" i="8"/>
  <c r="F350" i="8" s="1"/>
  <c r="D350" i="8"/>
  <c r="E349" i="8"/>
  <c r="D349" i="8"/>
  <c r="E348" i="8"/>
  <c r="F348" i="8" s="1"/>
  <c r="D348" i="8"/>
  <c r="E347" i="8"/>
  <c r="D347" i="8"/>
  <c r="E346" i="8"/>
  <c r="F346" i="8" s="1"/>
  <c r="D346" i="8"/>
  <c r="E345" i="8"/>
  <c r="F345" i="8" s="1"/>
  <c r="D345" i="8"/>
  <c r="E344" i="8"/>
  <c r="F344" i="8" s="1"/>
  <c r="D344" i="8"/>
  <c r="E343" i="8"/>
  <c r="D343" i="8"/>
  <c r="E342" i="8"/>
  <c r="F342" i="8" s="1"/>
  <c r="D342" i="8"/>
  <c r="E341" i="8"/>
  <c r="D341" i="8"/>
  <c r="E340" i="8"/>
  <c r="F340" i="8" s="1"/>
  <c r="D340" i="8"/>
  <c r="E339" i="8"/>
  <c r="F339" i="8" s="1"/>
  <c r="D339" i="8"/>
  <c r="E338" i="8"/>
  <c r="F338" i="8" s="1"/>
  <c r="D338" i="8"/>
  <c r="E337" i="8"/>
  <c r="D337" i="8"/>
  <c r="E336" i="8"/>
  <c r="F336" i="8" s="1"/>
  <c r="D336" i="8"/>
  <c r="E335" i="8"/>
  <c r="D335" i="8"/>
  <c r="E334" i="8"/>
  <c r="F334" i="8" s="1"/>
  <c r="D334" i="8"/>
  <c r="E333" i="8"/>
  <c r="F333" i="8" s="1"/>
  <c r="D333" i="8"/>
  <c r="E332" i="8"/>
  <c r="F332" i="8" s="1"/>
  <c r="D332" i="8"/>
  <c r="E331" i="8"/>
  <c r="D331" i="8"/>
  <c r="E330" i="8"/>
  <c r="F330" i="8" s="1"/>
  <c r="D330" i="8"/>
  <c r="E329" i="8"/>
  <c r="D329" i="8"/>
  <c r="E328" i="8"/>
  <c r="F328" i="8" s="1"/>
  <c r="D328" i="8"/>
  <c r="E327" i="8"/>
  <c r="F327" i="8" s="1"/>
  <c r="D327" i="8"/>
  <c r="E326" i="8"/>
  <c r="F326" i="8" s="1"/>
  <c r="D326" i="8"/>
  <c r="E325" i="8"/>
  <c r="D325" i="8"/>
  <c r="E324" i="8"/>
  <c r="F324" i="8" s="1"/>
  <c r="D324" i="8"/>
  <c r="E323" i="8"/>
  <c r="D323" i="8"/>
  <c r="E322" i="8"/>
  <c r="F322" i="8" s="1"/>
  <c r="D322" i="8"/>
  <c r="E321" i="8"/>
  <c r="F321" i="8" s="1"/>
  <c r="D321" i="8"/>
  <c r="E320" i="8"/>
  <c r="F320" i="8" s="1"/>
  <c r="D320" i="8"/>
  <c r="E319" i="8"/>
  <c r="D319" i="8"/>
  <c r="E318" i="8"/>
  <c r="F318" i="8" s="1"/>
  <c r="D318" i="8"/>
  <c r="E317" i="8"/>
  <c r="D317" i="8"/>
  <c r="E316" i="8"/>
  <c r="F316" i="8" s="1"/>
  <c r="D316" i="8"/>
  <c r="E315" i="8"/>
  <c r="F315" i="8" s="1"/>
  <c r="D315" i="8"/>
  <c r="E314" i="8"/>
  <c r="F314" i="8" s="1"/>
  <c r="D314" i="8"/>
  <c r="E313" i="8"/>
  <c r="D313" i="8"/>
  <c r="E312" i="8"/>
  <c r="F312" i="8" s="1"/>
  <c r="D312" i="8"/>
  <c r="E311" i="8"/>
  <c r="D311" i="8"/>
  <c r="E310" i="8"/>
  <c r="F310" i="8" s="1"/>
  <c r="D310" i="8"/>
  <c r="E309" i="8"/>
  <c r="F309" i="8" s="1"/>
  <c r="D309" i="8"/>
  <c r="E308" i="8"/>
  <c r="F308" i="8" s="1"/>
  <c r="D308" i="8"/>
  <c r="E307" i="8"/>
  <c r="D307" i="8"/>
  <c r="E306" i="8"/>
  <c r="F306" i="8" s="1"/>
  <c r="D306" i="8"/>
  <c r="E305" i="8"/>
  <c r="D305" i="8"/>
  <c r="E304" i="8"/>
  <c r="F304" i="8" s="1"/>
  <c r="D304" i="8"/>
  <c r="E303" i="8"/>
  <c r="F303" i="8" s="1"/>
  <c r="D303" i="8"/>
  <c r="E302" i="8"/>
  <c r="F302" i="8" s="1"/>
  <c r="D302" i="8"/>
  <c r="E301" i="8"/>
  <c r="D301" i="8"/>
  <c r="E300" i="8"/>
  <c r="F300" i="8" s="1"/>
  <c r="D300" i="8"/>
  <c r="E299" i="8"/>
  <c r="D299" i="8"/>
  <c r="E298" i="8"/>
  <c r="F298" i="8" s="1"/>
  <c r="D298" i="8"/>
  <c r="E297" i="8"/>
  <c r="F297" i="8" s="1"/>
  <c r="D297" i="8"/>
  <c r="E296" i="8"/>
  <c r="F296" i="8" s="1"/>
  <c r="D296" i="8"/>
  <c r="E295" i="8"/>
  <c r="D295" i="8"/>
  <c r="E294" i="8"/>
  <c r="F294" i="8" s="1"/>
  <c r="D294" i="8"/>
  <c r="E293" i="8"/>
  <c r="D293" i="8"/>
  <c r="E292" i="8"/>
  <c r="F292" i="8" s="1"/>
  <c r="D292" i="8"/>
  <c r="E291" i="8"/>
  <c r="F291" i="8" s="1"/>
  <c r="D291" i="8"/>
  <c r="E290" i="8"/>
  <c r="F290" i="8" s="1"/>
  <c r="D290" i="8"/>
  <c r="E289" i="8"/>
  <c r="D289" i="8"/>
  <c r="E288" i="8"/>
  <c r="F288" i="8" s="1"/>
  <c r="D288" i="8"/>
  <c r="E287" i="8"/>
  <c r="D287" i="8"/>
  <c r="E286" i="8"/>
  <c r="F286" i="8" s="1"/>
  <c r="D286" i="8"/>
  <c r="E285" i="8"/>
  <c r="F285" i="8" s="1"/>
  <c r="D285" i="8"/>
  <c r="E284" i="8"/>
  <c r="F284" i="8" s="1"/>
  <c r="D284" i="8"/>
  <c r="E283" i="8"/>
  <c r="D283" i="8"/>
  <c r="E282" i="8"/>
  <c r="F282" i="8" s="1"/>
  <c r="D282" i="8"/>
  <c r="E281" i="8"/>
  <c r="D281" i="8"/>
  <c r="E280" i="8"/>
  <c r="F280" i="8" s="1"/>
  <c r="D280" i="8"/>
  <c r="E279" i="8"/>
  <c r="F279" i="8" s="1"/>
  <c r="D279" i="8"/>
  <c r="E278" i="8"/>
  <c r="F278" i="8" s="1"/>
  <c r="D278" i="8"/>
  <c r="E277" i="8"/>
  <c r="D277" i="8"/>
  <c r="E276" i="8"/>
  <c r="F276" i="8" s="1"/>
  <c r="D276" i="8"/>
  <c r="E275" i="8"/>
  <c r="D275" i="8"/>
  <c r="E274" i="8"/>
  <c r="F274" i="8" s="1"/>
  <c r="D274" i="8"/>
  <c r="E273" i="8"/>
  <c r="F273" i="8" s="1"/>
  <c r="D273" i="8"/>
  <c r="E272" i="8"/>
  <c r="F272" i="8" s="1"/>
  <c r="D272" i="8"/>
  <c r="E271" i="8"/>
  <c r="D271" i="8"/>
  <c r="E270" i="8"/>
  <c r="F270" i="8" s="1"/>
  <c r="D270" i="8"/>
  <c r="E269" i="8"/>
  <c r="D269" i="8"/>
  <c r="E268" i="8"/>
  <c r="F268" i="8" s="1"/>
  <c r="D268" i="8"/>
  <c r="E267" i="8"/>
  <c r="F267" i="8" s="1"/>
  <c r="D267" i="8"/>
  <c r="E266" i="8"/>
  <c r="F266" i="8" s="1"/>
  <c r="D266" i="8"/>
  <c r="E265" i="8"/>
  <c r="D265" i="8"/>
  <c r="E264" i="8"/>
  <c r="F264" i="8" s="1"/>
  <c r="D264" i="8"/>
  <c r="E263" i="8"/>
  <c r="D263" i="8"/>
  <c r="E262" i="8"/>
  <c r="F262" i="8" s="1"/>
  <c r="D262" i="8"/>
  <c r="E261" i="8"/>
  <c r="F261" i="8" s="1"/>
  <c r="D261" i="8"/>
  <c r="E260" i="8"/>
  <c r="F260" i="8" s="1"/>
  <c r="D260" i="8"/>
  <c r="E259" i="8"/>
  <c r="D259" i="8"/>
  <c r="E258" i="8"/>
  <c r="F258" i="8" s="1"/>
  <c r="D258" i="8"/>
  <c r="E257" i="8"/>
  <c r="D257" i="8"/>
  <c r="E256" i="8"/>
  <c r="F256" i="8" s="1"/>
  <c r="D256" i="8"/>
  <c r="E255" i="8"/>
  <c r="F255" i="8" s="1"/>
  <c r="D255" i="8"/>
  <c r="E254" i="8"/>
  <c r="F254" i="8" s="1"/>
  <c r="D254" i="8"/>
  <c r="E253" i="8"/>
  <c r="D253" i="8"/>
  <c r="E252" i="8"/>
  <c r="F252" i="8" s="1"/>
  <c r="D252" i="8"/>
  <c r="E251" i="8"/>
  <c r="D251" i="8"/>
  <c r="E250" i="8"/>
  <c r="F250" i="8" s="1"/>
  <c r="D250" i="8"/>
  <c r="E249" i="8"/>
  <c r="F249" i="8" s="1"/>
  <c r="D249" i="8"/>
  <c r="E248" i="8"/>
  <c r="F248" i="8" s="1"/>
  <c r="D248" i="8"/>
  <c r="E247" i="8"/>
  <c r="D247" i="8"/>
  <c r="E246" i="8"/>
  <c r="F246" i="8" s="1"/>
  <c r="D246" i="8"/>
  <c r="E245" i="8"/>
  <c r="D245" i="8"/>
  <c r="E244" i="8"/>
  <c r="F244" i="8" s="1"/>
  <c r="D244" i="8"/>
  <c r="E243" i="8"/>
  <c r="F243" i="8" s="1"/>
  <c r="D243" i="8"/>
  <c r="E242" i="8"/>
  <c r="F242" i="8" s="1"/>
  <c r="D242" i="8"/>
  <c r="E241" i="8"/>
  <c r="D241" i="8"/>
  <c r="E240" i="8"/>
  <c r="F240" i="8" s="1"/>
  <c r="D240" i="8"/>
  <c r="E239" i="8"/>
  <c r="D239" i="8"/>
  <c r="E238" i="8"/>
  <c r="F238" i="8" s="1"/>
  <c r="D238" i="8"/>
  <c r="E237" i="8"/>
  <c r="F237" i="8" s="1"/>
  <c r="D237" i="8"/>
  <c r="E236" i="8"/>
  <c r="F236" i="8" s="1"/>
  <c r="D236" i="8"/>
  <c r="E235" i="8"/>
  <c r="D235" i="8"/>
  <c r="E234" i="8"/>
  <c r="F234" i="8" s="1"/>
  <c r="D234" i="8"/>
  <c r="E233" i="8"/>
  <c r="D233" i="8"/>
  <c r="E232" i="8"/>
  <c r="F232" i="8" s="1"/>
  <c r="D232" i="8"/>
  <c r="E231" i="8"/>
  <c r="F231" i="8" s="1"/>
  <c r="D231" i="8"/>
  <c r="E230" i="8"/>
  <c r="F230" i="8" s="1"/>
  <c r="D230" i="8"/>
  <c r="E229" i="8"/>
  <c r="D229" i="8"/>
  <c r="E228" i="8"/>
  <c r="F228" i="8" s="1"/>
  <c r="D228" i="8"/>
  <c r="E227" i="8"/>
  <c r="D227" i="8"/>
  <c r="E226" i="8"/>
  <c r="F226" i="8" s="1"/>
  <c r="D226" i="8"/>
  <c r="E225" i="8"/>
  <c r="F225" i="8" s="1"/>
  <c r="D225" i="8"/>
  <c r="E224" i="8"/>
  <c r="F224" i="8" s="1"/>
  <c r="D224" i="8"/>
  <c r="E223" i="8"/>
  <c r="D223" i="8"/>
  <c r="E222" i="8"/>
  <c r="F222" i="8" s="1"/>
  <c r="D222" i="8"/>
  <c r="E221" i="8"/>
  <c r="D221" i="8"/>
  <c r="E220" i="8"/>
  <c r="F220" i="8" s="1"/>
  <c r="D220" i="8"/>
  <c r="E219" i="8"/>
  <c r="F219" i="8" s="1"/>
  <c r="D219" i="8"/>
  <c r="E218" i="8"/>
  <c r="F218" i="8" s="1"/>
  <c r="D218" i="8"/>
  <c r="E217" i="8"/>
  <c r="D217" i="8"/>
  <c r="E216" i="8"/>
  <c r="F216" i="8" s="1"/>
  <c r="D216" i="8"/>
  <c r="E215" i="8"/>
  <c r="D215" i="8"/>
  <c r="E214" i="8"/>
  <c r="F214" i="8" s="1"/>
  <c r="D214" i="8"/>
  <c r="E213" i="8"/>
  <c r="F213" i="8" s="1"/>
  <c r="D213" i="8"/>
  <c r="E212" i="8"/>
  <c r="F212" i="8" s="1"/>
  <c r="D212" i="8"/>
  <c r="E211" i="8"/>
  <c r="D211" i="8"/>
  <c r="E210" i="8"/>
  <c r="F210" i="8" s="1"/>
  <c r="D210" i="8"/>
  <c r="E209" i="8"/>
  <c r="D209" i="8"/>
  <c r="E208" i="8"/>
  <c r="F208" i="8" s="1"/>
  <c r="D208" i="8"/>
  <c r="E207" i="8"/>
  <c r="F207" i="8" s="1"/>
  <c r="D207" i="8"/>
  <c r="E206" i="8"/>
  <c r="F206" i="8" s="1"/>
  <c r="D206" i="8"/>
  <c r="E205" i="8"/>
  <c r="D205" i="8"/>
  <c r="E204" i="8"/>
  <c r="F204" i="8" s="1"/>
  <c r="D204" i="8"/>
  <c r="E203" i="8"/>
  <c r="D203" i="8"/>
  <c r="E202" i="8"/>
  <c r="F202" i="8" s="1"/>
  <c r="D202" i="8"/>
  <c r="E201" i="8"/>
  <c r="F201" i="8" s="1"/>
  <c r="D201" i="8"/>
  <c r="E200" i="8"/>
  <c r="F200" i="8" s="1"/>
  <c r="D200" i="8"/>
  <c r="E199" i="8"/>
  <c r="D199" i="8"/>
  <c r="E198" i="8"/>
  <c r="F198" i="8" s="1"/>
  <c r="D198" i="8"/>
  <c r="E197" i="8"/>
  <c r="D197" i="8"/>
  <c r="E196" i="8"/>
  <c r="F196" i="8" s="1"/>
  <c r="D196" i="8"/>
  <c r="E195" i="8"/>
  <c r="F195" i="8" s="1"/>
  <c r="D195" i="8"/>
  <c r="E194" i="8"/>
  <c r="F194" i="8" s="1"/>
  <c r="D194" i="8"/>
  <c r="E193" i="8"/>
  <c r="D193" i="8"/>
  <c r="E192" i="8"/>
  <c r="F192" i="8" s="1"/>
  <c r="D192" i="8"/>
  <c r="E191" i="8"/>
  <c r="D191" i="8"/>
  <c r="E190" i="8"/>
  <c r="F190" i="8" s="1"/>
  <c r="D190" i="8"/>
  <c r="E189" i="8"/>
  <c r="F189" i="8" s="1"/>
  <c r="D189" i="8"/>
  <c r="E188" i="8"/>
  <c r="F188" i="8" s="1"/>
  <c r="D188" i="8"/>
  <c r="E187" i="8"/>
  <c r="D187" i="8"/>
  <c r="E186" i="8"/>
  <c r="F186" i="8" s="1"/>
  <c r="D186" i="8"/>
  <c r="E185" i="8"/>
  <c r="D185" i="8"/>
  <c r="E184" i="8"/>
  <c r="F184" i="8" s="1"/>
  <c r="D184" i="8"/>
  <c r="E183" i="8"/>
  <c r="F183" i="8" s="1"/>
  <c r="D183" i="8"/>
  <c r="E182" i="8"/>
  <c r="F182" i="8" s="1"/>
  <c r="D182" i="8"/>
  <c r="E181" i="8"/>
  <c r="D181" i="8"/>
  <c r="E180" i="8"/>
  <c r="F180" i="8" s="1"/>
  <c r="D180" i="8"/>
  <c r="E179" i="8"/>
  <c r="D179" i="8"/>
  <c r="E178" i="8"/>
  <c r="F178" i="8" s="1"/>
  <c r="D178" i="8"/>
  <c r="E177" i="8"/>
  <c r="F177" i="8" s="1"/>
  <c r="D177" i="8"/>
  <c r="E176" i="8"/>
  <c r="F176" i="8" s="1"/>
  <c r="D176" i="8"/>
  <c r="E175" i="8"/>
  <c r="D175" i="8"/>
  <c r="E174" i="8"/>
  <c r="F174" i="8" s="1"/>
  <c r="D174" i="8"/>
  <c r="E173" i="8"/>
  <c r="D173" i="8"/>
  <c r="E172" i="8"/>
  <c r="F172" i="8" s="1"/>
  <c r="D172" i="8"/>
  <c r="E171" i="8"/>
  <c r="F171" i="8" s="1"/>
  <c r="D171" i="8"/>
  <c r="E170" i="8"/>
  <c r="F170" i="8" s="1"/>
  <c r="D170" i="8"/>
  <c r="E169" i="8"/>
  <c r="D169" i="8"/>
  <c r="E168" i="8"/>
  <c r="F168" i="8" s="1"/>
  <c r="D168" i="8"/>
  <c r="E167" i="8"/>
  <c r="D167" i="8"/>
  <c r="E166" i="8"/>
  <c r="F166" i="8" s="1"/>
  <c r="D166" i="8"/>
  <c r="E165" i="8"/>
  <c r="F165" i="8" s="1"/>
  <c r="D165" i="8"/>
  <c r="E164" i="8"/>
  <c r="F164" i="8" s="1"/>
  <c r="D164" i="8"/>
  <c r="E163" i="8"/>
  <c r="D163" i="8"/>
  <c r="E162" i="8"/>
  <c r="F162" i="8" s="1"/>
  <c r="D162" i="8"/>
  <c r="E161" i="8"/>
  <c r="D161" i="8"/>
  <c r="E160" i="8"/>
  <c r="F160" i="8" s="1"/>
  <c r="D160" i="8"/>
  <c r="E159" i="8"/>
  <c r="F159" i="8" s="1"/>
  <c r="D159" i="8"/>
  <c r="E158" i="8"/>
  <c r="F158" i="8" s="1"/>
  <c r="D158" i="8"/>
  <c r="E157" i="8"/>
  <c r="D157" i="8"/>
  <c r="E156" i="8"/>
  <c r="F156" i="8" s="1"/>
  <c r="D156" i="8"/>
  <c r="E155" i="8"/>
  <c r="D155" i="8"/>
  <c r="E154" i="8"/>
  <c r="F154" i="8" s="1"/>
  <c r="D154" i="8"/>
  <c r="E153" i="8"/>
  <c r="F153" i="8" s="1"/>
  <c r="D153" i="8"/>
  <c r="E152" i="8"/>
  <c r="F152" i="8" s="1"/>
  <c r="D152" i="8"/>
  <c r="E151" i="8"/>
  <c r="D151" i="8"/>
  <c r="E150" i="8"/>
  <c r="F150" i="8" s="1"/>
  <c r="D150" i="8"/>
  <c r="E149" i="8"/>
  <c r="D149" i="8"/>
  <c r="E148" i="8"/>
  <c r="F148" i="8" s="1"/>
  <c r="D148" i="8"/>
  <c r="E147" i="8"/>
  <c r="F147" i="8" s="1"/>
  <c r="D147" i="8"/>
  <c r="E146" i="8"/>
  <c r="F146" i="8" s="1"/>
  <c r="D146" i="8"/>
  <c r="E145" i="8"/>
  <c r="D145" i="8"/>
  <c r="E144" i="8"/>
  <c r="F144" i="8" s="1"/>
  <c r="D144" i="8"/>
  <c r="E143" i="8"/>
  <c r="D143" i="8"/>
  <c r="E142" i="8"/>
  <c r="F142" i="8" s="1"/>
  <c r="D142" i="8"/>
  <c r="E141" i="8"/>
  <c r="F141" i="8" s="1"/>
  <c r="D141" i="8"/>
  <c r="E140" i="8"/>
  <c r="F140" i="8" s="1"/>
  <c r="D140" i="8"/>
  <c r="E139" i="8"/>
  <c r="D139" i="8"/>
  <c r="E138" i="8"/>
  <c r="F138" i="8" s="1"/>
  <c r="D138" i="8"/>
  <c r="E137" i="8"/>
  <c r="D137" i="8"/>
  <c r="E136" i="8"/>
  <c r="F136" i="8" s="1"/>
  <c r="D136" i="8"/>
  <c r="E135" i="8"/>
  <c r="F135" i="8" s="1"/>
  <c r="D135" i="8"/>
  <c r="E134" i="8"/>
  <c r="F134" i="8" s="1"/>
  <c r="D134" i="8"/>
  <c r="E133" i="8"/>
  <c r="D133" i="8"/>
  <c r="E132" i="8"/>
  <c r="F132" i="8" s="1"/>
  <c r="D132" i="8"/>
  <c r="E131" i="8"/>
  <c r="D131" i="8"/>
  <c r="E130" i="8"/>
  <c r="F130" i="8" s="1"/>
  <c r="D130" i="8"/>
  <c r="E129" i="8"/>
  <c r="F129" i="8" s="1"/>
  <c r="D129" i="8"/>
  <c r="E128" i="8"/>
  <c r="F128" i="8" s="1"/>
  <c r="D128" i="8"/>
  <c r="E127" i="8"/>
  <c r="D127" i="8"/>
  <c r="E126" i="8"/>
  <c r="F126" i="8" s="1"/>
  <c r="D126" i="8"/>
  <c r="E125" i="8"/>
  <c r="D125" i="8"/>
  <c r="E124" i="8"/>
  <c r="F124" i="8" s="1"/>
  <c r="D124" i="8"/>
  <c r="E123" i="8"/>
  <c r="F123" i="8" s="1"/>
  <c r="D123" i="8"/>
  <c r="E122" i="8"/>
  <c r="F122" i="8" s="1"/>
  <c r="D122" i="8"/>
  <c r="E121" i="8"/>
  <c r="D121" i="8"/>
  <c r="E120" i="8"/>
  <c r="F120" i="8" s="1"/>
  <c r="D120" i="8"/>
  <c r="E119" i="8"/>
  <c r="D119" i="8"/>
  <c r="E118" i="8"/>
  <c r="F118" i="8" s="1"/>
  <c r="D118" i="8"/>
  <c r="E117" i="8"/>
  <c r="F117" i="8" s="1"/>
  <c r="D117" i="8"/>
  <c r="E116" i="8"/>
  <c r="F116" i="8" s="1"/>
  <c r="D116" i="8"/>
  <c r="E115" i="8"/>
  <c r="D115" i="8"/>
  <c r="E114" i="8"/>
  <c r="F114" i="8" s="1"/>
  <c r="D114" i="8"/>
  <c r="E113" i="8"/>
  <c r="D113" i="8"/>
  <c r="E112" i="8"/>
  <c r="F112" i="8" s="1"/>
  <c r="D112" i="8"/>
  <c r="E111" i="8"/>
  <c r="F111" i="8" s="1"/>
  <c r="D111" i="8"/>
  <c r="E110" i="8"/>
  <c r="F110" i="8" s="1"/>
  <c r="D110" i="8"/>
  <c r="E109" i="8"/>
  <c r="D109" i="8"/>
  <c r="E108" i="8"/>
  <c r="F108" i="8" s="1"/>
  <c r="D108" i="8"/>
  <c r="E107" i="8"/>
  <c r="D107" i="8"/>
  <c r="E106" i="8"/>
  <c r="F106" i="8" s="1"/>
  <c r="D106" i="8"/>
  <c r="E105" i="8"/>
  <c r="F105" i="8" s="1"/>
  <c r="D105" i="8"/>
  <c r="E104" i="8"/>
  <c r="F104" i="8" s="1"/>
  <c r="D104" i="8"/>
  <c r="E103" i="8"/>
  <c r="D103" i="8"/>
  <c r="E102" i="8"/>
  <c r="F102" i="8" s="1"/>
  <c r="D102" i="8"/>
  <c r="E101" i="8"/>
  <c r="D101" i="8"/>
  <c r="E100" i="8"/>
  <c r="F100" i="8" s="1"/>
  <c r="D100" i="8"/>
  <c r="E99" i="8"/>
  <c r="F99" i="8" s="1"/>
  <c r="D99" i="8"/>
  <c r="E98" i="8"/>
  <c r="F98" i="8" s="1"/>
  <c r="D98" i="8"/>
  <c r="E97" i="8"/>
  <c r="D97" i="8"/>
  <c r="E96" i="8"/>
  <c r="F96" i="8" s="1"/>
  <c r="D96" i="8"/>
  <c r="E95" i="8"/>
  <c r="D95" i="8"/>
  <c r="E94" i="8"/>
  <c r="F94" i="8" s="1"/>
  <c r="D94" i="8"/>
  <c r="E93" i="8"/>
  <c r="F93" i="8" s="1"/>
  <c r="D93" i="8"/>
  <c r="E92" i="8"/>
  <c r="F92" i="8" s="1"/>
  <c r="D92" i="8"/>
  <c r="E91" i="8"/>
  <c r="D91" i="8"/>
  <c r="E90" i="8"/>
  <c r="F90" i="8" s="1"/>
  <c r="D90" i="8"/>
  <c r="E89" i="8"/>
  <c r="D89" i="8"/>
  <c r="E88" i="8"/>
  <c r="F88" i="8" s="1"/>
  <c r="D88" i="8"/>
  <c r="E87" i="8"/>
  <c r="F87" i="8" s="1"/>
  <c r="D87" i="8"/>
  <c r="E86" i="8"/>
  <c r="F86" i="8" s="1"/>
  <c r="D86" i="8"/>
  <c r="E85" i="8"/>
  <c r="D85" i="8"/>
  <c r="E84" i="8"/>
  <c r="F84" i="8" s="1"/>
  <c r="D84" i="8"/>
  <c r="E83" i="8"/>
  <c r="D83" i="8"/>
  <c r="E82" i="8"/>
  <c r="F82" i="8" s="1"/>
  <c r="D82" i="8"/>
  <c r="E81" i="8"/>
  <c r="F81" i="8" s="1"/>
  <c r="D81" i="8"/>
  <c r="E80" i="8"/>
  <c r="F80" i="8" s="1"/>
  <c r="D80" i="8"/>
  <c r="E79" i="8"/>
  <c r="D79" i="8"/>
  <c r="E78" i="8"/>
  <c r="F78" i="8" s="1"/>
  <c r="D78" i="8"/>
  <c r="E77" i="8"/>
  <c r="D77" i="8"/>
  <c r="E76" i="8"/>
  <c r="F76" i="8" s="1"/>
  <c r="D76" i="8"/>
  <c r="E75" i="8"/>
  <c r="F75" i="8" s="1"/>
  <c r="D75" i="8"/>
  <c r="E74" i="8"/>
  <c r="F74" i="8" s="1"/>
  <c r="D74" i="8"/>
  <c r="E73" i="8"/>
  <c r="D73" i="8"/>
  <c r="E72" i="8"/>
  <c r="F72" i="8" s="1"/>
  <c r="D72" i="8"/>
  <c r="E71" i="8"/>
  <c r="D71" i="8"/>
  <c r="E70" i="8"/>
  <c r="F70" i="8" s="1"/>
  <c r="D70" i="8"/>
  <c r="E69" i="8"/>
  <c r="F69" i="8" s="1"/>
  <c r="D69" i="8"/>
  <c r="E68" i="8"/>
  <c r="F68" i="8" s="1"/>
  <c r="D68" i="8"/>
  <c r="E67" i="8"/>
  <c r="D67" i="8"/>
  <c r="E66" i="8"/>
  <c r="F66" i="8" s="1"/>
  <c r="D66" i="8"/>
  <c r="E65" i="8"/>
  <c r="D65" i="8"/>
  <c r="E64" i="8"/>
  <c r="F64" i="8" s="1"/>
  <c r="D64" i="8"/>
  <c r="E63" i="8"/>
  <c r="F63" i="8" s="1"/>
  <c r="D63" i="8"/>
  <c r="E62" i="8"/>
  <c r="F62" i="8" s="1"/>
  <c r="D62" i="8"/>
  <c r="E61" i="8"/>
  <c r="D61" i="8"/>
  <c r="E60" i="8"/>
  <c r="F60" i="8" s="1"/>
  <c r="D60" i="8"/>
  <c r="E59" i="8"/>
  <c r="D59" i="8"/>
  <c r="E58" i="8"/>
  <c r="F58" i="8" s="1"/>
  <c r="D58" i="8"/>
  <c r="E57" i="8"/>
  <c r="F57" i="8" s="1"/>
  <c r="D57" i="8"/>
  <c r="E56" i="8"/>
  <c r="F56" i="8" s="1"/>
  <c r="D56" i="8"/>
  <c r="E55" i="8"/>
  <c r="D55" i="8"/>
  <c r="E54" i="8"/>
  <c r="F54" i="8" s="1"/>
  <c r="D54" i="8"/>
  <c r="E53" i="8"/>
  <c r="D53" i="8"/>
  <c r="E52" i="8"/>
  <c r="F52" i="8" s="1"/>
  <c r="D52" i="8"/>
  <c r="E51" i="8"/>
  <c r="F51" i="8" s="1"/>
  <c r="D51" i="8"/>
  <c r="E50" i="8"/>
  <c r="F50" i="8" s="1"/>
  <c r="D50" i="8"/>
  <c r="E49" i="8"/>
  <c r="D49" i="8"/>
  <c r="E48" i="8"/>
  <c r="F48" i="8" s="1"/>
  <c r="D48" i="8"/>
  <c r="E47" i="8"/>
  <c r="D47" i="8"/>
  <c r="E46" i="8"/>
  <c r="F46" i="8" s="1"/>
  <c r="D46" i="8"/>
  <c r="E45" i="8"/>
  <c r="F45" i="8" s="1"/>
  <c r="D45" i="8"/>
  <c r="E44" i="8"/>
  <c r="F44" i="8" s="1"/>
  <c r="D44" i="8"/>
  <c r="E43" i="8"/>
  <c r="D43" i="8"/>
  <c r="E42" i="8"/>
  <c r="F42" i="8" s="1"/>
  <c r="D42" i="8"/>
  <c r="E41" i="8"/>
  <c r="D41" i="8"/>
  <c r="E40" i="8"/>
  <c r="F40" i="8" s="1"/>
  <c r="D40" i="8"/>
  <c r="E39" i="8"/>
  <c r="F39" i="8" s="1"/>
  <c r="D39" i="8"/>
  <c r="E38" i="8"/>
  <c r="F38" i="8" s="1"/>
  <c r="D38" i="8"/>
  <c r="E37" i="8"/>
  <c r="D37" i="8"/>
  <c r="E36" i="8"/>
  <c r="F36" i="8" s="1"/>
  <c r="D36" i="8"/>
  <c r="E35" i="8"/>
  <c r="D35" i="8"/>
  <c r="E34" i="8"/>
  <c r="F34" i="8" s="1"/>
  <c r="D34" i="8"/>
  <c r="E33" i="8"/>
  <c r="F33" i="8" s="1"/>
  <c r="D33" i="8"/>
  <c r="E32" i="8"/>
  <c r="F32" i="8" s="1"/>
  <c r="D32" i="8"/>
  <c r="E31" i="8"/>
  <c r="D31" i="8"/>
  <c r="E30" i="8"/>
  <c r="F30" i="8" s="1"/>
  <c r="D30" i="8"/>
  <c r="E29" i="8"/>
  <c r="D29" i="8"/>
  <c r="E28" i="8"/>
  <c r="F28" i="8" s="1"/>
  <c r="D28" i="8"/>
  <c r="E27" i="8"/>
  <c r="F27" i="8" s="1"/>
  <c r="D27" i="8"/>
  <c r="E26" i="8"/>
  <c r="F26" i="8" s="1"/>
  <c r="D26" i="8"/>
  <c r="E25" i="8"/>
  <c r="D25" i="8"/>
  <c r="E24" i="8"/>
  <c r="F24" i="8" s="1"/>
  <c r="D24" i="8"/>
  <c r="E23" i="8"/>
  <c r="D23" i="8"/>
  <c r="E22" i="8"/>
  <c r="F22" i="8" s="1"/>
  <c r="D22" i="8"/>
  <c r="E21" i="8"/>
  <c r="F21" i="8" s="1"/>
  <c r="D21" i="8"/>
  <c r="E20" i="8"/>
  <c r="F20" i="8" s="1"/>
  <c r="D20" i="8"/>
  <c r="E19" i="8"/>
  <c r="D19" i="8"/>
  <c r="E18" i="8"/>
  <c r="F18" i="8" s="1"/>
  <c r="D18" i="8"/>
  <c r="E17" i="8"/>
  <c r="D17" i="8"/>
  <c r="E16" i="8"/>
  <c r="F16" i="8" s="1"/>
  <c r="D16" i="8"/>
  <c r="E15" i="8"/>
  <c r="F15" i="8" s="1"/>
  <c r="D15" i="8"/>
  <c r="E14" i="8"/>
  <c r="F14" i="8" s="1"/>
  <c r="D14" i="8"/>
  <c r="E13" i="8"/>
  <c r="D13" i="8"/>
  <c r="E12" i="8"/>
  <c r="F12" i="8" s="1"/>
  <c r="D12" i="8"/>
  <c r="E11" i="8"/>
  <c r="D11" i="8"/>
  <c r="E10" i="8"/>
  <c r="F10" i="8" s="1"/>
  <c r="D10" i="8"/>
  <c r="E9" i="8"/>
  <c r="F9" i="8" s="1"/>
  <c r="D9" i="8"/>
  <c r="E8" i="8"/>
  <c r="F8" i="8" s="1"/>
  <c r="D8" i="8"/>
  <c r="E7" i="8"/>
  <c r="D7" i="8"/>
  <c r="E6" i="8"/>
  <c r="F6" i="8" s="1"/>
  <c r="D6" i="8"/>
  <c r="E5" i="8"/>
  <c r="D5" i="8"/>
  <c r="E4" i="8"/>
  <c r="F4" i="8" s="1"/>
  <c r="D4" i="8"/>
  <c r="E3" i="8"/>
  <c r="F3" i="8" s="1"/>
  <c r="D3" i="8"/>
  <c r="E2" i="8"/>
  <c r="D2" i="8"/>
  <c r="E407" i="7"/>
  <c r="F407" i="7" s="1"/>
  <c r="D407" i="7"/>
  <c r="E406" i="7"/>
  <c r="F406" i="7" s="1"/>
  <c r="D406" i="7"/>
  <c r="E405" i="7"/>
  <c r="F405" i="7" s="1"/>
  <c r="D405" i="7"/>
  <c r="E404" i="7"/>
  <c r="F404" i="7" s="1"/>
  <c r="D404" i="7"/>
  <c r="E403" i="7"/>
  <c r="F403" i="7" s="1"/>
  <c r="D403" i="7"/>
  <c r="E402" i="7"/>
  <c r="F402" i="7" s="1"/>
  <c r="D402" i="7"/>
  <c r="E401" i="7"/>
  <c r="F401" i="7" s="1"/>
  <c r="D401" i="7"/>
  <c r="E400" i="7"/>
  <c r="F400" i="7" s="1"/>
  <c r="D400" i="7"/>
  <c r="E399" i="7"/>
  <c r="F399" i="7" s="1"/>
  <c r="D399" i="7"/>
  <c r="E398" i="7"/>
  <c r="F398" i="7" s="1"/>
  <c r="D398" i="7"/>
  <c r="E397" i="7"/>
  <c r="F397" i="7" s="1"/>
  <c r="D397" i="7"/>
  <c r="E396" i="7"/>
  <c r="F396" i="7" s="1"/>
  <c r="D396" i="7"/>
  <c r="E395" i="7"/>
  <c r="F395" i="7" s="1"/>
  <c r="D395" i="7"/>
  <c r="E394" i="7"/>
  <c r="F394" i="7" s="1"/>
  <c r="D394" i="7"/>
  <c r="E393" i="7"/>
  <c r="F393" i="7" s="1"/>
  <c r="D393" i="7"/>
  <c r="E392" i="7"/>
  <c r="F392" i="7" s="1"/>
  <c r="D392" i="7"/>
  <c r="E391" i="7"/>
  <c r="F391" i="7" s="1"/>
  <c r="D391" i="7"/>
  <c r="E390" i="7"/>
  <c r="F390" i="7" s="1"/>
  <c r="D390" i="7"/>
  <c r="E389" i="7"/>
  <c r="F389" i="7" s="1"/>
  <c r="D389" i="7"/>
  <c r="E388" i="7"/>
  <c r="F388" i="7" s="1"/>
  <c r="D388" i="7"/>
  <c r="E387" i="7"/>
  <c r="F387" i="7" s="1"/>
  <c r="D387" i="7"/>
  <c r="E386" i="7"/>
  <c r="F386" i="7" s="1"/>
  <c r="D386" i="7"/>
  <c r="E385" i="7"/>
  <c r="F385" i="7" s="1"/>
  <c r="D385" i="7"/>
  <c r="E384" i="7"/>
  <c r="F384" i="7" s="1"/>
  <c r="D384" i="7"/>
  <c r="E383" i="7"/>
  <c r="F383" i="7" s="1"/>
  <c r="D383" i="7"/>
  <c r="E382" i="7"/>
  <c r="F382" i="7" s="1"/>
  <c r="D382" i="7"/>
  <c r="E381" i="7"/>
  <c r="F381" i="7" s="1"/>
  <c r="D381" i="7"/>
  <c r="E380" i="7"/>
  <c r="F380" i="7" s="1"/>
  <c r="D380" i="7"/>
  <c r="E379" i="7"/>
  <c r="F379" i="7" s="1"/>
  <c r="D379" i="7"/>
  <c r="E378" i="7"/>
  <c r="F378" i="7" s="1"/>
  <c r="D378" i="7"/>
  <c r="E377" i="7"/>
  <c r="F377" i="7" s="1"/>
  <c r="D377" i="7"/>
  <c r="E376" i="7"/>
  <c r="F376" i="7" s="1"/>
  <c r="D376" i="7"/>
  <c r="E375" i="7"/>
  <c r="F375" i="7" s="1"/>
  <c r="D375" i="7"/>
  <c r="E374" i="7"/>
  <c r="F374" i="7" s="1"/>
  <c r="D374" i="7"/>
  <c r="E373" i="7"/>
  <c r="F373" i="7" s="1"/>
  <c r="D373" i="7"/>
  <c r="E372" i="7"/>
  <c r="F372" i="7" s="1"/>
  <c r="D372" i="7"/>
  <c r="E371" i="7"/>
  <c r="F371" i="7" s="1"/>
  <c r="D371" i="7"/>
  <c r="E370" i="7"/>
  <c r="F370" i="7" s="1"/>
  <c r="D370" i="7"/>
  <c r="E369" i="7"/>
  <c r="F369" i="7" s="1"/>
  <c r="D369" i="7"/>
  <c r="E368" i="7"/>
  <c r="F368" i="7" s="1"/>
  <c r="D368" i="7"/>
  <c r="E367" i="7"/>
  <c r="F367" i="7" s="1"/>
  <c r="D367" i="7"/>
  <c r="E366" i="7"/>
  <c r="F366" i="7" s="1"/>
  <c r="D366" i="7"/>
  <c r="E365" i="7"/>
  <c r="F365" i="7" s="1"/>
  <c r="D365" i="7"/>
  <c r="E364" i="7"/>
  <c r="F364" i="7" s="1"/>
  <c r="D364" i="7"/>
  <c r="E363" i="7"/>
  <c r="F363" i="7" s="1"/>
  <c r="D363" i="7"/>
  <c r="E362" i="7"/>
  <c r="F362" i="7" s="1"/>
  <c r="D362" i="7"/>
  <c r="E361" i="7"/>
  <c r="F361" i="7" s="1"/>
  <c r="D361" i="7"/>
  <c r="E360" i="7"/>
  <c r="F360" i="7" s="1"/>
  <c r="D360" i="7"/>
  <c r="E359" i="7"/>
  <c r="F359" i="7" s="1"/>
  <c r="D359" i="7"/>
  <c r="E358" i="7"/>
  <c r="F358" i="7" s="1"/>
  <c r="D358" i="7"/>
  <c r="E357" i="7"/>
  <c r="F357" i="7" s="1"/>
  <c r="D357" i="7"/>
  <c r="E356" i="7"/>
  <c r="F356" i="7" s="1"/>
  <c r="D356" i="7"/>
  <c r="E355" i="7"/>
  <c r="F355" i="7" s="1"/>
  <c r="D355" i="7"/>
  <c r="E354" i="7"/>
  <c r="F354" i="7" s="1"/>
  <c r="D354" i="7"/>
  <c r="E353" i="7"/>
  <c r="F353" i="7" s="1"/>
  <c r="D353" i="7"/>
  <c r="E352" i="7"/>
  <c r="F352" i="7" s="1"/>
  <c r="D352" i="7"/>
  <c r="E351" i="7"/>
  <c r="F351" i="7" s="1"/>
  <c r="D351" i="7"/>
  <c r="E350" i="7"/>
  <c r="F350" i="7" s="1"/>
  <c r="D350" i="7"/>
  <c r="E349" i="7"/>
  <c r="F349" i="7" s="1"/>
  <c r="D349" i="7"/>
  <c r="E348" i="7"/>
  <c r="F348" i="7" s="1"/>
  <c r="D348" i="7"/>
  <c r="E347" i="7"/>
  <c r="F347" i="7" s="1"/>
  <c r="D347" i="7"/>
  <c r="E346" i="7"/>
  <c r="F346" i="7" s="1"/>
  <c r="D346" i="7"/>
  <c r="E345" i="7"/>
  <c r="D345" i="7"/>
  <c r="E344" i="7"/>
  <c r="F344" i="7" s="1"/>
  <c r="D344" i="7"/>
  <c r="E343" i="7"/>
  <c r="F343" i="7" s="1"/>
  <c r="D343" i="7"/>
  <c r="E342" i="7"/>
  <c r="F342" i="7" s="1"/>
  <c r="D342" i="7"/>
  <c r="E341" i="7"/>
  <c r="F341" i="7" s="1"/>
  <c r="D341" i="7"/>
  <c r="E340" i="7"/>
  <c r="F340" i="7" s="1"/>
  <c r="D340" i="7"/>
  <c r="E339" i="7"/>
  <c r="D339" i="7"/>
  <c r="E338" i="7"/>
  <c r="F338" i="7" s="1"/>
  <c r="D338" i="7"/>
  <c r="E337" i="7"/>
  <c r="F337" i="7" s="1"/>
  <c r="D337" i="7"/>
  <c r="E336" i="7"/>
  <c r="F336" i="7" s="1"/>
  <c r="D336" i="7"/>
  <c r="E335" i="7"/>
  <c r="F335" i="7" s="1"/>
  <c r="D335" i="7"/>
  <c r="E334" i="7"/>
  <c r="F334" i="7" s="1"/>
  <c r="D334" i="7"/>
  <c r="E333" i="7"/>
  <c r="F333" i="7" s="1"/>
  <c r="D333" i="7"/>
  <c r="E332" i="7"/>
  <c r="F332" i="7" s="1"/>
  <c r="D332" i="7"/>
  <c r="E331" i="7"/>
  <c r="F331" i="7" s="1"/>
  <c r="D331" i="7"/>
  <c r="E330" i="7"/>
  <c r="F330" i="7" s="1"/>
  <c r="D330" i="7"/>
  <c r="E329" i="7"/>
  <c r="F329" i="7" s="1"/>
  <c r="D329" i="7"/>
  <c r="E328" i="7"/>
  <c r="F328" i="7" s="1"/>
  <c r="D328" i="7"/>
  <c r="E327" i="7"/>
  <c r="F327" i="7" s="1"/>
  <c r="D327" i="7"/>
  <c r="E326" i="7"/>
  <c r="F326" i="7" s="1"/>
  <c r="D326" i="7"/>
  <c r="E325" i="7"/>
  <c r="F325" i="7" s="1"/>
  <c r="D325" i="7"/>
  <c r="E324" i="7"/>
  <c r="F324" i="7" s="1"/>
  <c r="D324" i="7"/>
  <c r="E323" i="7"/>
  <c r="F323" i="7" s="1"/>
  <c r="D323" i="7"/>
  <c r="E322" i="7"/>
  <c r="F322" i="7" s="1"/>
  <c r="D322" i="7"/>
  <c r="E321" i="7"/>
  <c r="F321" i="7" s="1"/>
  <c r="D321" i="7"/>
  <c r="E320" i="7"/>
  <c r="F320" i="7" s="1"/>
  <c r="D320" i="7"/>
  <c r="E319" i="7"/>
  <c r="F319" i="7" s="1"/>
  <c r="D319" i="7"/>
  <c r="E318" i="7"/>
  <c r="F318" i="7" s="1"/>
  <c r="D318" i="7"/>
  <c r="E317" i="7"/>
  <c r="F317" i="7" s="1"/>
  <c r="D317" i="7"/>
  <c r="E316" i="7"/>
  <c r="F316" i="7" s="1"/>
  <c r="D316" i="7"/>
  <c r="E315" i="7"/>
  <c r="F315" i="7" s="1"/>
  <c r="D315" i="7"/>
  <c r="E314" i="7"/>
  <c r="F314" i="7" s="1"/>
  <c r="D314" i="7"/>
  <c r="E313" i="7"/>
  <c r="F313" i="7" s="1"/>
  <c r="D313" i="7"/>
  <c r="E312" i="7"/>
  <c r="F312" i="7" s="1"/>
  <c r="D312" i="7"/>
  <c r="E311" i="7"/>
  <c r="F311" i="7" s="1"/>
  <c r="D311" i="7"/>
  <c r="E310" i="7"/>
  <c r="F310" i="7" s="1"/>
  <c r="D310" i="7"/>
  <c r="E309" i="7"/>
  <c r="F309" i="7" s="1"/>
  <c r="D309" i="7"/>
  <c r="E308" i="7"/>
  <c r="F308" i="7" s="1"/>
  <c r="D308" i="7"/>
  <c r="E307" i="7"/>
  <c r="F307" i="7" s="1"/>
  <c r="D307" i="7"/>
  <c r="E306" i="7"/>
  <c r="F306" i="7" s="1"/>
  <c r="D306" i="7"/>
  <c r="E305" i="7"/>
  <c r="F305" i="7" s="1"/>
  <c r="D305" i="7"/>
  <c r="E304" i="7"/>
  <c r="F304" i="7" s="1"/>
  <c r="D304" i="7"/>
  <c r="E303" i="7"/>
  <c r="F303" i="7" s="1"/>
  <c r="D303" i="7"/>
  <c r="E302" i="7"/>
  <c r="F302" i="7" s="1"/>
  <c r="D302" i="7"/>
  <c r="E301" i="7"/>
  <c r="F301" i="7" s="1"/>
  <c r="D301" i="7"/>
  <c r="E300" i="7"/>
  <c r="F300" i="7" s="1"/>
  <c r="D300" i="7"/>
  <c r="E299" i="7"/>
  <c r="F299" i="7" s="1"/>
  <c r="D299" i="7"/>
  <c r="E298" i="7"/>
  <c r="F298" i="7" s="1"/>
  <c r="D298" i="7"/>
  <c r="E297" i="7"/>
  <c r="F297" i="7" s="1"/>
  <c r="D297" i="7"/>
  <c r="E296" i="7"/>
  <c r="F296" i="7" s="1"/>
  <c r="D296" i="7"/>
  <c r="E295" i="7"/>
  <c r="F295" i="7" s="1"/>
  <c r="D295" i="7"/>
  <c r="E294" i="7"/>
  <c r="F294" i="7" s="1"/>
  <c r="D294" i="7"/>
  <c r="E293" i="7"/>
  <c r="F293" i="7" s="1"/>
  <c r="D293" i="7"/>
  <c r="E292" i="7"/>
  <c r="F292" i="7" s="1"/>
  <c r="D292" i="7"/>
  <c r="E291" i="7"/>
  <c r="F291" i="7" s="1"/>
  <c r="D291" i="7"/>
  <c r="E290" i="7"/>
  <c r="F290" i="7" s="1"/>
  <c r="D290" i="7"/>
  <c r="E289" i="7"/>
  <c r="F289" i="7" s="1"/>
  <c r="D289" i="7"/>
  <c r="E288" i="7"/>
  <c r="F288" i="7" s="1"/>
  <c r="D288" i="7"/>
  <c r="E287" i="7"/>
  <c r="F287" i="7" s="1"/>
  <c r="D287" i="7"/>
  <c r="E286" i="7"/>
  <c r="F286" i="7" s="1"/>
  <c r="D286" i="7"/>
  <c r="E285" i="7"/>
  <c r="F285" i="7" s="1"/>
  <c r="D285" i="7"/>
  <c r="E284" i="7"/>
  <c r="F284" i="7" s="1"/>
  <c r="D284" i="7"/>
  <c r="E283" i="7"/>
  <c r="F283" i="7" s="1"/>
  <c r="D283" i="7"/>
  <c r="E282" i="7"/>
  <c r="F282" i="7" s="1"/>
  <c r="D282" i="7"/>
  <c r="E281" i="7"/>
  <c r="F281" i="7" s="1"/>
  <c r="D281" i="7"/>
  <c r="E280" i="7"/>
  <c r="F280" i="7" s="1"/>
  <c r="D280" i="7"/>
  <c r="E279" i="7"/>
  <c r="F279" i="7" s="1"/>
  <c r="D279" i="7"/>
  <c r="E278" i="7"/>
  <c r="F278" i="7" s="1"/>
  <c r="D278" i="7"/>
  <c r="E277" i="7"/>
  <c r="F277" i="7" s="1"/>
  <c r="D277" i="7"/>
  <c r="E276" i="7"/>
  <c r="F276" i="7" s="1"/>
  <c r="D276" i="7"/>
  <c r="E275" i="7"/>
  <c r="F275" i="7" s="1"/>
  <c r="D275" i="7"/>
  <c r="E274" i="7"/>
  <c r="F274" i="7" s="1"/>
  <c r="D274" i="7"/>
  <c r="E273" i="7"/>
  <c r="F273" i="7" s="1"/>
  <c r="D273" i="7"/>
  <c r="E272" i="7"/>
  <c r="F272" i="7" s="1"/>
  <c r="D272" i="7"/>
  <c r="E271" i="7"/>
  <c r="F271" i="7" s="1"/>
  <c r="D271" i="7"/>
  <c r="E270" i="7"/>
  <c r="F270" i="7" s="1"/>
  <c r="D270" i="7"/>
  <c r="E269" i="7"/>
  <c r="F269" i="7" s="1"/>
  <c r="D269" i="7"/>
  <c r="E268" i="7"/>
  <c r="F268" i="7" s="1"/>
  <c r="D268" i="7"/>
  <c r="E267" i="7"/>
  <c r="F267" i="7" s="1"/>
  <c r="D267" i="7"/>
  <c r="E266" i="7"/>
  <c r="F266" i="7" s="1"/>
  <c r="D266" i="7"/>
  <c r="E265" i="7"/>
  <c r="F265" i="7" s="1"/>
  <c r="D265" i="7"/>
  <c r="E264" i="7"/>
  <c r="F264" i="7" s="1"/>
  <c r="D264" i="7"/>
  <c r="E263" i="7"/>
  <c r="F263" i="7" s="1"/>
  <c r="D263" i="7"/>
  <c r="E262" i="7"/>
  <c r="F262" i="7" s="1"/>
  <c r="D262" i="7"/>
  <c r="E261" i="7"/>
  <c r="D261" i="7"/>
  <c r="E260" i="7"/>
  <c r="F260" i="7" s="1"/>
  <c r="D260" i="7"/>
  <c r="E259" i="7"/>
  <c r="F259" i="7" s="1"/>
  <c r="D259" i="7"/>
  <c r="E258" i="7"/>
  <c r="F258" i="7" s="1"/>
  <c r="D258" i="7"/>
  <c r="E257" i="7"/>
  <c r="F257" i="7" s="1"/>
  <c r="D257" i="7"/>
  <c r="E256" i="7"/>
  <c r="F256" i="7" s="1"/>
  <c r="D256" i="7"/>
  <c r="E255" i="7"/>
  <c r="D255" i="7"/>
  <c r="E254" i="7"/>
  <c r="F254" i="7" s="1"/>
  <c r="D254" i="7"/>
  <c r="E253" i="7"/>
  <c r="F253" i="7" s="1"/>
  <c r="D253" i="7"/>
  <c r="E252" i="7"/>
  <c r="F252" i="7" s="1"/>
  <c r="D252" i="7"/>
  <c r="E251" i="7"/>
  <c r="F251" i="7" s="1"/>
  <c r="D251" i="7"/>
  <c r="E250" i="7"/>
  <c r="F250" i="7" s="1"/>
  <c r="D250" i="7"/>
  <c r="E249" i="7"/>
  <c r="D249" i="7"/>
  <c r="E248" i="7"/>
  <c r="F248" i="7" s="1"/>
  <c r="D248" i="7"/>
  <c r="E247" i="7"/>
  <c r="F247" i="7" s="1"/>
  <c r="D247" i="7"/>
  <c r="E246" i="7"/>
  <c r="F246" i="7" s="1"/>
  <c r="D246" i="7"/>
  <c r="E245" i="7"/>
  <c r="F245" i="7" s="1"/>
  <c r="D245" i="7"/>
  <c r="E244" i="7"/>
  <c r="F244" i="7" s="1"/>
  <c r="D244" i="7"/>
  <c r="E243" i="7"/>
  <c r="D243" i="7"/>
  <c r="E242" i="7"/>
  <c r="F242" i="7" s="1"/>
  <c r="D242" i="7"/>
  <c r="E241" i="7"/>
  <c r="F241" i="7" s="1"/>
  <c r="D241" i="7"/>
  <c r="E240" i="7"/>
  <c r="F240" i="7" s="1"/>
  <c r="D240" i="7"/>
  <c r="E239" i="7"/>
  <c r="F239" i="7" s="1"/>
  <c r="D239" i="7"/>
  <c r="E238" i="7"/>
  <c r="F238" i="7" s="1"/>
  <c r="D238" i="7"/>
  <c r="E237" i="7"/>
  <c r="D237" i="7"/>
  <c r="E236" i="7"/>
  <c r="F236" i="7" s="1"/>
  <c r="D236" i="7"/>
  <c r="E235" i="7"/>
  <c r="F235" i="7" s="1"/>
  <c r="D235" i="7"/>
  <c r="E234" i="7"/>
  <c r="F234" i="7" s="1"/>
  <c r="D234" i="7"/>
  <c r="E233" i="7"/>
  <c r="F233" i="7" s="1"/>
  <c r="D233" i="7"/>
  <c r="E232" i="7"/>
  <c r="F232" i="7" s="1"/>
  <c r="D232" i="7"/>
  <c r="E231" i="7"/>
  <c r="D231" i="7"/>
  <c r="E230" i="7"/>
  <c r="F230" i="7" s="1"/>
  <c r="D230" i="7"/>
  <c r="E229" i="7"/>
  <c r="F229" i="7" s="1"/>
  <c r="D229" i="7"/>
  <c r="E228" i="7"/>
  <c r="F228" i="7" s="1"/>
  <c r="D228" i="7"/>
  <c r="E227" i="7"/>
  <c r="F227" i="7" s="1"/>
  <c r="D227" i="7"/>
  <c r="E226" i="7"/>
  <c r="F226" i="7" s="1"/>
  <c r="D226" i="7"/>
  <c r="E225" i="7"/>
  <c r="D225" i="7"/>
  <c r="E224" i="7"/>
  <c r="F224" i="7" s="1"/>
  <c r="D224" i="7"/>
  <c r="E223" i="7"/>
  <c r="F223" i="7" s="1"/>
  <c r="D223" i="7"/>
  <c r="E222" i="7"/>
  <c r="F222" i="7" s="1"/>
  <c r="D222" i="7"/>
  <c r="E221" i="7"/>
  <c r="F221" i="7" s="1"/>
  <c r="D221" i="7"/>
  <c r="E220" i="7"/>
  <c r="F220" i="7" s="1"/>
  <c r="D220" i="7"/>
  <c r="E219" i="7"/>
  <c r="D219" i="7"/>
  <c r="E218" i="7"/>
  <c r="F218" i="7" s="1"/>
  <c r="D218" i="7"/>
  <c r="E217" i="7"/>
  <c r="F217" i="7" s="1"/>
  <c r="D217" i="7"/>
  <c r="E216" i="7"/>
  <c r="F216" i="7" s="1"/>
  <c r="D216" i="7"/>
  <c r="E215" i="7"/>
  <c r="F215" i="7" s="1"/>
  <c r="D215" i="7"/>
  <c r="E214" i="7"/>
  <c r="F214" i="7" s="1"/>
  <c r="D214" i="7"/>
  <c r="E213" i="7"/>
  <c r="D213" i="7"/>
  <c r="E212" i="7"/>
  <c r="F212" i="7" s="1"/>
  <c r="D212" i="7"/>
  <c r="E211" i="7"/>
  <c r="F211" i="7" s="1"/>
  <c r="D211" i="7"/>
  <c r="E210" i="7"/>
  <c r="F210" i="7" s="1"/>
  <c r="D210" i="7"/>
  <c r="E209" i="7"/>
  <c r="F209" i="7" s="1"/>
  <c r="D209" i="7"/>
  <c r="E208" i="7"/>
  <c r="F208" i="7" s="1"/>
  <c r="D208" i="7"/>
  <c r="E207" i="7"/>
  <c r="F207" i="7" s="1"/>
  <c r="D207" i="7"/>
  <c r="E206" i="7"/>
  <c r="F206" i="7" s="1"/>
  <c r="D206" i="7"/>
  <c r="E205" i="7"/>
  <c r="F205" i="7" s="1"/>
  <c r="D205" i="7"/>
  <c r="E204" i="7"/>
  <c r="F204" i="7" s="1"/>
  <c r="D204" i="7"/>
  <c r="E203" i="7"/>
  <c r="F203" i="7" s="1"/>
  <c r="D203" i="7"/>
  <c r="E202" i="7"/>
  <c r="F202" i="7" s="1"/>
  <c r="D202" i="7"/>
  <c r="E201" i="7"/>
  <c r="F201" i="7" s="1"/>
  <c r="D201" i="7"/>
  <c r="E200" i="7"/>
  <c r="F200" i="7" s="1"/>
  <c r="D200" i="7"/>
  <c r="E199" i="7"/>
  <c r="F199" i="7" s="1"/>
  <c r="D199" i="7"/>
  <c r="E198" i="7"/>
  <c r="F198" i="7" s="1"/>
  <c r="D198" i="7"/>
  <c r="E197" i="7"/>
  <c r="F197" i="7" s="1"/>
  <c r="D197" i="7"/>
  <c r="E196" i="7"/>
  <c r="F196" i="7" s="1"/>
  <c r="D196" i="7"/>
  <c r="E195" i="7"/>
  <c r="F195" i="7" s="1"/>
  <c r="D195" i="7"/>
  <c r="E194" i="7"/>
  <c r="F194" i="7" s="1"/>
  <c r="D194" i="7"/>
  <c r="E193" i="7"/>
  <c r="F193" i="7" s="1"/>
  <c r="D193" i="7"/>
  <c r="E192" i="7"/>
  <c r="F192" i="7" s="1"/>
  <c r="D192" i="7"/>
  <c r="E191" i="7"/>
  <c r="F191" i="7" s="1"/>
  <c r="D191" i="7"/>
  <c r="E190" i="7"/>
  <c r="F190" i="7" s="1"/>
  <c r="D190" i="7"/>
  <c r="E189" i="7"/>
  <c r="F189" i="7" s="1"/>
  <c r="D189" i="7"/>
  <c r="E188" i="7"/>
  <c r="F188" i="7" s="1"/>
  <c r="D188" i="7"/>
  <c r="E187" i="7"/>
  <c r="F187" i="7" s="1"/>
  <c r="D187" i="7"/>
  <c r="E186" i="7"/>
  <c r="F186" i="7" s="1"/>
  <c r="D186" i="7"/>
  <c r="E185" i="7"/>
  <c r="F185" i="7" s="1"/>
  <c r="D185" i="7"/>
  <c r="E184" i="7"/>
  <c r="F184" i="7" s="1"/>
  <c r="D184" i="7"/>
  <c r="E183" i="7"/>
  <c r="F183" i="7" s="1"/>
  <c r="D183" i="7"/>
  <c r="E182" i="7"/>
  <c r="F182" i="7" s="1"/>
  <c r="D182" i="7"/>
  <c r="E181" i="7"/>
  <c r="F181" i="7" s="1"/>
  <c r="D181" i="7"/>
  <c r="E180" i="7"/>
  <c r="F180" i="7" s="1"/>
  <c r="D180" i="7"/>
  <c r="E179" i="7"/>
  <c r="F179" i="7" s="1"/>
  <c r="D179" i="7"/>
  <c r="E178" i="7"/>
  <c r="F178" i="7" s="1"/>
  <c r="D178" i="7"/>
  <c r="E177" i="7"/>
  <c r="F177" i="7" s="1"/>
  <c r="D177" i="7"/>
  <c r="E176" i="7"/>
  <c r="F176" i="7" s="1"/>
  <c r="D176" i="7"/>
  <c r="E175" i="7"/>
  <c r="F175" i="7" s="1"/>
  <c r="D175" i="7"/>
  <c r="E174" i="7"/>
  <c r="F174" i="7" s="1"/>
  <c r="D174" i="7"/>
  <c r="E173" i="7"/>
  <c r="F173" i="7" s="1"/>
  <c r="D173" i="7"/>
  <c r="E172" i="7"/>
  <c r="F172" i="7" s="1"/>
  <c r="D172" i="7"/>
  <c r="E171" i="7"/>
  <c r="F171" i="7" s="1"/>
  <c r="D171" i="7"/>
  <c r="E170" i="7"/>
  <c r="F170" i="7" s="1"/>
  <c r="D170" i="7"/>
  <c r="E169" i="7"/>
  <c r="F169" i="7" s="1"/>
  <c r="D169" i="7"/>
  <c r="E168" i="7"/>
  <c r="F168" i="7" s="1"/>
  <c r="D168" i="7"/>
  <c r="E167" i="7"/>
  <c r="F167" i="7" s="1"/>
  <c r="D167" i="7"/>
  <c r="E166" i="7"/>
  <c r="F166" i="7" s="1"/>
  <c r="D166" i="7"/>
  <c r="E165" i="7"/>
  <c r="F165" i="7" s="1"/>
  <c r="D165" i="7"/>
  <c r="E164" i="7"/>
  <c r="F164" i="7" s="1"/>
  <c r="D164" i="7"/>
  <c r="E163" i="7"/>
  <c r="F163" i="7" s="1"/>
  <c r="D163" i="7"/>
  <c r="E162" i="7"/>
  <c r="F162" i="7" s="1"/>
  <c r="D162" i="7"/>
  <c r="E161" i="7"/>
  <c r="F161" i="7" s="1"/>
  <c r="D161" i="7"/>
  <c r="E160" i="7"/>
  <c r="F160" i="7" s="1"/>
  <c r="D160" i="7"/>
  <c r="E159" i="7"/>
  <c r="D159" i="7"/>
  <c r="E158" i="7"/>
  <c r="F158" i="7" s="1"/>
  <c r="D158" i="7"/>
  <c r="E157" i="7"/>
  <c r="F157" i="7" s="1"/>
  <c r="D157" i="7"/>
  <c r="E156" i="7"/>
  <c r="F156" i="7" s="1"/>
  <c r="D156" i="7"/>
  <c r="E155" i="7"/>
  <c r="F155" i="7" s="1"/>
  <c r="D155" i="7"/>
  <c r="E154" i="7"/>
  <c r="F154" i="7" s="1"/>
  <c r="D154" i="7"/>
  <c r="E153" i="7"/>
  <c r="D153" i="7"/>
  <c r="E152" i="7"/>
  <c r="F152" i="7" s="1"/>
  <c r="D152" i="7"/>
  <c r="E151" i="7"/>
  <c r="F151" i="7" s="1"/>
  <c r="D151" i="7"/>
  <c r="E150" i="7"/>
  <c r="F150" i="7" s="1"/>
  <c r="D150" i="7"/>
  <c r="E149" i="7"/>
  <c r="F149" i="7" s="1"/>
  <c r="D149" i="7"/>
  <c r="E148" i="7"/>
  <c r="F148" i="7" s="1"/>
  <c r="D148" i="7"/>
  <c r="E147" i="7"/>
  <c r="D147" i="7"/>
  <c r="E146" i="7"/>
  <c r="F146" i="7" s="1"/>
  <c r="D146" i="7"/>
  <c r="E145" i="7"/>
  <c r="F145" i="7" s="1"/>
  <c r="D145" i="7"/>
  <c r="E144" i="7"/>
  <c r="F144" i="7" s="1"/>
  <c r="D144" i="7"/>
  <c r="E143" i="7"/>
  <c r="F143" i="7" s="1"/>
  <c r="D143" i="7"/>
  <c r="E142" i="7"/>
  <c r="F142" i="7" s="1"/>
  <c r="D142" i="7"/>
  <c r="E141" i="7"/>
  <c r="D141" i="7"/>
  <c r="E140" i="7"/>
  <c r="F140" i="7" s="1"/>
  <c r="D140" i="7"/>
  <c r="E139" i="7"/>
  <c r="F139" i="7" s="1"/>
  <c r="D139" i="7"/>
  <c r="E138" i="7"/>
  <c r="F138" i="7" s="1"/>
  <c r="D138" i="7"/>
  <c r="E137" i="7"/>
  <c r="F137" i="7" s="1"/>
  <c r="D137" i="7"/>
  <c r="E136" i="7"/>
  <c r="F136" i="7" s="1"/>
  <c r="D136" i="7"/>
  <c r="E135" i="7"/>
  <c r="D135" i="7"/>
  <c r="E134" i="7"/>
  <c r="F134" i="7" s="1"/>
  <c r="D134" i="7"/>
  <c r="E133" i="7"/>
  <c r="F133" i="7" s="1"/>
  <c r="D133" i="7"/>
  <c r="E132" i="7"/>
  <c r="F132" i="7" s="1"/>
  <c r="D132" i="7"/>
  <c r="E131" i="7"/>
  <c r="F131" i="7" s="1"/>
  <c r="D131" i="7"/>
  <c r="E130" i="7"/>
  <c r="F130" i="7" s="1"/>
  <c r="D130" i="7"/>
  <c r="E129" i="7"/>
  <c r="D129" i="7"/>
  <c r="E128" i="7"/>
  <c r="F128" i="7" s="1"/>
  <c r="D128" i="7"/>
  <c r="E127" i="7"/>
  <c r="F127" i="7" s="1"/>
  <c r="D127" i="7"/>
  <c r="E126" i="7"/>
  <c r="F126" i="7" s="1"/>
  <c r="D126" i="7"/>
  <c r="E125" i="7"/>
  <c r="F125" i="7" s="1"/>
  <c r="D125" i="7"/>
  <c r="E124" i="7"/>
  <c r="F124" i="7" s="1"/>
  <c r="D124" i="7"/>
  <c r="E123" i="7"/>
  <c r="D123" i="7"/>
  <c r="E122" i="7"/>
  <c r="F122" i="7" s="1"/>
  <c r="D122" i="7"/>
  <c r="E121" i="7"/>
  <c r="F121" i="7" s="1"/>
  <c r="D121" i="7"/>
  <c r="E120" i="7"/>
  <c r="F120" i="7" s="1"/>
  <c r="D120" i="7"/>
  <c r="E119" i="7"/>
  <c r="F119" i="7" s="1"/>
  <c r="D119" i="7"/>
  <c r="E118" i="7"/>
  <c r="F118" i="7" s="1"/>
  <c r="D118" i="7"/>
  <c r="E117" i="7"/>
  <c r="D117" i="7"/>
  <c r="E116" i="7"/>
  <c r="F116" i="7" s="1"/>
  <c r="D116" i="7"/>
  <c r="E115" i="7"/>
  <c r="F115" i="7" s="1"/>
  <c r="D115" i="7"/>
  <c r="E114" i="7"/>
  <c r="F114" i="7" s="1"/>
  <c r="D114" i="7"/>
  <c r="E113" i="7"/>
  <c r="F113" i="7" s="1"/>
  <c r="D113" i="7"/>
  <c r="E112" i="7"/>
  <c r="F112" i="7" s="1"/>
  <c r="D112" i="7"/>
  <c r="E111" i="7"/>
  <c r="D111" i="7"/>
  <c r="E110" i="7"/>
  <c r="F110" i="7" s="1"/>
  <c r="D110" i="7"/>
  <c r="E109" i="7"/>
  <c r="F109" i="7" s="1"/>
  <c r="D109" i="7"/>
  <c r="E108" i="7"/>
  <c r="F108" i="7" s="1"/>
  <c r="D108" i="7"/>
  <c r="E107" i="7"/>
  <c r="F107" i="7" s="1"/>
  <c r="D107" i="7"/>
  <c r="E106" i="7"/>
  <c r="F106" i="7" s="1"/>
  <c r="D106" i="7"/>
  <c r="E105" i="7"/>
  <c r="D105" i="7"/>
  <c r="E104" i="7"/>
  <c r="F104" i="7" s="1"/>
  <c r="D104" i="7"/>
  <c r="E103" i="7"/>
  <c r="F103" i="7" s="1"/>
  <c r="D103" i="7"/>
  <c r="E102" i="7"/>
  <c r="F102" i="7" s="1"/>
  <c r="D102" i="7"/>
  <c r="E101" i="7"/>
  <c r="F101" i="7" s="1"/>
  <c r="D101" i="7"/>
  <c r="E100" i="7"/>
  <c r="F100" i="7" s="1"/>
  <c r="D100" i="7"/>
  <c r="E99" i="7"/>
  <c r="D99" i="7"/>
  <c r="E98" i="7"/>
  <c r="F98" i="7" s="1"/>
  <c r="D98" i="7"/>
  <c r="E97" i="7"/>
  <c r="F97" i="7" s="1"/>
  <c r="D97" i="7"/>
  <c r="E96" i="7"/>
  <c r="F96" i="7" s="1"/>
  <c r="D96" i="7"/>
  <c r="E95" i="7"/>
  <c r="F95" i="7" s="1"/>
  <c r="D95" i="7"/>
  <c r="E94" i="7"/>
  <c r="F94" i="7" s="1"/>
  <c r="D94" i="7"/>
  <c r="E93" i="7"/>
  <c r="D93" i="7"/>
  <c r="E92" i="7"/>
  <c r="F92" i="7" s="1"/>
  <c r="D92" i="7"/>
  <c r="E91" i="7"/>
  <c r="F91" i="7" s="1"/>
  <c r="D91" i="7"/>
  <c r="E90" i="7"/>
  <c r="F90" i="7" s="1"/>
  <c r="D90" i="7"/>
  <c r="E89" i="7"/>
  <c r="F89" i="7" s="1"/>
  <c r="D89" i="7"/>
  <c r="E88" i="7"/>
  <c r="F88" i="7" s="1"/>
  <c r="D88" i="7"/>
  <c r="E87" i="7"/>
  <c r="D87" i="7"/>
  <c r="E86" i="7"/>
  <c r="F86" i="7" s="1"/>
  <c r="D86" i="7"/>
  <c r="E85" i="7"/>
  <c r="F85" i="7" s="1"/>
  <c r="D85" i="7"/>
  <c r="E84" i="7"/>
  <c r="F84" i="7" s="1"/>
  <c r="D84" i="7"/>
  <c r="E83" i="7"/>
  <c r="F83" i="7" s="1"/>
  <c r="D83" i="7"/>
  <c r="E82" i="7"/>
  <c r="F82" i="7" s="1"/>
  <c r="D82" i="7"/>
  <c r="E81" i="7"/>
  <c r="D81" i="7"/>
  <c r="E80" i="7"/>
  <c r="F80" i="7" s="1"/>
  <c r="D80" i="7"/>
  <c r="E79" i="7"/>
  <c r="F79" i="7" s="1"/>
  <c r="D79" i="7"/>
  <c r="E78" i="7"/>
  <c r="F78" i="7" s="1"/>
  <c r="D78" i="7"/>
  <c r="E77" i="7"/>
  <c r="F77" i="7" s="1"/>
  <c r="D77" i="7"/>
  <c r="E76" i="7"/>
  <c r="F76" i="7" s="1"/>
  <c r="D76" i="7"/>
  <c r="E75" i="7"/>
  <c r="D75" i="7"/>
  <c r="E74" i="7"/>
  <c r="F74" i="7" s="1"/>
  <c r="D74" i="7"/>
  <c r="E73" i="7"/>
  <c r="F73" i="7" s="1"/>
  <c r="D73" i="7"/>
  <c r="E72" i="7"/>
  <c r="F72" i="7" s="1"/>
  <c r="D72" i="7"/>
  <c r="E71" i="7"/>
  <c r="F71" i="7" s="1"/>
  <c r="D71" i="7"/>
  <c r="E70" i="7"/>
  <c r="F70" i="7" s="1"/>
  <c r="D70" i="7"/>
  <c r="E69" i="7"/>
  <c r="D69" i="7"/>
  <c r="E68" i="7"/>
  <c r="F68" i="7" s="1"/>
  <c r="D68" i="7"/>
  <c r="E67" i="7"/>
  <c r="F67" i="7" s="1"/>
  <c r="D67" i="7"/>
  <c r="E66" i="7"/>
  <c r="F66" i="7" s="1"/>
  <c r="D66" i="7"/>
  <c r="E65" i="7"/>
  <c r="F65" i="7" s="1"/>
  <c r="D65" i="7"/>
  <c r="E64" i="7"/>
  <c r="F64" i="7" s="1"/>
  <c r="D64" i="7"/>
  <c r="E63" i="7"/>
  <c r="D63" i="7"/>
  <c r="E62" i="7"/>
  <c r="F62" i="7" s="1"/>
  <c r="D62" i="7"/>
  <c r="E61" i="7"/>
  <c r="F61" i="7" s="1"/>
  <c r="D61" i="7"/>
  <c r="E60" i="7"/>
  <c r="F60" i="7" s="1"/>
  <c r="D60" i="7"/>
  <c r="E59" i="7"/>
  <c r="F59" i="7" s="1"/>
  <c r="D59" i="7"/>
  <c r="E58" i="7"/>
  <c r="F58" i="7" s="1"/>
  <c r="D58" i="7"/>
  <c r="E57" i="7"/>
  <c r="D57" i="7"/>
  <c r="E56" i="7"/>
  <c r="F56" i="7" s="1"/>
  <c r="D56" i="7"/>
  <c r="E55" i="7"/>
  <c r="F55" i="7" s="1"/>
  <c r="D55" i="7"/>
  <c r="E54" i="7"/>
  <c r="F54" i="7" s="1"/>
  <c r="D54" i="7"/>
  <c r="E53" i="7"/>
  <c r="F53" i="7" s="1"/>
  <c r="D53" i="7"/>
  <c r="E52" i="7"/>
  <c r="F52" i="7" s="1"/>
  <c r="D52" i="7"/>
  <c r="E51" i="7"/>
  <c r="F51" i="7" s="1"/>
  <c r="D51" i="7"/>
  <c r="E50" i="7"/>
  <c r="F50" i="7" s="1"/>
  <c r="D50" i="7"/>
  <c r="E49" i="7"/>
  <c r="F49" i="7" s="1"/>
  <c r="D49" i="7"/>
  <c r="E48" i="7"/>
  <c r="F48" i="7" s="1"/>
  <c r="D48" i="7"/>
  <c r="E47" i="7"/>
  <c r="F47" i="7" s="1"/>
  <c r="D47" i="7"/>
  <c r="E46" i="7"/>
  <c r="F46" i="7" s="1"/>
  <c r="D46" i="7"/>
  <c r="E45" i="7"/>
  <c r="F45" i="7" s="1"/>
  <c r="D45" i="7"/>
  <c r="E44" i="7"/>
  <c r="F44" i="7" s="1"/>
  <c r="D44" i="7"/>
  <c r="E43" i="7"/>
  <c r="F43" i="7" s="1"/>
  <c r="D43" i="7"/>
  <c r="E42" i="7"/>
  <c r="F42" i="7" s="1"/>
  <c r="D42" i="7"/>
  <c r="E41" i="7"/>
  <c r="F41" i="7" s="1"/>
  <c r="D41" i="7"/>
  <c r="E40" i="7"/>
  <c r="F40" i="7" s="1"/>
  <c r="D40" i="7"/>
  <c r="E39" i="7"/>
  <c r="F39" i="7" s="1"/>
  <c r="D39" i="7"/>
  <c r="E38" i="7"/>
  <c r="F38" i="7" s="1"/>
  <c r="D38" i="7"/>
  <c r="E37" i="7"/>
  <c r="F37" i="7" s="1"/>
  <c r="D37" i="7"/>
  <c r="E36" i="7"/>
  <c r="F36" i="7" s="1"/>
  <c r="D36" i="7"/>
  <c r="E35" i="7"/>
  <c r="F35" i="7" s="1"/>
  <c r="D35" i="7"/>
  <c r="E34" i="7"/>
  <c r="F34" i="7" s="1"/>
  <c r="D34" i="7"/>
  <c r="E33" i="7"/>
  <c r="F33" i="7" s="1"/>
  <c r="D33" i="7"/>
  <c r="E32" i="7"/>
  <c r="F32" i="7" s="1"/>
  <c r="D32" i="7"/>
  <c r="E31" i="7"/>
  <c r="F31" i="7" s="1"/>
  <c r="D31" i="7"/>
  <c r="E30" i="7"/>
  <c r="F30" i="7" s="1"/>
  <c r="D30" i="7"/>
  <c r="E29" i="7"/>
  <c r="F29" i="7" s="1"/>
  <c r="D29" i="7"/>
  <c r="E28" i="7"/>
  <c r="F28" i="7" s="1"/>
  <c r="D28" i="7"/>
  <c r="E27" i="7"/>
  <c r="F27" i="7" s="1"/>
  <c r="D27" i="7"/>
  <c r="E26" i="7"/>
  <c r="F26" i="7" s="1"/>
  <c r="D26" i="7"/>
  <c r="E25" i="7"/>
  <c r="F25" i="7" s="1"/>
  <c r="D25" i="7"/>
  <c r="E24" i="7"/>
  <c r="F24" i="7" s="1"/>
  <c r="D24" i="7"/>
  <c r="E23" i="7"/>
  <c r="F23" i="7" s="1"/>
  <c r="D23" i="7"/>
  <c r="E22" i="7"/>
  <c r="F22" i="7" s="1"/>
  <c r="D22" i="7"/>
  <c r="E21" i="7"/>
  <c r="F21" i="7" s="1"/>
  <c r="D21" i="7"/>
  <c r="E20" i="7"/>
  <c r="F20" i="7" s="1"/>
  <c r="D20" i="7"/>
  <c r="E19" i="7"/>
  <c r="F19" i="7" s="1"/>
  <c r="D19" i="7"/>
  <c r="E18" i="7"/>
  <c r="F18" i="7" s="1"/>
  <c r="D18" i="7"/>
  <c r="E17" i="7"/>
  <c r="F17" i="7" s="1"/>
  <c r="D17" i="7"/>
  <c r="E16" i="7"/>
  <c r="F16" i="7" s="1"/>
  <c r="D16" i="7"/>
  <c r="E15" i="7"/>
  <c r="F15" i="7" s="1"/>
  <c r="D15" i="7"/>
  <c r="E14" i="7"/>
  <c r="F14" i="7" s="1"/>
  <c r="D14" i="7"/>
  <c r="E13" i="7"/>
  <c r="F13" i="7" s="1"/>
  <c r="D13" i="7"/>
  <c r="E12" i="7"/>
  <c r="F12" i="7" s="1"/>
  <c r="D12" i="7"/>
  <c r="E11" i="7"/>
  <c r="F11" i="7" s="1"/>
  <c r="D11" i="7"/>
  <c r="E10" i="7"/>
  <c r="F10" i="7" s="1"/>
  <c r="D10" i="7"/>
  <c r="E9" i="7"/>
  <c r="F9" i="7" s="1"/>
  <c r="D9" i="7"/>
  <c r="E8" i="7"/>
  <c r="F8" i="7" s="1"/>
  <c r="D8" i="7"/>
  <c r="E7" i="7"/>
  <c r="F7" i="7" s="1"/>
  <c r="D7" i="7"/>
  <c r="E6" i="7"/>
  <c r="F6" i="7" s="1"/>
  <c r="D6" i="7"/>
  <c r="E5" i="7"/>
  <c r="F5" i="7" s="1"/>
  <c r="D5" i="7"/>
  <c r="E4" i="7"/>
  <c r="F4" i="7" s="1"/>
  <c r="D4" i="7"/>
  <c r="E3" i="7"/>
  <c r="F3" i="7" s="1"/>
  <c r="D3" i="7"/>
  <c r="E2" i="7"/>
  <c r="D2" i="7"/>
  <c r="E409" i="6"/>
  <c r="F409" i="6" s="1"/>
  <c r="D409" i="6"/>
  <c r="E408" i="6"/>
  <c r="F408" i="6" s="1"/>
  <c r="D408" i="6"/>
  <c r="E407" i="6"/>
  <c r="D407" i="6"/>
  <c r="E406" i="6"/>
  <c r="F406" i="6" s="1"/>
  <c r="D406" i="6"/>
  <c r="E405" i="6"/>
  <c r="D405" i="6"/>
  <c r="E404" i="6"/>
  <c r="F404" i="6" s="1"/>
  <c r="D404" i="6"/>
  <c r="E403" i="6"/>
  <c r="F403" i="6" s="1"/>
  <c r="D403" i="6"/>
  <c r="E402" i="6"/>
  <c r="F402" i="6" s="1"/>
  <c r="D402" i="6"/>
  <c r="E401" i="6"/>
  <c r="D401" i="6"/>
  <c r="E400" i="6"/>
  <c r="F400" i="6" s="1"/>
  <c r="D400" i="6"/>
  <c r="E399" i="6"/>
  <c r="D399" i="6"/>
  <c r="E398" i="6"/>
  <c r="F398" i="6" s="1"/>
  <c r="D398" i="6"/>
  <c r="E397" i="6"/>
  <c r="F397" i="6" s="1"/>
  <c r="D397" i="6"/>
  <c r="E396" i="6"/>
  <c r="F396" i="6" s="1"/>
  <c r="D396" i="6"/>
  <c r="E395" i="6"/>
  <c r="D395" i="6"/>
  <c r="E394" i="6"/>
  <c r="F394" i="6" s="1"/>
  <c r="D394" i="6"/>
  <c r="E393" i="6"/>
  <c r="D393" i="6"/>
  <c r="E392" i="6"/>
  <c r="F392" i="6" s="1"/>
  <c r="D392" i="6"/>
  <c r="E391" i="6"/>
  <c r="F391" i="6" s="1"/>
  <c r="D391" i="6"/>
  <c r="E390" i="6"/>
  <c r="F390" i="6" s="1"/>
  <c r="D390" i="6"/>
  <c r="E389" i="6"/>
  <c r="D389" i="6"/>
  <c r="E388" i="6"/>
  <c r="F388" i="6" s="1"/>
  <c r="D388" i="6"/>
  <c r="E387" i="6"/>
  <c r="D387" i="6"/>
  <c r="E386" i="6"/>
  <c r="F386" i="6" s="1"/>
  <c r="D386" i="6"/>
  <c r="E385" i="6"/>
  <c r="F385" i="6" s="1"/>
  <c r="D385" i="6"/>
  <c r="E384" i="6"/>
  <c r="F384" i="6" s="1"/>
  <c r="D384" i="6"/>
  <c r="E383" i="6"/>
  <c r="D383" i="6"/>
  <c r="E382" i="6"/>
  <c r="F382" i="6" s="1"/>
  <c r="D382" i="6"/>
  <c r="E381" i="6"/>
  <c r="D381" i="6"/>
  <c r="E380" i="6"/>
  <c r="F380" i="6" s="1"/>
  <c r="D380" i="6"/>
  <c r="E379" i="6"/>
  <c r="F379" i="6" s="1"/>
  <c r="D379" i="6"/>
  <c r="E378" i="6"/>
  <c r="F378" i="6" s="1"/>
  <c r="D378" i="6"/>
  <c r="E377" i="6"/>
  <c r="D377" i="6"/>
  <c r="E376" i="6"/>
  <c r="F376" i="6" s="1"/>
  <c r="D376" i="6"/>
  <c r="E375" i="6"/>
  <c r="D375" i="6"/>
  <c r="E374" i="6"/>
  <c r="F374" i="6" s="1"/>
  <c r="D374" i="6"/>
  <c r="E373" i="6"/>
  <c r="F373" i="6" s="1"/>
  <c r="D373" i="6"/>
  <c r="E372" i="6"/>
  <c r="F372" i="6" s="1"/>
  <c r="D372" i="6"/>
  <c r="E371" i="6"/>
  <c r="D371" i="6"/>
  <c r="E370" i="6"/>
  <c r="F370" i="6" s="1"/>
  <c r="D370" i="6"/>
  <c r="E369" i="6"/>
  <c r="D369" i="6"/>
  <c r="E368" i="6"/>
  <c r="F368" i="6" s="1"/>
  <c r="D368" i="6"/>
  <c r="E367" i="6"/>
  <c r="F367" i="6" s="1"/>
  <c r="D367" i="6"/>
  <c r="E366" i="6"/>
  <c r="F366" i="6" s="1"/>
  <c r="D366" i="6"/>
  <c r="E365" i="6"/>
  <c r="D365" i="6"/>
  <c r="E364" i="6"/>
  <c r="F364" i="6" s="1"/>
  <c r="D364" i="6"/>
  <c r="E363" i="6"/>
  <c r="D363" i="6"/>
  <c r="E362" i="6"/>
  <c r="F362" i="6" s="1"/>
  <c r="D362" i="6"/>
  <c r="E361" i="6"/>
  <c r="F361" i="6" s="1"/>
  <c r="D361" i="6"/>
  <c r="E360" i="6"/>
  <c r="F360" i="6" s="1"/>
  <c r="D360" i="6"/>
  <c r="E359" i="6"/>
  <c r="D359" i="6"/>
  <c r="E358" i="6"/>
  <c r="F358" i="6" s="1"/>
  <c r="D358" i="6"/>
  <c r="E357" i="6"/>
  <c r="D357" i="6"/>
  <c r="E356" i="6"/>
  <c r="F356" i="6" s="1"/>
  <c r="D356" i="6"/>
  <c r="E355" i="6"/>
  <c r="F355" i="6" s="1"/>
  <c r="D355" i="6"/>
  <c r="E354" i="6"/>
  <c r="F354" i="6" s="1"/>
  <c r="D354" i="6"/>
  <c r="E353" i="6"/>
  <c r="D353" i="6"/>
  <c r="E352" i="6"/>
  <c r="F352" i="6" s="1"/>
  <c r="D352" i="6"/>
  <c r="E351" i="6"/>
  <c r="D351" i="6"/>
  <c r="E350" i="6"/>
  <c r="F350" i="6" s="1"/>
  <c r="D350" i="6"/>
  <c r="E349" i="6"/>
  <c r="F349" i="6" s="1"/>
  <c r="D349" i="6"/>
  <c r="E348" i="6"/>
  <c r="F348" i="6" s="1"/>
  <c r="D348" i="6"/>
  <c r="E347" i="6"/>
  <c r="D347" i="6"/>
  <c r="E346" i="6"/>
  <c r="F346" i="6" s="1"/>
  <c r="D346" i="6"/>
  <c r="E345" i="6"/>
  <c r="D345" i="6"/>
  <c r="E344" i="6"/>
  <c r="F344" i="6" s="1"/>
  <c r="D344" i="6"/>
  <c r="E343" i="6"/>
  <c r="F343" i="6" s="1"/>
  <c r="D343" i="6"/>
  <c r="E342" i="6"/>
  <c r="F342" i="6" s="1"/>
  <c r="D342" i="6"/>
  <c r="E341" i="6"/>
  <c r="D341" i="6"/>
  <c r="E340" i="6"/>
  <c r="F340" i="6" s="1"/>
  <c r="D340" i="6"/>
  <c r="E339" i="6"/>
  <c r="D339" i="6"/>
  <c r="E338" i="6"/>
  <c r="F338" i="6" s="1"/>
  <c r="D338" i="6"/>
  <c r="E337" i="6"/>
  <c r="F337" i="6" s="1"/>
  <c r="D337" i="6"/>
  <c r="E336" i="6"/>
  <c r="F336" i="6" s="1"/>
  <c r="D336" i="6"/>
  <c r="E335" i="6"/>
  <c r="D335" i="6"/>
  <c r="E334" i="6"/>
  <c r="F334" i="6" s="1"/>
  <c r="D334" i="6"/>
  <c r="E333" i="6"/>
  <c r="D333" i="6"/>
  <c r="E332" i="6"/>
  <c r="F332" i="6" s="1"/>
  <c r="D332" i="6"/>
  <c r="E331" i="6"/>
  <c r="F331" i="6" s="1"/>
  <c r="D331" i="6"/>
  <c r="E330" i="6"/>
  <c r="F330" i="6" s="1"/>
  <c r="D330" i="6"/>
  <c r="E329" i="6"/>
  <c r="D329" i="6"/>
  <c r="E328" i="6"/>
  <c r="F328" i="6" s="1"/>
  <c r="D328" i="6"/>
  <c r="E327" i="6"/>
  <c r="D327" i="6"/>
  <c r="E326" i="6"/>
  <c r="F326" i="6" s="1"/>
  <c r="D326" i="6"/>
  <c r="E325" i="6"/>
  <c r="F325" i="6" s="1"/>
  <c r="D325" i="6"/>
  <c r="E324" i="6"/>
  <c r="F324" i="6" s="1"/>
  <c r="D324" i="6"/>
  <c r="E323" i="6"/>
  <c r="D323" i="6"/>
  <c r="E322" i="6"/>
  <c r="F322" i="6" s="1"/>
  <c r="D322" i="6"/>
  <c r="E321" i="6"/>
  <c r="D321" i="6"/>
  <c r="E320" i="6"/>
  <c r="F320" i="6" s="1"/>
  <c r="D320" i="6"/>
  <c r="E319" i="6"/>
  <c r="F319" i="6" s="1"/>
  <c r="D319" i="6"/>
  <c r="E318" i="6"/>
  <c r="F318" i="6" s="1"/>
  <c r="D318" i="6"/>
  <c r="E317" i="6"/>
  <c r="D317" i="6"/>
  <c r="E316" i="6"/>
  <c r="F316" i="6" s="1"/>
  <c r="D316" i="6"/>
  <c r="E315" i="6"/>
  <c r="D315" i="6"/>
  <c r="E314" i="6"/>
  <c r="F314" i="6" s="1"/>
  <c r="D314" i="6"/>
  <c r="E313" i="6"/>
  <c r="F313" i="6" s="1"/>
  <c r="D313" i="6"/>
  <c r="E312" i="6"/>
  <c r="F312" i="6" s="1"/>
  <c r="D312" i="6"/>
  <c r="E311" i="6"/>
  <c r="D311" i="6"/>
  <c r="E310" i="6"/>
  <c r="F310" i="6" s="1"/>
  <c r="D310" i="6"/>
  <c r="E309" i="6"/>
  <c r="D309" i="6"/>
  <c r="E308" i="6"/>
  <c r="F308" i="6" s="1"/>
  <c r="D308" i="6"/>
  <c r="E307" i="6"/>
  <c r="F307" i="6" s="1"/>
  <c r="D307" i="6"/>
  <c r="E306" i="6"/>
  <c r="F306" i="6" s="1"/>
  <c r="D306" i="6"/>
  <c r="E305" i="6"/>
  <c r="D305" i="6"/>
  <c r="E304" i="6"/>
  <c r="F304" i="6" s="1"/>
  <c r="D304" i="6"/>
  <c r="E303" i="6"/>
  <c r="D303" i="6"/>
  <c r="E302" i="6"/>
  <c r="F302" i="6" s="1"/>
  <c r="D302" i="6"/>
  <c r="E301" i="6"/>
  <c r="F301" i="6" s="1"/>
  <c r="D301" i="6"/>
  <c r="E300" i="6"/>
  <c r="F300" i="6" s="1"/>
  <c r="D300" i="6"/>
  <c r="E299" i="6"/>
  <c r="D299" i="6"/>
  <c r="E298" i="6"/>
  <c r="F298" i="6" s="1"/>
  <c r="D298" i="6"/>
  <c r="E297" i="6"/>
  <c r="D297" i="6"/>
  <c r="E296" i="6"/>
  <c r="F296" i="6" s="1"/>
  <c r="D296" i="6"/>
  <c r="E295" i="6"/>
  <c r="F295" i="6" s="1"/>
  <c r="D295" i="6"/>
  <c r="E294" i="6"/>
  <c r="F294" i="6" s="1"/>
  <c r="D294" i="6"/>
  <c r="E293" i="6"/>
  <c r="D293" i="6"/>
  <c r="E292" i="6"/>
  <c r="F292" i="6" s="1"/>
  <c r="D292" i="6"/>
  <c r="E291" i="6"/>
  <c r="D291" i="6"/>
  <c r="E290" i="6"/>
  <c r="F290" i="6" s="1"/>
  <c r="D290" i="6"/>
  <c r="E289" i="6"/>
  <c r="F289" i="6" s="1"/>
  <c r="D289" i="6"/>
  <c r="E288" i="6"/>
  <c r="F288" i="6" s="1"/>
  <c r="D288" i="6"/>
  <c r="E287" i="6"/>
  <c r="D287" i="6"/>
  <c r="E286" i="6"/>
  <c r="F286" i="6" s="1"/>
  <c r="D286" i="6"/>
  <c r="E285" i="6"/>
  <c r="D285" i="6"/>
  <c r="E284" i="6"/>
  <c r="F284" i="6" s="1"/>
  <c r="D284" i="6"/>
  <c r="E283" i="6"/>
  <c r="F283" i="6" s="1"/>
  <c r="D283" i="6"/>
  <c r="E282" i="6"/>
  <c r="F282" i="6" s="1"/>
  <c r="D282" i="6"/>
  <c r="E281" i="6"/>
  <c r="D281" i="6"/>
  <c r="E280" i="6"/>
  <c r="F280" i="6" s="1"/>
  <c r="D280" i="6"/>
  <c r="E279" i="6"/>
  <c r="D279" i="6"/>
  <c r="E278" i="6"/>
  <c r="F278" i="6" s="1"/>
  <c r="D278" i="6"/>
  <c r="E277" i="6"/>
  <c r="F277" i="6" s="1"/>
  <c r="D277" i="6"/>
  <c r="E276" i="6"/>
  <c r="F276" i="6" s="1"/>
  <c r="D276" i="6"/>
  <c r="E275" i="6"/>
  <c r="D275" i="6"/>
  <c r="E274" i="6"/>
  <c r="F274" i="6" s="1"/>
  <c r="D274" i="6"/>
  <c r="E273" i="6"/>
  <c r="D273" i="6"/>
  <c r="E272" i="6"/>
  <c r="F272" i="6" s="1"/>
  <c r="D272" i="6"/>
  <c r="E271" i="6"/>
  <c r="F271" i="6" s="1"/>
  <c r="D271" i="6"/>
  <c r="E270" i="6"/>
  <c r="F270" i="6" s="1"/>
  <c r="D270" i="6"/>
  <c r="E269" i="6"/>
  <c r="D269" i="6"/>
  <c r="E268" i="6"/>
  <c r="F268" i="6" s="1"/>
  <c r="D268" i="6"/>
  <c r="E267" i="6"/>
  <c r="D267" i="6"/>
  <c r="E266" i="6"/>
  <c r="F266" i="6" s="1"/>
  <c r="D266" i="6"/>
  <c r="E265" i="6"/>
  <c r="F265" i="6" s="1"/>
  <c r="D265" i="6"/>
  <c r="E264" i="6"/>
  <c r="F264" i="6" s="1"/>
  <c r="D264" i="6"/>
  <c r="E263" i="6"/>
  <c r="D263" i="6"/>
  <c r="E262" i="6"/>
  <c r="F262" i="6" s="1"/>
  <c r="D262" i="6"/>
  <c r="E261" i="6"/>
  <c r="D261" i="6"/>
  <c r="E260" i="6"/>
  <c r="F260" i="6" s="1"/>
  <c r="D260" i="6"/>
  <c r="E259" i="6"/>
  <c r="F259" i="6" s="1"/>
  <c r="D259" i="6"/>
  <c r="E258" i="6"/>
  <c r="F258" i="6" s="1"/>
  <c r="D258" i="6"/>
  <c r="E257" i="6"/>
  <c r="D257" i="6"/>
  <c r="E256" i="6"/>
  <c r="F256" i="6" s="1"/>
  <c r="D256" i="6"/>
  <c r="E255" i="6"/>
  <c r="D255" i="6"/>
  <c r="E254" i="6"/>
  <c r="F254" i="6" s="1"/>
  <c r="D254" i="6"/>
  <c r="E253" i="6"/>
  <c r="F253" i="6" s="1"/>
  <c r="D253" i="6"/>
  <c r="E252" i="6"/>
  <c r="F252" i="6" s="1"/>
  <c r="D252" i="6"/>
  <c r="E251" i="6"/>
  <c r="D251" i="6"/>
  <c r="E250" i="6"/>
  <c r="F250" i="6" s="1"/>
  <c r="D250" i="6"/>
  <c r="E249" i="6"/>
  <c r="D249" i="6"/>
  <c r="E248" i="6"/>
  <c r="F248" i="6" s="1"/>
  <c r="D248" i="6"/>
  <c r="E247" i="6"/>
  <c r="F247" i="6" s="1"/>
  <c r="D247" i="6"/>
  <c r="E246" i="6"/>
  <c r="F246" i="6" s="1"/>
  <c r="D246" i="6"/>
  <c r="E245" i="6"/>
  <c r="D245" i="6"/>
  <c r="E244" i="6"/>
  <c r="F244" i="6" s="1"/>
  <c r="D244" i="6"/>
  <c r="E243" i="6"/>
  <c r="D243" i="6"/>
  <c r="E242" i="6"/>
  <c r="F242" i="6" s="1"/>
  <c r="D242" i="6"/>
  <c r="E241" i="6"/>
  <c r="F241" i="6" s="1"/>
  <c r="D241" i="6"/>
  <c r="E240" i="6"/>
  <c r="F240" i="6" s="1"/>
  <c r="D240" i="6"/>
  <c r="E239" i="6"/>
  <c r="D239" i="6"/>
  <c r="E238" i="6"/>
  <c r="F238" i="6" s="1"/>
  <c r="D238" i="6"/>
  <c r="E237" i="6"/>
  <c r="D237" i="6"/>
  <c r="E236" i="6"/>
  <c r="F236" i="6" s="1"/>
  <c r="D236" i="6"/>
  <c r="E235" i="6"/>
  <c r="F235" i="6" s="1"/>
  <c r="D235" i="6"/>
  <c r="E234" i="6"/>
  <c r="F234" i="6" s="1"/>
  <c r="D234" i="6"/>
  <c r="E233" i="6"/>
  <c r="D233" i="6"/>
  <c r="E232" i="6"/>
  <c r="F232" i="6" s="1"/>
  <c r="D232" i="6"/>
  <c r="E231" i="6"/>
  <c r="D231" i="6"/>
  <c r="E230" i="6"/>
  <c r="F230" i="6" s="1"/>
  <c r="D230" i="6"/>
  <c r="E229" i="6"/>
  <c r="F229" i="6" s="1"/>
  <c r="D229" i="6"/>
  <c r="E228" i="6"/>
  <c r="F228" i="6" s="1"/>
  <c r="D228" i="6"/>
  <c r="E227" i="6"/>
  <c r="D227" i="6"/>
  <c r="E226" i="6"/>
  <c r="F226" i="6" s="1"/>
  <c r="D226" i="6"/>
  <c r="E225" i="6"/>
  <c r="D225" i="6"/>
  <c r="E224" i="6"/>
  <c r="F224" i="6" s="1"/>
  <c r="D224" i="6"/>
  <c r="E223" i="6"/>
  <c r="F223" i="6" s="1"/>
  <c r="D223" i="6"/>
  <c r="E222" i="6"/>
  <c r="F222" i="6" s="1"/>
  <c r="D222" i="6"/>
  <c r="E221" i="6"/>
  <c r="D221" i="6"/>
  <c r="E220" i="6"/>
  <c r="F220" i="6" s="1"/>
  <c r="D220" i="6"/>
  <c r="E219" i="6"/>
  <c r="D219" i="6"/>
  <c r="E218" i="6"/>
  <c r="F218" i="6" s="1"/>
  <c r="D218" i="6"/>
  <c r="E217" i="6"/>
  <c r="F217" i="6" s="1"/>
  <c r="D217" i="6"/>
  <c r="E216" i="6"/>
  <c r="F216" i="6" s="1"/>
  <c r="D216" i="6"/>
  <c r="E215" i="6"/>
  <c r="D215" i="6"/>
  <c r="E214" i="6"/>
  <c r="F214" i="6" s="1"/>
  <c r="D214" i="6"/>
  <c r="E213" i="6"/>
  <c r="D213" i="6"/>
  <c r="E212" i="6"/>
  <c r="F212" i="6" s="1"/>
  <c r="D212" i="6"/>
  <c r="E211" i="6"/>
  <c r="F211" i="6" s="1"/>
  <c r="D211" i="6"/>
  <c r="E210" i="6"/>
  <c r="F210" i="6" s="1"/>
  <c r="D210" i="6"/>
  <c r="E209" i="6"/>
  <c r="D209" i="6"/>
  <c r="E208" i="6"/>
  <c r="F208" i="6" s="1"/>
  <c r="D208" i="6"/>
  <c r="E207" i="6"/>
  <c r="D207" i="6"/>
  <c r="E206" i="6"/>
  <c r="F206" i="6" s="1"/>
  <c r="D206" i="6"/>
  <c r="E205" i="6"/>
  <c r="F205" i="6" s="1"/>
  <c r="D205" i="6"/>
  <c r="E204" i="6"/>
  <c r="F204" i="6" s="1"/>
  <c r="D204" i="6"/>
  <c r="E203" i="6"/>
  <c r="D203" i="6"/>
  <c r="E202" i="6"/>
  <c r="F202" i="6" s="1"/>
  <c r="D202" i="6"/>
  <c r="E201" i="6"/>
  <c r="D201" i="6"/>
  <c r="E200" i="6"/>
  <c r="F200" i="6" s="1"/>
  <c r="D200" i="6"/>
  <c r="E199" i="6"/>
  <c r="F199" i="6" s="1"/>
  <c r="D199" i="6"/>
  <c r="E198" i="6"/>
  <c r="F198" i="6" s="1"/>
  <c r="D198" i="6"/>
  <c r="E197" i="6"/>
  <c r="D197" i="6"/>
  <c r="E196" i="6"/>
  <c r="F196" i="6" s="1"/>
  <c r="D196" i="6"/>
  <c r="E195" i="6"/>
  <c r="D195" i="6"/>
  <c r="E194" i="6"/>
  <c r="F194" i="6" s="1"/>
  <c r="D194" i="6"/>
  <c r="E193" i="6"/>
  <c r="F193" i="6" s="1"/>
  <c r="D193" i="6"/>
  <c r="E192" i="6"/>
  <c r="F192" i="6" s="1"/>
  <c r="D192" i="6"/>
  <c r="E191" i="6"/>
  <c r="D191" i="6"/>
  <c r="E190" i="6"/>
  <c r="F190" i="6" s="1"/>
  <c r="D190" i="6"/>
  <c r="E189" i="6"/>
  <c r="D189" i="6"/>
  <c r="E188" i="6"/>
  <c r="F188" i="6" s="1"/>
  <c r="D188" i="6"/>
  <c r="E187" i="6"/>
  <c r="F187" i="6" s="1"/>
  <c r="D187" i="6"/>
  <c r="E186" i="6"/>
  <c r="F186" i="6" s="1"/>
  <c r="D186" i="6"/>
  <c r="E185" i="6"/>
  <c r="D185" i="6"/>
  <c r="E184" i="6"/>
  <c r="F184" i="6" s="1"/>
  <c r="D184" i="6"/>
  <c r="E183" i="6"/>
  <c r="D183" i="6"/>
  <c r="E182" i="6"/>
  <c r="F182" i="6" s="1"/>
  <c r="D182" i="6"/>
  <c r="E181" i="6"/>
  <c r="F181" i="6" s="1"/>
  <c r="D181" i="6"/>
  <c r="E180" i="6"/>
  <c r="F180" i="6" s="1"/>
  <c r="D180" i="6"/>
  <c r="E179" i="6"/>
  <c r="D179" i="6"/>
  <c r="E178" i="6"/>
  <c r="F178" i="6" s="1"/>
  <c r="D178" i="6"/>
  <c r="E177" i="6"/>
  <c r="D177" i="6"/>
  <c r="E176" i="6"/>
  <c r="F176" i="6" s="1"/>
  <c r="D176" i="6"/>
  <c r="E175" i="6"/>
  <c r="F175" i="6" s="1"/>
  <c r="D175" i="6"/>
  <c r="E174" i="6"/>
  <c r="F174" i="6" s="1"/>
  <c r="D174" i="6"/>
  <c r="E173" i="6"/>
  <c r="D173" i="6"/>
  <c r="E172" i="6"/>
  <c r="F172" i="6" s="1"/>
  <c r="D172" i="6"/>
  <c r="E171" i="6"/>
  <c r="D171" i="6"/>
  <c r="E170" i="6"/>
  <c r="F170" i="6" s="1"/>
  <c r="D170" i="6"/>
  <c r="E169" i="6"/>
  <c r="F169" i="6" s="1"/>
  <c r="D169" i="6"/>
  <c r="E168" i="6"/>
  <c r="F168" i="6" s="1"/>
  <c r="D168" i="6"/>
  <c r="E167" i="6"/>
  <c r="D167" i="6"/>
  <c r="E166" i="6"/>
  <c r="F166" i="6" s="1"/>
  <c r="D166" i="6"/>
  <c r="E165" i="6"/>
  <c r="D165" i="6"/>
  <c r="E164" i="6"/>
  <c r="F164" i="6" s="1"/>
  <c r="D164" i="6"/>
  <c r="E163" i="6"/>
  <c r="F163" i="6" s="1"/>
  <c r="D163" i="6"/>
  <c r="E162" i="6"/>
  <c r="F162" i="6" s="1"/>
  <c r="D162" i="6"/>
  <c r="E161" i="6"/>
  <c r="D161" i="6"/>
  <c r="E160" i="6"/>
  <c r="F160" i="6" s="1"/>
  <c r="D160" i="6"/>
  <c r="E159" i="6"/>
  <c r="D159" i="6"/>
  <c r="E158" i="6"/>
  <c r="F158" i="6" s="1"/>
  <c r="D158" i="6"/>
  <c r="E157" i="6"/>
  <c r="F157" i="6" s="1"/>
  <c r="D157" i="6"/>
  <c r="E156" i="6"/>
  <c r="F156" i="6" s="1"/>
  <c r="D156" i="6"/>
  <c r="E155" i="6"/>
  <c r="D155" i="6"/>
  <c r="E154" i="6"/>
  <c r="F154" i="6" s="1"/>
  <c r="D154" i="6"/>
  <c r="E153" i="6"/>
  <c r="D153" i="6"/>
  <c r="E152" i="6"/>
  <c r="F152" i="6" s="1"/>
  <c r="D152" i="6"/>
  <c r="E151" i="6"/>
  <c r="F151" i="6" s="1"/>
  <c r="D151" i="6"/>
  <c r="E150" i="6"/>
  <c r="F150" i="6" s="1"/>
  <c r="D150" i="6"/>
  <c r="E149" i="6"/>
  <c r="D149" i="6"/>
  <c r="E148" i="6"/>
  <c r="F148" i="6" s="1"/>
  <c r="D148" i="6"/>
  <c r="E147" i="6"/>
  <c r="D147" i="6"/>
  <c r="E146" i="6"/>
  <c r="F146" i="6" s="1"/>
  <c r="D146" i="6"/>
  <c r="E145" i="6"/>
  <c r="F145" i="6" s="1"/>
  <c r="D145" i="6"/>
  <c r="E144" i="6"/>
  <c r="F144" i="6" s="1"/>
  <c r="D144" i="6"/>
  <c r="E143" i="6"/>
  <c r="D143" i="6"/>
  <c r="E142" i="6"/>
  <c r="F142" i="6" s="1"/>
  <c r="D142" i="6"/>
  <c r="E141" i="6"/>
  <c r="D141" i="6"/>
  <c r="E140" i="6"/>
  <c r="F140" i="6" s="1"/>
  <c r="D140" i="6"/>
  <c r="E139" i="6"/>
  <c r="F139" i="6" s="1"/>
  <c r="D139" i="6"/>
  <c r="E138" i="6"/>
  <c r="F138" i="6" s="1"/>
  <c r="D138" i="6"/>
  <c r="E137" i="6"/>
  <c r="D137" i="6"/>
  <c r="E136" i="6"/>
  <c r="F136" i="6" s="1"/>
  <c r="D136" i="6"/>
  <c r="E135" i="6"/>
  <c r="D135" i="6"/>
  <c r="E134" i="6"/>
  <c r="F134" i="6" s="1"/>
  <c r="D134" i="6"/>
  <c r="E133" i="6"/>
  <c r="F133" i="6" s="1"/>
  <c r="D133" i="6"/>
  <c r="E132" i="6"/>
  <c r="F132" i="6" s="1"/>
  <c r="D132" i="6"/>
  <c r="E131" i="6"/>
  <c r="D131" i="6"/>
  <c r="E130" i="6"/>
  <c r="F130" i="6" s="1"/>
  <c r="D130" i="6"/>
  <c r="E129" i="6"/>
  <c r="D129" i="6"/>
  <c r="E128" i="6"/>
  <c r="F128" i="6" s="1"/>
  <c r="D128" i="6"/>
  <c r="E127" i="6"/>
  <c r="F127" i="6" s="1"/>
  <c r="D127" i="6"/>
  <c r="E126" i="6"/>
  <c r="F126" i="6" s="1"/>
  <c r="D126" i="6"/>
  <c r="E125" i="6"/>
  <c r="D125" i="6"/>
  <c r="E124" i="6"/>
  <c r="F124" i="6" s="1"/>
  <c r="D124" i="6"/>
  <c r="E123" i="6"/>
  <c r="D123" i="6"/>
  <c r="E122" i="6"/>
  <c r="F122" i="6" s="1"/>
  <c r="D122" i="6"/>
  <c r="E121" i="6"/>
  <c r="F121" i="6" s="1"/>
  <c r="D121" i="6"/>
  <c r="E120" i="6"/>
  <c r="F120" i="6" s="1"/>
  <c r="D120" i="6"/>
  <c r="E119" i="6"/>
  <c r="D119" i="6"/>
  <c r="E118" i="6"/>
  <c r="F118" i="6" s="1"/>
  <c r="D118" i="6"/>
  <c r="E117" i="6"/>
  <c r="D117" i="6"/>
  <c r="E116" i="6"/>
  <c r="F116" i="6" s="1"/>
  <c r="D116" i="6"/>
  <c r="E115" i="6"/>
  <c r="F115" i="6" s="1"/>
  <c r="D115" i="6"/>
  <c r="E114" i="6"/>
  <c r="F114" i="6" s="1"/>
  <c r="D114" i="6"/>
  <c r="E113" i="6"/>
  <c r="D113" i="6"/>
  <c r="E112" i="6"/>
  <c r="F112" i="6" s="1"/>
  <c r="D112" i="6"/>
  <c r="E111" i="6"/>
  <c r="D111" i="6"/>
  <c r="E110" i="6"/>
  <c r="F110" i="6" s="1"/>
  <c r="D110" i="6"/>
  <c r="E109" i="6"/>
  <c r="F109" i="6" s="1"/>
  <c r="D109" i="6"/>
  <c r="E108" i="6"/>
  <c r="F108" i="6" s="1"/>
  <c r="D108" i="6"/>
  <c r="E107" i="6"/>
  <c r="D107" i="6"/>
  <c r="E106" i="6"/>
  <c r="F106" i="6" s="1"/>
  <c r="D106" i="6"/>
  <c r="E105" i="6"/>
  <c r="D105" i="6"/>
  <c r="E104" i="6"/>
  <c r="F104" i="6" s="1"/>
  <c r="D104" i="6"/>
  <c r="E103" i="6"/>
  <c r="F103" i="6" s="1"/>
  <c r="D103" i="6"/>
  <c r="E102" i="6"/>
  <c r="F102" i="6" s="1"/>
  <c r="D102" i="6"/>
  <c r="E101" i="6"/>
  <c r="D101" i="6"/>
  <c r="E100" i="6"/>
  <c r="F100" i="6" s="1"/>
  <c r="D100" i="6"/>
  <c r="E99" i="6"/>
  <c r="D99" i="6"/>
  <c r="E98" i="6"/>
  <c r="F98" i="6" s="1"/>
  <c r="D98" i="6"/>
  <c r="E97" i="6"/>
  <c r="F97" i="6" s="1"/>
  <c r="D97" i="6"/>
  <c r="E96" i="6"/>
  <c r="F96" i="6" s="1"/>
  <c r="D96" i="6"/>
  <c r="E95" i="6"/>
  <c r="D95" i="6"/>
  <c r="E94" i="6"/>
  <c r="F94" i="6" s="1"/>
  <c r="D94" i="6"/>
  <c r="E93" i="6"/>
  <c r="D93" i="6"/>
  <c r="E92" i="6"/>
  <c r="F92" i="6" s="1"/>
  <c r="D92" i="6"/>
  <c r="E91" i="6"/>
  <c r="F91" i="6" s="1"/>
  <c r="D91" i="6"/>
  <c r="E90" i="6"/>
  <c r="F90" i="6" s="1"/>
  <c r="D90" i="6"/>
  <c r="E89" i="6"/>
  <c r="D89" i="6"/>
  <c r="E88" i="6"/>
  <c r="F88" i="6" s="1"/>
  <c r="D88" i="6"/>
  <c r="E87" i="6"/>
  <c r="D87" i="6"/>
  <c r="E86" i="6"/>
  <c r="F86" i="6" s="1"/>
  <c r="D86" i="6"/>
  <c r="E85" i="6"/>
  <c r="F85" i="6" s="1"/>
  <c r="D85" i="6"/>
  <c r="E84" i="6"/>
  <c r="F84" i="6" s="1"/>
  <c r="D84" i="6"/>
  <c r="E83" i="6"/>
  <c r="D83" i="6"/>
  <c r="E82" i="6"/>
  <c r="F82" i="6" s="1"/>
  <c r="D82" i="6"/>
  <c r="E81" i="6"/>
  <c r="D81" i="6"/>
  <c r="E80" i="6"/>
  <c r="F80" i="6" s="1"/>
  <c r="D80" i="6"/>
  <c r="E79" i="6"/>
  <c r="F79" i="6" s="1"/>
  <c r="D79" i="6"/>
  <c r="E78" i="6"/>
  <c r="F78" i="6" s="1"/>
  <c r="D78" i="6"/>
  <c r="E77" i="6"/>
  <c r="D77" i="6"/>
  <c r="E76" i="6"/>
  <c r="F76" i="6" s="1"/>
  <c r="D76" i="6"/>
  <c r="E75" i="6"/>
  <c r="D75" i="6"/>
  <c r="E74" i="6"/>
  <c r="F74" i="6" s="1"/>
  <c r="D74" i="6"/>
  <c r="E73" i="6"/>
  <c r="F73" i="6" s="1"/>
  <c r="D73" i="6"/>
  <c r="E72" i="6"/>
  <c r="F72" i="6" s="1"/>
  <c r="D72" i="6"/>
  <c r="E71" i="6"/>
  <c r="D71" i="6"/>
  <c r="E70" i="6"/>
  <c r="F70" i="6" s="1"/>
  <c r="D70" i="6"/>
  <c r="E69" i="6"/>
  <c r="D69" i="6"/>
  <c r="E68" i="6"/>
  <c r="F68" i="6" s="1"/>
  <c r="D68" i="6"/>
  <c r="E67" i="6"/>
  <c r="F67" i="6" s="1"/>
  <c r="D67" i="6"/>
  <c r="E66" i="6"/>
  <c r="F66" i="6" s="1"/>
  <c r="D66" i="6"/>
  <c r="E65" i="6"/>
  <c r="D65" i="6"/>
  <c r="E64" i="6"/>
  <c r="F64" i="6" s="1"/>
  <c r="D64" i="6"/>
  <c r="E63" i="6"/>
  <c r="D63" i="6"/>
  <c r="E62" i="6"/>
  <c r="F62" i="6" s="1"/>
  <c r="D62" i="6"/>
  <c r="E61" i="6"/>
  <c r="F61" i="6" s="1"/>
  <c r="D61" i="6"/>
  <c r="E60" i="6"/>
  <c r="F60" i="6" s="1"/>
  <c r="D60" i="6"/>
  <c r="E59" i="6"/>
  <c r="D59" i="6"/>
  <c r="E58" i="6"/>
  <c r="F58" i="6" s="1"/>
  <c r="D58" i="6"/>
  <c r="E57" i="6"/>
  <c r="D57" i="6"/>
  <c r="E56" i="6"/>
  <c r="F56" i="6" s="1"/>
  <c r="D56" i="6"/>
  <c r="E55" i="6"/>
  <c r="F55" i="6" s="1"/>
  <c r="D55" i="6"/>
  <c r="E54" i="6"/>
  <c r="F54" i="6" s="1"/>
  <c r="D54" i="6"/>
  <c r="E53" i="6"/>
  <c r="D53" i="6"/>
  <c r="E52" i="6"/>
  <c r="F52" i="6" s="1"/>
  <c r="D52" i="6"/>
  <c r="E51" i="6"/>
  <c r="D51" i="6"/>
  <c r="E50" i="6"/>
  <c r="F50" i="6" s="1"/>
  <c r="D50" i="6"/>
  <c r="E49" i="6"/>
  <c r="F49" i="6" s="1"/>
  <c r="D49" i="6"/>
  <c r="E48" i="6"/>
  <c r="F48" i="6" s="1"/>
  <c r="D48" i="6"/>
  <c r="E47" i="6"/>
  <c r="D47" i="6"/>
  <c r="E46" i="6"/>
  <c r="F46" i="6" s="1"/>
  <c r="D46" i="6"/>
  <c r="E45" i="6"/>
  <c r="D45" i="6"/>
  <c r="E44" i="6"/>
  <c r="F44" i="6" s="1"/>
  <c r="D44" i="6"/>
  <c r="E43" i="6"/>
  <c r="F43" i="6" s="1"/>
  <c r="D43" i="6"/>
  <c r="E42" i="6"/>
  <c r="F42" i="6" s="1"/>
  <c r="D42" i="6"/>
  <c r="E41" i="6"/>
  <c r="D41" i="6"/>
  <c r="E40" i="6"/>
  <c r="F40" i="6" s="1"/>
  <c r="D40" i="6"/>
  <c r="E39" i="6"/>
  <c r="D39" i="6"/>
  <c r="E38" i="6"/>
  <c r="F38" i="6" s="1"/>
  <c r="D38" i="6"/>
  <c r="E37" i="6"/>
  <c r="F37" i="6" s="1"/>
  <c r="D37" i="6"/>
  <c r="E36" i="6"/>
  <c r="F36" i="6" s="1"/>
  <c r="D36" i="6"/>
  <c r="E35" i="6"/>
  <c r="D35" i="6"/>
  <c r="E34" i="6"/>
  <c r="F34" i="6" s="1"/>
  <c r="D34" i="6"/>
  <c r="E33" i="6"/>
  <c r="D33" i="6"/>
  <c r="E32" i="6"/>
  <c r="F32" i="6" s="1"/>
  <c r="D32" i="6"/>
  <c r="E31" i="6"/>
  <c r="F31" i="6" s="1"/>
  <c r="D31" i="6"/>
  <c r="E30" i="6"/>
  <c r="F30" i="6" s="1"/>
  <c r="D30" i="6"/>
  <c r="E29" i="6"/>
  <c r="D29" i="6"/>
  <c r="E28" i="6"/>
  <c r="F28" i="6" s="1"/>
  <c r="D28" i="6"/>
  <c r="E27" i="6"/>
  <c r="D27" i="6"/>
  <c r="E26" i="6"/>
  <c r="F26" i="6" s="1"/>
  <c r="D26" i="6"/>
  <c r="E25" i="6"/>
  <c r="F25" i="6" s="1"/>
  <c r="D25" i="6"/>
  <c r="E24" i="6"/>
  <c r="F24" i="6" s="1"/>
  <c r="D24" i="6"/>
  <c r="E23" i="6"/>
  <c r="D23" i="6"/>
  <c r="E22" i="6"/>
  <c r="F22" i="6" s="1"/>
  <c r="D22" i="6"/>
  <c r="E21" i="6"/>
  <c r="D21" i="6"/>
  <c r="E20" i="6"/>
  <c r="F20" i="6" s="1"/>
  <c r="D20" i="6"/>
  <c r="E19" i="6"/>
  <c r="F19" i="6" s="1"/>
  <c r="D19" i="6"/>
  <c r="E18" i="6"/>
  <c r="F18" i="6" s="1"/>
  <c r="D18" i="6"/>
  <c r="E17" i="6"/>
  <c r="D17" i="6"/>
  <c r="E16" i="6"/>
  <c r="F16" i="6" s="1"/>
  <c r="D16" i="6"/>
  <c r="E15" i="6"/>
  <c r="D15" i="6"/>
  <c r="E14" i="6"/>
  <c r="F14" i="6" s="1"/>
  <c r="D14" i="6"/>
  <c r="E13" i="6"/>
  <c r="F13" i="6" s="1"/>
  <c r="D13" i="6"/>
  <c r="E12" i="6"/>
  <c r="F12" i="6" s="1"/>
  <c r="D12" i="6"/>
  <c r="E11" i="6"/>
  <c r="D11" i="6"/>
  <c r="E10" i="6"/>
  <c r="F10" i="6" s="1"/>
  <c r="D10" i="6"/>
  <c r="E9" i="6"/>
  <c r="D9" i="6"/>
  <c r="E8" i="6"/>
  <c r="F8" i="6" s="1"/>
  <c r="D8" i="6"/>
  <c r="E7" i="6"/>
  <c r="F7" i="6" s="1"/>
  <c r="D7" i="6"/>
  <c r="E6" i="6"/>
  <c r="F6" i="6" s="1"/>
  <c r="D6" i="6"/>
  <c r="E5" i="6"/>
  <c r="D5" i="6"/>
  <c r="E4" i="6"/>
  <c r="F4" i="6" s="1"/>
  <c r="D4" i="6"/>
  <c r="E3" i="6"/>
  <c r="D3" i="6"/>
  <c r="E2" i="6"/>
  <c r="D2" i="6"/>
  <c r="E409" i="5"/>
  <c r="D409" i="5"/>
  <c r="E408" i="5"/>
  <c r="D408" i="5"/>
  <c r="E407" i="5"/>
  <c r="D407" i="5"/>
  <c r="E406" i="5"/>
  <c r="D406" i="5"/>
  <c r="E405" i="5"/>
  <c r="D405" i="5"/>
  <c r="E404" i="5"/>
  <c r="D404" i="5"/>
  <c r="E403" i="5"/>
  <c r="D403" i="5"/>
  <c r="E402" i="5"/>
  <c r="D402" i="5"/>
  <c r="E401" i="5"/>
  <c r="D401" i="5"/>
  <c r="E400" i="5"/>
  <c r="D400" i="5"/>
  <c r="E399" i="5"/>
  <c r="D399" i="5"/>
  <c r="E398" i="5"/>
  <c r="D398" i="5"/>
  <c r="E397" i="5"/>
  <c r="D397" i="5"/>
  <c r="E396" i="5"/>
  <c r="D396" i="5"/>
  <c r="E395" i="5"/>
  <c r="D395" i="5"/>
  <c r="E394" i="5"/>
  <c r="D394" i="5"/>
  <c r="E393" i="5"/>
  <c r="D393" i="5"/>
  <c r="E392" i="5"/>
  <c r="D392" i="5"/>
  <c r="E391" i="5"/>
  <c r="D391" i="5"/>
  <c r="E390" i="5"/>
  <c r="D390" i="5"/>
  <c r="E389" i="5"/>
  <c r="D389" i="5"/>
  <c r="E388" i="5"/>
  <c r="D388" i="5"/>
  <c r="E387" i="5"/>
  <c r="D387" i="5"/>
  <c r="E386" i="5"/>
  <c r="D386" i="5"/>
  <c r="E385" i="5"/>
  <c r="D385" i="5"/>
  <c r="E384" i="5"/>
  <c r="D384" i="5"/>
  <c r="E383" i="5"/>
  <c r="D383" i="5"/>
  <c r="E382" i="5"/>
  <c r="D382" i="5"/>
  <c r="E381" i="5"/>
  <c r="D381" i="5"/>
  <c r="E380" i="5"/>
  <c r="D380" i="5"/>
  <c r="E379" i="5"/>
  <c r="D379" i="5"/>
  <c r="E378" i="5"/>
  <c r="D378" i="5"/>
  <c r="E377" i="5"/>
  <c r="D377" i="5"/>
  <c r="E376" i="5"/>
  <c r="D376" i="5"/>
  <c r="E375" i="5"/>
  <c r="D375" i="5"/>
  <c r="E374" i="5"/>
  <c r="D374" i="5"/>
  <c r="E373" i="5"/>
  <c r="D373" i="5"/>
  <c r="E372" i="5"/>
  <c r="D372" i="5"/>
  <c r="E371" i="5"/>
  <c r="D371" i="5"/>
  <c r="E370" i="5"/>
  <c r="D370" i="5"/>
  <c r="E369" i="5"/>
  <c r="D369" i="5"/>
  <c r="E368" i="5"/>
  <c r="D368" i="5"/>
  <c r="E367" i="5"/>
  <c r="D367" i="5"/>
  <c r="E366" i="5"/>
  <c r="D366" i="5"/>
  <c r="E365" i="5"/>
  <c r="D365" i="5"/>
  <c r="E364" i="5"/>
  <c r="D364" i="5"/>
  <c r="E363" i="5"/>
  <c r="D363" i="5"/>
  <c r="E362" i="5"/>
  <c r="D362" i="5"/>
  <c r="E361" i="5"/>
  <c r="D361" i="5"/>
  <c r="E360" i="5"/>
  <c r="D360" i="5"/>
  <c r="E359" i="5"/>
  <c r="D359" i="5"/>
  <c r="E358" i="5"/>
  <c r="D358" i="5"/>
  <c r="E357" i="5"/>
  <c r="D357" i="5"/>
  <c r="E356" i="5"/>
  <c r="D356" i="5"/>
  <c r="E355" i="5"/>
  <c r="D355" i="5"/>
  <c r="E354" i="5"/>
  <c r="D354" i="5"/>
  <c r="E353" i="5"/>
  <c r="D353" i="5"/>
  <c r="E352" i="5"/>
  <c r="D352" i="5"/>
  <c r="E351" i="5"/>
  <c r="D351" i="5"/>
  <c r="E350" i="5"/>
  <c r="D350" i="5"/>
  <c r="E349" i="5"/>
  <c r="D349" i="5"/>
  <c r="E348" i="5"/>
  <c r="D348" i="5"/>
  <c r="E347" i="5"/>
  <c r="D347" i="5"/>
  <c r="E346" i="5"/>
  <c r="D346" i="5"/>
  <c r="E345" i="5"/>
  <c r="D345" i="5"/>
  <c r="E344" i="5"/>
  <c r="D344" i="5"/>
  <c r="E343" i="5"/>
  <c r="D343" i="5"/>
  <c r="E342" i="5"/>
  <c r="D342" i="5"/>
  <c r="E341" i="5"/>
  <c r="D341" i="5"/>
  <c r="E340" i="5"/>
  <c r="D340" i="5"/>
  <c r="E339" i="5"/>
  <c r="D339" i="5"/>
  <c r="E338" i="5"/>
  <c r="D338" i="5"/>
  <c r="E337" i="5"/>
  <c r="D337" i="5"/>
  <c r="E336" i="5"/>
  <c r="D336" i="5"/>
  <c r="E335" i="5"/>
  <c r="D335" i="5"/>
  <c r="E334" i="5"/>
  <c r="D334" i="5"/>
  <c r="E333" i="5"/>
  <c r="D333" i="5"/>
  <c r="E332" i="5"/>
  <c r="D332" i="5"/>
  <c r="E331" i="5"/>
  <c r="D331" i="5"/>
  <c r="E330" i="5"/>
  <c r="D330" i="5"/>
  <c r="E329" i="5"/>
  <c r="D329" i="5"/>
  <c r="E328" i="5"/>
  <c r="D328" i="5"/>
  <c r="E327" i="5"/>
  <c r="D327" i="5"/>
  <c r="E326" i="5"/>
  <c r="D326" i="5"/>
  <c r="E325" i="5"/>
  <c r="D325" i="5"/>
  <c r="E324" i="5"/>
  <c r="D324" i="5"/>
  <c r="E323" i="5"/>
  <c r="D323" i="5"/>
  <c r="E322" i="5"/>
  <c r="D322" i="5"/>
  <c r="E321" i="5"/>
  <c r="D321" i="5"/>
  <c r="E320" i="5"/>
  <c r="D320" i="5"/>
  <c r="E319" i="5"/>
  <c r="D319" i="5"/>
  <c r="E318" i="5"/>
  <c r="D318" i="5"/>
  <c r="E317" i="5"/>
  <c r="D317" i="5"/>
  <c r="E316" i="5"/>
  <c r="D316" i="5"/>
  <c r="E315" i="5"/>
  <c r="D315" i="5"/>
  <c r="E314" i="5"/>
  <c r="D314" i="5"/>
  <c r="E313" i="5"/>
  <c r="D313" i="5"/>
  <c r="E312" i="5"/>
  <c r="D312" i="5"/>
  <c r="E311" i="5"/>
  <c r="D311" i="5"/>
  <c r="E310" i="5"/>
  <c r="D310" i="5"/>
  <c r="E309" i="5"/>
  <c r="D309" i="5"/>
  <c r="E308" i="5"/>
  <c r="D308" i="5"/>
  <c r="E307" i="5"/>
  <c r="D307" i="5"/>
  <c r="E306" i="5"/>
  <c r="D306" i="5"/>
  <c r="E305" i="5"/>
  <c r="D305" i="5"/>
  <c r="E304" i="5"/>
  <c r="D304" i="5"/>
  <c r="E303" i="5"/>
  <c r="D303" i="5"/>
  <c r="E302" i="5"/>
  <c r="D302" i="5"/>
  <c r="E301" i="5"/>
  <c r="D301" i="5"/>
  <c r="E300" i="5"/>
  <c r="D300" i="5"/>
  <c r="E299" i="5"/>
  <c r="D299" i="5"/>
  <c r="E298" i="5"/>
  <c r="D298" i="5"/>
  <c r="E297" i="5"/>
  <c r="D297" i="5"/>
  <c r="E296" i="5"/>
  <c r="D296" i="5"/>
  <c r="E295" i="5"/>
  <c r="D295" i="5"/>
  <c r="E294" i="5"/>
  <c r="D294" i="5"/>
  <c r="E293" i="5"/>
  <c r="D293" i="5"/>
  <c r="E292" i="5"/>
  <c r="D292" i="5"/>
  <c r="E291" i="5"/>
  <c r="D291" i="5"/>
  <c r="E290" i="5"/>
  <c r="D290" i="5"/>
  <c r="E289" i="5"/>
  <c r="D289" i="5"/>
  <c r="E288" i="5"/>
  <c r="D288" i="5"/>
  <c r="E287" i="5"/>
  <c r="D287" i="5"/>
  <c r="E286" i="5"/>
  <c r="D286" i="5"/>
  <c r="E285" i="5"/>
  <c r="D285" i="5"/>
  <c r="E284" i="5"/>
  <c r="D284" i="5"/>
  <c r="E283" i="5"/>
  <c r="D283" i="5"/>
  <c r="E282" i="5"/>
  <c r="D282" i="5"/>
  <c r="E281" i="5"/>
  <c r="D281" i="5"/>
  <c r="E280" i="5"/>
  <c r="D280" i="5"/>
  <c r="E279" i="5"/>
  <c r="D279" i="5"/>
  <c r="E278" i="5"/>
  <c r="D278" i="5"/>
  <c r="E277" i="5"/>
  <c r="D277" i="5"/>
  <c r="E276" i="5"/>
  <c r="D276" i="5"/>
  <c r="E275" i="5"/>
  <c r="D275" i="5"/>
  <c r="E274" i="5"/>
  <c r="D274" i="5"/>
  <c r="E273" i="5"/>
  <c r="D273" i="5"/>
  <c r="E272" i="5"/>
  <c r="D272" i="5"/>
  <c r="E271" i="5"/>
  <c r="D271" i="5"/>
  <c r="E270" i="5"/>
  <c r="D270" i="5"/>
  <c r="E269" i="5"/>
  <c r="D269" i="5"/>
  <c r="E268" i="5"/>
  <c r="D268" i="5"/>
  <c r="E267" i="5"/>
  <c r="D267" i="5"/>
  <c r="E266" i="5"/>
  <c r="D266" i="5"/>
  <c r="E265" i="5"/>
  <c r="D265" i="5"/>
  <c r="E264" i="5"/>
  <c r="D264" i="5"/>
  <c r="E263" i="5"/>
  <c r="D263" i="5"/>
  <c r="E262" i="5"/>
  <c r="D262" i="5"/>
  <c r="E261" i="5"/>
  <c r="D261" i="5"/>
  <c r="E260" i="5"/>
  <c r="D260" i="5"/>
  <c r="E259" i="5"/>
  <c r="D259" i="5"/>
  <c r="E258" i="5"/>
  <c r="D258" i="5"/>
  <c r="E257" i="5"/>
  <c r="D257" i="5"/>
  <c r="E256" i="5"/>
  <c r="D256" i="5"/>
  <c r="E255" i="5"/>
  <c r="D255" i="5"/>
  <c r="E254" i="5"/>
  <c r="D254" i="5"/>
  <c r="E253" i="5"/>
  <c r="D253" i="5"/>
  <c r="E252" i="5"/>
  <c r="D252" i="5"/>
  <c r="E251" i="5"/>
  <c r="D251" i="5"/>
  <c r="E250" i="5"/>
  <c r="D250" i="5"/>
  <c r="E249" i="5"/>
  <c r="D249" i="5"/>
  <c r="E248" i="5"/>
  <c r="D248" i="5"/>
  <c r="E247" i="5"/>
  <c r="D247" i="5"/>
  <c r="E246" i="5"/>
  <c r="D246" i="5"/>
  <c r="E245" i="5"/>
  <c r="D245" i="5"/>
  <c r="E244" i="5"/>
  <c r="D244" i="5"/>
  <c r="E243" i="5"/>
  <c r="D243" i="5"/>
  <c r="E242" i="5"/>
  <c r="D242" i="5"/>
  <c r="E241" i="5"/>
  <c r="D241" i="5"/>
  <c r="E240" i="5"/>
  <c r="D240" i="5"/>
  <c r="E239" i="5"/>
  <c r="D239" i="5"/>
  <c r="E238" i="5"/>
  <c r="D238" i="5"/>
  <c r="E237" i="5"/>
  <c r="D237" i="5"/>
  <c r="E236" i="5"/>
  <c r="D236" i="5"/>
  <c r="E235" i="5"/>
  <c r="D235" i="5"/>
  <c r="E234" i="5"/>
  <c r="D234" i="5"/>
  <c r="E233" i="5"/>
  <c r="D233" i="5"/>
  <c r="E232" i="5"/>
  <c r="D232" i="5"/>
  <c r="E231" i="5"/>
  <c r="D231" i="5"/>
  <c r="E230" i="5"/>
  <c r="D230" i="5"/>
  <c r="E229" i="5"/>
  <c r="D229" i="5"/>
  <c r="E228" i="5"/>
  <c r="D228" i="5"/>
  <c r="E227" i="5"/>
  <c r="D227" i="5"/>
  <c r="E226" i="5"/>
  <c r="D226" i="5"/>
  <c r="E225" i="5"/>
  <c r="D225" i="5"/>
  <c r="E224" i="5"/>
  <c r="D224" i="5"/>
  <c r="E223" i="5"/>
  <c r="D223" i="5"/>
  <c r="E222" i="5"/>
  <c r="D222" i="5"/>
  <c r="E221" i="5"/>
  <c r="D221" i="5"/>
  <c r="E220" i="5"/>
  <c r="D220" i="5"/>
  <c r="E219" i="5"/>
  <c r="D219" i="5"/>
  <c r="E218" i="5"/>
  <c r="D218" i="5"/>
  <c r="E217" i="5"/>
  <c r="D217" i="5"/>
  <c r="E216" i="5"/>
  <c r="D216" i="5"/>
  <c r="E215" i="5"/>
  <c r="D215" i="5"/>
  <c r="E214" i="5"/>
  <c r="D214" i="5"/>
  <c r="E213" i="5"/>
  <c r="D213" i="5"/>
  <c r="E212" i="5"/>
  <c r="D212" i="5"/>
  <c r="E211" i="5"/>
  <c r="D211" i="5"/>
  <c r="E210" i="5"/>
  <c r="D210" i="5"/>
  <c r="E209" i="5"/>
  <c r="D209" i="5"/>
  <c r="E208" i="5"/>
  <c r="D208" i="5"/>
  <c r="E207" i="5"/>
  <c r="D207" i="5"/>
  <c r="E206" i="5"/>
  <c r="D206" i="5"/>
  <c r="E205" i="5"/>
  <c r="D205" i="5"/>
  <c r="E204" i="5"/>
  <c r="D204" i="5"/>
  <c r="E203" i="5"/>
  <c r="D203" i="5"/>
  <c r="E202" i="5"/>
  <c r="D202" i="5"/>
  <c r="E201" i="5"/>
  <c r="D201" i="5"/>
  <c r="E200" i="5"/>
  <c r="D200" i="5"/>
  <c r="E199" i="5"/>
  <c r="D199" i="5"/>
  <c r="E198" i="5"/>
  <c r="D198" i="5"/>
  <c r="E197" i="5"/>
  <c r="D197" i="5"/>
  <c r="E196" i="5"/>
  <c r="D196" i="5"/>
  <c r="E195" i="5"/>
  <c r="D195" i="5"/>
  <c r="E194" i="5"/>
  <c r="D194" i="5"/>
  <c r="E193" i="5"/>
  <c r="D193" i="5"/>
  <c r="E192" i="5"/>
  <c r="D192" i="5"/>
  <c r="E191" i="5"/>
  <c r="D191" i="5"/>
  <c r="E190" i="5"/>
  <c r="D190" i="5"/>
  <c r="E189" i="5"/>
  <c r="D189" i="5"/>
  <c r="E188" i="5"/>
  <c r="D188" i="5"/>
  <c r="E187" i="5"/>
  <c r="D187" i="5"/>
  <c r="E186" i="5"/>
  <c r="D186" i="5"/>
  <c r="E185" i="5"/>
  <c r="D185" i="5"/>
  <c r="E184" i="5"/>
  <c r="D184" i="5"/>
  <c r="E183" i="5"/>
  <c r="D183" i="5"/>
  <c r="E182" i="5"/>
  <c r="D182" i="5"/>
  <c r="E181" i="5"/>
  <c r="D181" i="5"/>
  <c r="E180" i="5"/>
  <c r="D180" i="5"/>
  <c r="E179" i="5"/>
  <c r="D179" i="5"/>
  <c r="E178" i="5"/>
  <c r="D178" i="5"/>
  <c r="E177" i="5"/>
  <c r="D177" i="5"/>
  <c r="E176" i="5"/>
  <c r="D176" i="5"/>
  <c r="E175" i="5"/>
  <c r="D175" i="5"/>
  <c r="E174" i="5"/>
  <c r="D174" i="5"/>
  <c r="E173" i="5"/>
  <c r="D173" i="5"/>
  <c r="E172" i="5"/>
  <c r="D172" i="5"/>
  <c r="E171" i="5"/>
  <c r="D171" i="5"/>
  <c r="E170" i="5"/>
  <c r="D170" i="5"/>
  <c r="E169" i="5"/>
  <c r="D169" i="5"/>
  <c r="E168" i="5"/>
  <c r="D168" i="5"/>
  <c r="E167" i="5"/>
  <c r="D167" i="5"/>
  <c r="E166" i="5"/>
  <c r="D166" i="5"/>
  <c r="E165" i="5"/>
  <c r="D165" i="5"/>
  <c r="E164" i="5"/>
  <c r="D164" i="5"/>
  <c r="E163" i="5"/>
  <c r="D163" i="5"/>
  <c r="E162" i="5"/>
  <c r="D162" i="5"/>
  <c r="E161" i="5"/>
  <c r="D161" i="5"/>
  <c r="E160" i="5"/>
  <c r="D160" i="5"/>
  <c r="E159" i="5"/>
  <c r="D159" i="5"/>
  <c r="E158" i="5"/>
  <c r="D158" i="5"/>
  <c r="E157" i="5"/>
  <c r="D157" i="5"/>
  <c r="E156" i="5"/>
  <c r="D156" i="5"/>
  <c r="E155" i="5"/>
  <c r="D155" i="5"/>
  <c r="E154" i="5"/>
  <c r="D154" i="5"/>
  <c r="E153" i="5"/>
  <c r="D153" i="5"/>
  <c r="E152" i="5"/>
  <c r="D152" i="5"/>
  <c r="E151" i="5"/>
  <c r="D151" i="5"/>
  <c r="E150" i="5"/>
  <c r="D150" i="5"/>
  <c r="E149" i="5"/>
  <c r="D149" i="5"/>
  <c r="E148" i="5"/>
  <c r="D148" i="5"/>
  <c r="E147" i="5"/>
  <c r="D147" i="5"/>
  <c r="E146" i="5"/>
  <c r="D146" i="5"/>
  <c r="E145" i="5"/>
  <c r="D145" i="5"/>
  <c r="E144" i="5"/>
  <c r="D144" i="5"/>
  <c r="E143" i="5"/>
  <c r="D143" i="5"/>
  <c r="E142" i="5"/>
  <c r="D142" i="5"/>
  <c r="E141" i="5"/>
  <c r="D141" i="5"/>
  <c r="E140" i="5"/>
  <c r="D140" i="5"/>
  <c r="E139" i="5"/>
  <c r="D139" i="5"/>
  <c r="E138" i="5"/>
  <c r="D138" i="5"/>
  <c r="E137" i="5"/>
  <c r="D137" i="5"/>
  <c r="E136" i="5"/>
  <c r="D136" i="5"/>
  <c r="E135" i="5"/>
  <c r="D135" i="5"/>
  <c r="E134" i="5"/>
  <c r="D134" i="5"/>
  <c r="E133" i="5"/>
  <c r="D133" i="5"/>
  <c r="E132" i="5"/>
  <c r="D132" i="5"/>
  <c r="E131" i="5"/>
  <c r="D131" i="5"/>
  <c r="E130" i="5"/>
  <c r="D130" i="5"/>
  <c r="E129" i="5"/>
  <c r="D129" i="5"/>
  <c r="E128" i="5"/>
  <c r="D128" i="5"/>
  <c r="E127" i="5"/>
  <c r="D127" i="5"/>
  <c r="E126" i="5"/>
  <c r="D126" i="5"/>
  <c r="E125" i="5"/>
  <c r="D125" i="5"/>
  <c r="E124" i="5"/>
  <c r="D124" i="5"/>
  <c r="E123" i="5"/>
  <c r="D123" i="5"/>
  <c r="E122" i="5"/>
  <c r="D122" i="5"/>
  <c r="E121" i="5"/>
  <c r="D121" i="5"/>
  <c r="E120" i="5"/>
  <c r="D120" i="5"/>
  <c r="E119" i="5"/>
  <c r="D119" i="5"/>
  <c r="E118" i="5"/>
  <c r="D118" i="5"/>
  <c r="E117" i="5"/>
  <c r="D117" i="5"/>
  <c r="E116" i="5"/>
  <c r="D116" i="5"/>
  <c r="E115" i="5"/>
  <c r="D115" i="5"/>
  <c r="E114" i="5"/>
  <c r="D114" i="5"/>
  <c r="E113" i="5"/>
  <c r="D113" i="5"/>
  <c r="E112" i="5"/>
  <c r="D112" i="5"/>
  <c r="E111" i="5"/>
  <c r="D111" i="5"/>
  <c r="E110" i="5"/>
  <c r="D110" i="5"/>
  <c r="E109" i="5"/>
  <c r="D109" i="5"/>
  <c r="E108" i="5"/>
  <c r="D108" i="5"/>
  <c r="E107" i="5"/>
  <c r="D107" i="5"/>
  <c r="E106" i="5"/>
  <c r="D106" i="5"/>
  <c r="E105" i="5"/>
  <c r="D105" i="5"/>
  <c r="E104" i="5"/>
  <c r="D104" i="5"/>
  <c r="E103" i="5"/>
  <c r="D103" i="5"/>
  <c r="E102" i="5"/>
  <c r="D102" i="5"/>
  <c r="E101" i="5"/>
  <c r="D101" i="5"/>
  <c r="E100" i="5"/>
  <c r="D100" i="5"/>
  <c r="E99" i="5"/>
  <c r="D99" i="5"/>
  <c r="E98" i="5"/>
  <c r="D98" i="5"/>
  <c r="E97" i="5"/>
  <c r="D97" i="5"/>
  <c r="E96" i="5"/>
  <c r="D96" i="5"/>
  <c r="E95" i="5"/>
  <c r="D95" i="5"/>
  <c r="E94" i="5"/>
  <c r="D94" i="5"/>
  <c r="E93" i="5"/>
  <c r="D93" i="5"/>
  <c r="E92" i="5"/>
  <c r="D92" i="5"/>
  <c r="E91" i="5"/>
  <c r="D91" i="5"/>
  <c r="E90" i="5"/>
  <c r="D90" i="5"/>
  <c r="E89" i="5"/>
  <c r="D89" i="5"/>
  <c r="E88" i="5"/>
  <c r="D88" i="5"/>
  <c r="E87" i="5"/>
  <c r="D87" i="5"/>
  <c r="E86" i="5"/>
  <c r="D86" i="5"/>
  <c r="E85" i="5"/>
  <c r="D85" i="5"/>
  <c r="E84" i="5"/>
  <c r="D84" i="5"/>
  <c r="E83" i="5"/>
  <c r="D83" i="5"/>
  <c r="E82" i="5"/>
  <c r="D82" i="5"/>
  <c r="E81" i="5"/>
  <c r="D81" i="5"/>
  <c r="E80" i="5"/>
  <c r="D80" i="5"/>
  <c r="E79" i="5"/>
  <c r="D79" i="5"/>
  <c r="E78" i="5"/>
  <c r="D78" i="5"/>
  <c r="E77" i="5"/>
  <c r="D77" i="5"/>
  <c r="E76" i="5"/>
  <c r="D76" i="5"/>
  <c r="E75" i="5"/>
  <c r="D75" i="5"/>
  <c r="E74" i="5"/>
  <c r="D74" i="5"/>
  <c r="E73" i="5"/>
  <c r="D73" i="5"/>
  <c r="E72" i="5"/>
  <c r="D72" i="5"/>
  <c r="E71" i="5"/>
  <c r="D71" i="5"/>
  <c r="E70" i="5"/>
  <c r="D70" i="5"/>
  <c r="E69" i="5"/>
  <c r="D69" i="5"/>
  <c r="E68" i="5"/>
  <c r="D68" i="5"/>
  <c r="E67" i="5"/>
  <c r="D67" i="5"/>
  <c r="E66" i="5"/>
  <c r="D66" i="5"/>
  <c r="E65" i="5"/>
  <c r="D65" i="5"/>
  <c r="E64" i="5"/>
  <c r="D64" i="5"/>
  <c r="E63" i="5"/>
  <c r="D63" i="5"/>
  <c r="E62" i="5"/>
  <c r="D62" i="5"/>
  <c r="E61" i="5"/>
  <c r="D61" i="5"/>
  <c r="E60" i="5"/>
  <c r="D60" i="5"/>
  <c r="E59" i="5"/>
  <c r="D59" i="5"/>
  <c r="E58" i="5"/>
  <c r="D58" i="5"/>
  <c r="E57" i="5"/>
  <c r="D57" i="5"/>
  <c r="E56" i="5"/>
  <c r="D56" i="5"/>
  <c r="E55" i="5"/>
  <c r="D55" i="5"/>
  <c r="E54" i="5"/>
  <c r="D54" i="5"/>
  <c r="E53" i="5"/>
  <c r="D53" i="5"/>
  <c r="E52" i="5"/>
  <c r="D52" i="5"/>
  <c r="E51" i="5"/>
  <c r="D51" i="5"/>
  <c r="E50" i="5"/>
  <c r="D50" i="5"/>
  <c r="E49" i="5"/>
  <c r="D49" i="5"/>
  <c r="E48" i="5"/>
  <c r="D48" i="5"/>
  <c r="E47" i="5"/>
  <c r="D47" i="5"/>
  <c r="E46" i="5"/>
  <c r="D46" i="5"/>
  <c r="E45" i="5"/>
  <c r="D45" i="5"/>
  <c r="E44" i="5"/>
  <c r="D44" i="5"/>
  <c r="E43" i="5"/>
  <c r="D43" i="5"/>
  <c r="E42" i="5"/>
  <c r="D42" i="5"/>
  <c r="E41" i="5"/>
  <c r="D41" i="5"/>
  <c r="E40" i="5"/>
  <c r="D40" i="5"/>
  <c r="E39" i="5"/>
  <c r="D39" i="5"/>
  <c r="E38" i="5"/>
  <c r="D38" i="5"/>
  <c r="E37" i="5"/>
  <c r="D37" i="5"/>
  <c r="E36" i="5"/>
  <c r="D36" i="5"/>
  <c r="E35" i="5"/>
  <c r="D35" i="5"/>
  <c r="E34" i="5"/>
  <c r="D34" i="5"/>
  <c r="E33" i="5"/>
  <c r="D33" i="5"/>
  <c r="E32" i="5"/>
  <c r="D32" i="5"/>
  <c r="E31" i="5"/>
  <c r="D31" i="5"/>
  <c r="E30" i="5"/>
  <c r="D30" i="5"/>
  <c r="E29" i="5"/>
  <c r="D29" i="5"/>
  <c r="E28" i="5"/>
  <c r="D28" i="5"/>
  <c r="E27" i="5"/>
  <c r="D27" i="5"/>
  <c r="E26" i="5"/>
  <c r="D26" i="5"/>
  <c r="E25" i="5"/>
  <c r="D25" i="5"/>
  <c r="E24" i="5"/>
  <c r="D24" i="5"/>
  <c r="E23" i="5"/>
  <c r="D23" i="5"/>
  <c r="E22" i="5"/>
  <c r="D22" i="5"/>
  <c r="E21" i="5"/>
  <c r="D21" i="5"/>
  <c r="E20" i="5"/>
  <c r="D20" i="5"/>
  <c r="E19" i="5"/>
  <c r="D19" i="5"/>
  <c r="E18" i="5"/>
  <c r="D18" i="5"/>
  <c r="E17" i="5"/>
  <c r="D17" i="5"/>
  <c r="E16" i="5"/>
  <c r="D16" i="5"/>
  <c r="E15" i="5"/>
  <c r="D15" i="5"/>
  <c r="E14" i="5"/>
  <c r="D14" i="5"/>
  <c r="E13" i="5"/>
  <c r="D13" i="5"/>
  <c r="E12" i="5"/>
  <c r="D12" i="5"/>
  <c r="E11" i="5"/>
  <c r="D11" i="5"/>
  <c r="E10" i="5"/>
  <c r="D10" i="5"/>
  <c r="E9" i="5"/>
  <c r="D9" i="5"/>
  <c r="E8" i="5"/>
  <c r="D8" i="5"/>
  <c r="E7" i="5"/>
  <c r="D7" i="5"/>
  <c r="E6" i="5"/>
  <c r="D6" i="5"/>
  <c r="E5" i="5"/>
  <c r="D5" i="5"/>
  <c r="E4" i="5"/>
  <c r="D4" i="5"/>
  <c r="E3" i="5"/>
  <c r="D3" i="5"/>
  <c r="E2" i="5"/>
  <c r="D2" i="5"/>
  <c r="D408" i="4"/>
  <c r="D407" i="4"/>
  <c r="D406" i="4"/>
  <c r="D405" i="4"/>
  <c r="D404" i="4"/>
  <c r="D403" i="4"/>
  <c r="D402" i="4"/>
  <c r="D401" i="4"/>
  <c r="D400" i="4"/>
  <c r="D399" i="4"/>
  <c r="D398" i="4"/>
  <c r="D397" i="4"/>
  <c r="D396" i="4"/>
  <c r="D395" i="4"/>
  <c r="D394" i="4"/>
  <c r="D393" i="4"/>
  <c r="D392" i="4"/>
  <c r="D391" i="4"/>
  <c r="D390" i="4"/>
  <c r="D389" i="4"/>
  <c r="D388" i="4"/>
  <c r="D387" i="4"/>
  <c r="D386" i="4"/>
  <c r="D385" i="4"/>
  <c r="D384" i="4"/>
  <c r="D383" i="4"/>
  <c r="D382" i="4"/>
  <c r="D381" i="4"/>
  <c r="D380" i="4"/>
  <c r="D379" i="4"/>
  <c r="D378" i="4"/>
  <c r="D377" i="4"/>
  <c r="D376" i="4"/>
  <c r="D375" i="4"/>
  <c r="D374" i="4"/>
  <c r="D373" i="4"/>
  <c r="D372" i="4"/>
  <c r="D371" i="4"/>
  <c r="D370" i="4"/>
  <c r="D369" i="4"/>
  <c r="D368" i="4"/>
  <c r="D367" i="4"/>
  <c r="D366" i="4"/>
  <c r="D365" i="4"/>
  <c r="D364" i="4"/>
  <c r="D363" i="4"/>
  <c r="D362" i="4"/>
  <c r="D361" i="4"/>
  <c r="D360" i="4"/>
  <c r="D359" i="4"/>
  <c r="D358" i="4"/>
  <c r="D357" i="4"/>
  <c r="D356" i="4"/>
  <c r="D355" i="4"/>
  <c r="D354" i="4"/>
  <c r="D353" i="4"/>
  <c r="D352" i="4"/>
  <c r="D351" i="4"/>
  <c r="D350" i="4"/>
  <c r="D349" i="4"/>
  <c r="D348" i="4"/>
  <c r="D347" i="4"/>
  <c r="D346" i="4"/>
  <c r="D345" i="4"/>
  <c r="D344" i="4"/>
  <c r="D343" i="4"/>
  <c r="D342" i="4"/>
  <c r="D341" i="4"/>
  <c r="D340" i="4"/>
  <c r="D339" i="4"/>
  <c r="D338" i="4"/>
  <c r="D337" i="4"/>
  <c r="D336" i="4"/>
  <c r="D335" i="4"/>
  <c r="D334" i="4"/>
  <c r="D333" i="4"/>
  <c r="D332" i="4"/>
  <c r="D331" i="4"/>
  <c r="D330" i="4"/>
  <c r="D329" i="4"/>
  <c r="D328" i="4"/>
  <c r="D327" i="4"/>
  <c r="D326" i="4"/>
  <c r="D325" i="4"/>
  <c r="D324" i="4"/>
  <c r="D323" i="4"/>
  <c r="D322" i="4"/>
  <c r="D321" i="4"/>
  <c r="D320" i="4"/>
  <c r="D319" i="4"/>
  <c r="D318" i="4"/>
  <c r="D317" i="4"/>
  <c r="D316" i="4"/>
  <c r="D315" i="4"/>
  <c r="D314" i="4"/>
  <c r="D313" i="4"/>
  <c r="D312" i="4"/>
  <c r="D311" i="4"/>
  <c r="D310" i="4"/>
  <c r="D309" i="4"/>
  <c r="D308" i="4"/>
  <c r="D307" i="4"/>
  <c r="D306" i="4"/>
  <c r="D305" i="4"/>
  <c r="D304" i="4"/>
  <c r="D303" i="4"/>
  <c r="D302" i="4"/>
  <c r="D301" i="4"/>
  <c r="D300" i="4"/>
  <c r="D299" i="4"/>
  <c r="D298" i="4"/>
  <c r="D297" i="4"/>
  <c r="D296" i="4"/>
  <c r="D295" i="4"/>
  <c r="D294" i="4"/>
  <c r="D293" i="4"/>
  <c r="D292" i="4"/>
  <c r="D291" i="4"/>
  <c r="D290" i="4"/>
  <c r="D289" i="4"/>
  <c r="D288" i="4"/>
  <c r="D287" i="4"/>
  <c r="D286" i="4"/>
  <c r="D285" i="4"/>
  <c r="D284" i="4"/>
  <c r="D283" i="4"/>
  <c r="D282" i="4"/>
  <c r="D281" i="4"/>
  <c r="D280" i="4"/>
  <c r="D279" i="4"/>
  <c r="D278" i="4"/>
  <c r="D277" i="4"/>
  <c r="D276" i="4"/>
  <c r="D275" i="4"/>
  <c r="D274" i="4"/>
  <c r="D273" i="4"/>
  <c r="D272" i="4"/>
  <c r="D271" i="4"/>
  <c r="D270" i="4"/>
  <c r="D269" i="4"/>
  <c r="D268" i="4"/>
  <c r="D267" i="4"/>
  <c r="D266" i="4"/>
  <c r="D265" i="4"/>
  <c r="D264" i="4"/>
  <c r="D263" i="4"/>
  <c r="D262" i="4"/>
  <c r="D261" i="4"/>
  <c r="D260" i="4"/>
  <c r="D259" i="4"/>
  <c r="D258" i="4"/>
  <c r="D257" i="4"/>
  <c r="D256" i="4"/>
  <c r="D255" i="4"/>
  <c r="D254" i="4"/>
  <c r="D253" i="4"/>
  <c r="D252" i="4"/>
  <c r="D251" i="4"/>
  <c r="D250" i="4"/>
  <c r="D249" i="4"/>
  <c r="D248" i="4"/>
  <c r="D247" i="4"/>
  <c r="D246" i="4"/>
  <c r="D245" i="4"/>
  <c r="D244" i="4"/>
  <c r="D243" i="4"/>
  <c r="D242" i="4"/>
  <c r="D241" i="4"/>
  <c r="D240" i="4"/>
  <c r="D239" i="4"/>
  <c r="D238" i="4"/>
  <c r="D237" i="4"/>
  <c r="D236" i="4"/>
  <c r="D235" i="4"/>
  <c r="D234" i="4"/>
  <c r="D233" i="4"/>
  <c r="D232" i="4"/>
  <c r="D231" i="4"/>
  <c r="D230" i="4"/>
  <c r="D229" i="4"/>
  <c r="D228" i="4"/>
  <c r="D227" i="4"/>
  <c r="D226" i="4"/>
  <c r="D225" i="4"/>
  <c r="D224" i="4"/>
  <c r="D223" i="4"/>
  <c r="D222" i="4"/>
  <c r="D221" i="4"/>
  <c r="D220" i="4"/>
  <c r="D219" i="4"/>
  <c r="D218" i="4"/>
  <c r="D217" i="4"/>
  <c r="D216" i="4"/>
  <c r="D215" i="4"/>
  <c r="D214" i="4"/>
  <c r="D213" i="4"/>
  <c r="D212" i="4"/>
  <c r="D211" i="4"/>
  <c r="D210" i="4"/>
  <c r="D209" i="4"/>
  <c r="D208" i="4"/>
  <c r="D207" i="4"/>
  <c r="D206" i="4"/>
  <c r="D205" i="4"/>
  <c r="D204" i="4"/>
  <c r="D203" i="4"/>
  <c r="D202" i="4"/>
  <c r="D201" i="4"/>
  <c r="D200" i="4"/>
  <c r="D199" i="4"/>
  <c r="D198" i="4"/>
  <c r="D197" i="4"/>
  <c r="D196" i="4"/>
  <c r="D195" i="4"/>
  <c r="D194" i="4"/>
  <c r="D193" i="4"/>
  <c r="D192" i="4"/>
  <c r="D191" i="4"/>
  <c r="D190" i="4"/>
  <c r="D189" i="4"/>
  <c r="D188" i="4"/>
  <c r="D187" i="4"/>
  <c r="D186" i="4"/>
  <c r="D185" i="4"/>
  <c r="D184" i="4"/>
  <c r="D183" i="4"/>
  <c r="D182" i="4"/>
  <c r="D181" i="4"/>
  <c r="D180" i="4"/>
  <c r="D179" i="4"/>
  <c r="D178" i="4"/>
  <c r="D177" i="4"/>
  <c r="D176" i="4"/>
  <c r="D175" i="4"/>
  <c r="D174" i="4"/>
  <c r="D173" i="4"/>
  <c r="D172" i="4"/>
  <c r="D171" i="4"/>
  <c r="D170" i="4"/>
  <c r="D169" i="4"/>
  <c r="D168" i="4"/>
  <c r="D167" i="4"/>
  <c r="D166" i="4"/>
  <c r="D165" i="4"/>
  <c r="D164" i="4"/>
  <c r="D163" i="4"/>
  <c r="D162" i="4"/>
  <c r="D161" i="4"/>
  <c r="D160" i="4"/>
  <c r="D159" i="4"/>
  <c r="D158" i="4"/>
  <c r="D157" i="4"/>
  <c r="D156" i="4"/>
  <c r="D155" i="4"/>
  <c r="D154" i="4"/>
  <c r="D153" i="4"/>
  <c r="D152" i="4"/>
  <c r="D151" i="4"/>
  <c r="D150" i="4"/>
  <c r="D149" i="4"/>
  <c r="D148" i="4"/>
  <c r="D147" i="4"/>
  <c r="D146" i="4"/>
  <c r="D145" i="4"/>
  <c r="D144" i="4"/>
  <c r="D143" i="4"/>
  <c r="D142" i="4"/>
  <c r="D141" i="4"/>
  <c r="D140" i="4"/>
  <c r="D139" i="4"/>
  <c r="D138" i="4"/>
  <c r="D137" i="4"/>
  <c r="D136" i="4"/>
  <c r="D135" i="4"/>
  <c r="D134" i="4"/>
  <c r="D133" i="4"/>
  <c r="D132" i="4"/>
  <c r="D131" i="4"/>
  <c r="D130" i="4"/>
  <c r="D129" i="4"/>
  <c r="D128" i="4"/>
  <c r="D127" i="4"/>
  <c r="D126" i="4"/>
  <c r="D125" i="4"/>
  <c r="D124" i="4"/>
  <c r="D123" i="4"/>
  <c r="D122" i="4"/>
  <c r="D121" i="4"/>
  <c r="D120" i="4"/>
  <c r="D119" i="4"/>
  <c r="D118" i="4"/>
  <c r="D117" i="4"/>
  <c r="D116" i="4"/>
  <c r="D115" i="4"/>
  <c r="D114" i="4"/>
  <c r="D113" i="4"/>
  <c r="D112" i="4"/>
  <c r="D111" i="4"/>
  <c r="D110" i="4"/>
  <c r="D109" i="4"/>
  <c r="D108" i="4"/>
  <c r="D107" i="4"/>
  <c r="D106" i="4"/>
  <c r="D105" i="4"/>
  <c r="D104" i="4"/>
  <c r="D103" i="4"/>
  <c r="D102" i="4"/>
  <c r="D101" i="4"/>
  <c r="D100" i="4"/>
  <c r="D99" i="4"/>
  <c r="D98" i="4"/>
  <c r="D97" i="4"/>
  <c r="D96" i="4"/>
  <c r="D95" i="4"/>
  <c r="D94" i="4"/>
  <c r="D93" i="4"/>
  <c r="D92" i="4"/>
  <c r="D91" i="4"/>
  <c r="D90" i="4"/>
  <c r="D89" i="4"/>
  <c r="D88" i="4"/>
  <c r="D87" i="4"/>
  <c r="D86" i="4"/>
  <c r="D85" i="4"/>
  <c r="D84" i="4"/>
  <c r="D83" i="4"/>
  <c r="D82" i="4"/>
  <c r="D81" i="4"/>
  <c r="D80" i="4"/>
  <c r="D79" i="4"/>
  <c r="D78" i="4"/>
  <c r="D77" i="4"/>
  <c r="D76" i="4"/>
  <c r="D75" i="4"/>
  <c r="D74" i="4"/>
  <c r="D73" i="4"/>
  <c r="D72" i="4"/>
  <c r="D71" i="4"/>
  <c r="D70" i="4"/>
  <c r="D69" i="4"/>
  <c r="D68" i="4"/>
  <c r="D67" i="4"/>
  <c r="D66" i="4"/>
  <c r="D65" i="4"/>
  <c r="D64" i="4"/>
  <c r="D63" i="4"/>
  <c r="D62" i="4"/>
  <c r="D61" i="4"/>
  <c r="D60" i="4"/>
  <c r="D59" i="4"/>
  <c r="D58" i="4"/>
  <c r="D57" i="4"/>
  <c r="D56" i="4"/>
  <c r="D55" i="4"/>
  <c r="D54" i="4"/>
  <c r="D53" i="4"/>
  <c r="D52" i="4"/>
  <c r="D51" i="4"/>
  <c r="D50" i="4"/>
  <c r="D49" i="4"/>
  <c r="D48" i="4"/>
  <c r="D47" i="4"/>
  <c r="D46" i="4"/>
  <c r="D45" i="4"/>
  <c r="D44" i="4"/>
  <c r="D43" i="4"/>
  <c r="D42" i="4"/>
  <c r="D41" i="4"/>
  <c r="D40" i="4"/>
  <c r="D39" i="4"/>
  <c r="D38" i="4"/>
  <c r="D37" i="4"/>
  <c r="D36" i="4"/>
  <c r="D35" i="4"/>
  <c r="D34" i="4"/>
  <c r="D33" i="4"/>
  <c r="D32" i="4"/>
  <c r="D31" i="4"/>
  <c r="D30" i="4"/>
  <c r="D29" i="4"/>
  <c r="D28" i="4"/>
  <c r="D27" i="4"/>
  <c r="D26" i="4"/>
  <c r="D25" i="4"/>
  <c r="D24" i="4"/>
  <c r="D23" i="4"/>
  <c r="D22" i="4"/>
  <c r="D21" i="4"/>
  <c r="D20" i="4"/>
  <c r="D19" i="4"/>
  <c r="D18" i="4"/>
  <c r="D17" i="4"/>
  <c r="D16" i="4"/>
  <c r="D15" i="4"/>
  <c r="D14" i="4"/>
  <c r="D13" i="4"/>
  <c r="D12" i="4"/>
  <c r="D11" i="4"/>
  <c r="D10" i="4"/>
  <c r="D9" i="4"/>
  <c r="D8" i="4"/>
  <c r="D7" i="4"/>
  <c r="D6" i="4"/>
  <c r="D5" i="4"/>
  <c r="D4" i="4"/>
  <c r="D3" i="4"/>
  <c r="D2" i="4"/>
  <c r="F418" i="8" l="1"/>
  <c r="F6" i="29"/>
  <c r="F12" i="29"/>
  <c r="F18" i="29"/>
  <c r="F24" i="29"/>
  <c r="F30" i="29"/>
  <c r="F36" i="29"/>
  <c r="F42" i="29"/>
  <c r="F48" i="29"/>
  <c r="F54" i="29"/>
  <c r="F60" i="29"/>
  <c r="F66" i="29"/>
  <c r="F72" i="29"/>
  <c r="F78" i="29"/>
  <c r="F84" i="29"/>
  <c r="F90" i="29"/>
  <c r="F96" i="29"/>
  <c r="F102" i="29"/>
  <c r="F108" i="29"/>
  <c r="F114" i="29"/>
  <c r="F120" i="29"/>
  <c r="F126" i="29"/>
  <c r="F132" i="29"/>
  <c r="F138" i="29"/>
  <c r="F144" i="29"/>
  <c r="F150" i="29"/>
  <c r="F156" i="29"/>
  <c r="F162" i="29"/>
  <c r="F168" i="29"/>
  <c r="F174" i="29"/>
  <c r="F180" i="29"/>
  <c r="F186" i="29"/>
  <c r="F192" i="29"/>
  <c r="F198" i="29"/>
  <c r="F204" i="29"/>
  <c r="F210" i="29"/>
  <c r="F216" i="29"/>
  <c r="F222" i="29"/>
  <c r="F228" i="29"/>
  <c r="F234" i="29"/>
  <c r="F240" i="29"/>
  <c r="F246" i="29"/>
  <c r="F252" i="29"/>
  <c r="F258" i="29"/>
  <c r="F264" i="29"/>
  <c r="F270" i="29"/>
  <c r="F276" i="29"/>
  <c r="F282" i="29"/>
  <c r="F288" i="29"/>
  <c r="F294" i="29"/>
  <c r="F300" i="29"/>
  <c r="F306" i="29"/>
  <c r="F312" i="29"/>
  <c r="F318" i="29"/>
  <c r="F324" i="29"/>
  <c r="F330" i="29"/>
  <c r="F336" i="29"/>
  <c r="F342" i="29"/>
  <c r="F348" i="29"/>
  <c r="F354" i="29"/>
  <c r="F360" i="29"/>
  <c r="F366" i="29"/>
  <c r="F372" i="29"/>
  <c r="F378" i="29"/>
  <c r="F384" i="29"/>
  <c r="F390" i="29"/>
  <c r="F391" i="29"/>
  <c r="F284" i="29"/>
  <c r="F290" i="29"/>
  <c r="F296" i="29"/>
  <c r="F302" i="29"/>
  <c r="F308" i="29"/>
  <c r="F314" i="29"/>
  <c r="F320" i="29"/>
  <c r="F326" i="29"/>
  <c r="F332" i="29"/>
  <c r="F338" i="29"/>
  <c r="F344" i="29"/>
  <c r="F350" i="29"/>
  <c r="F356" i="29"/>
  <c r="F362" i="29"/>
  <c r="F368" i="29"/>
  <c r="F374" i="29"/>
  <c r="F380" i="29"/>
  <c r="F386" i="29"/>
  <c r="G2" i="24"/>
  <c r="F7" i="18"/>
  <c r="F13" i="18"/>
  <c r="F19" i="18"/>
  <c r="F25" i="18"/>
  <c r="F31" i="18"/>
  <c r="F37" i="18"/>
  <c r="F43" i="18"/>
  <c r="F49" i="18"/>
  <c r="F55" i="18"/>
  <c r="F61" i="18"/>
  <c r="F67" i="18"/>
  <c r="F73" i="18"/>
  <c r="F79" i="18"/>
  <c r="F85" i="18"/>
  <c r="F91" i="18"/>
  <c r="F97" i="18"/>
  <c r="F103" i="18"/>
  <c r="F109" i="18"/>
  <c r="F115" i="18"/>
  <c r="F121" i="18"/>
  <c r="F127" i="18"/>
  <c r="F133" i="18"/>
  <c r="F139" i="18"/>
  <c r="F145" i="18"/>
  <c r="F151" i="18"/>
  <c r="F157" i="18"/>
  <c r="F163" i="18"/>
  <c r="F169" i="18"/>
  <c r="F175" i="18"/>
  <c r="F181" i="18"/>
  <c r="F187" i="18"/>
  <c r="F193" i="18"/>
  <c r="F199" i="18"/>
  <c r="F205" i="18"/>
  <c r="F211" i="18"/>
  <c r="F217" i="18"/>
  <c r="F223" i="18"/>
  <c r="F229" i="18"/>
  <c r="F235" i="18"/>
  <c r="F241" i="18"/>
  <c r="F247" i="18"/>
  <c r="F253" i="18"/>
  <c r="F259" i="18"/>
  <c r="F265" i="18"/>
  <c r="F271" i="18"/>
  <c r="F277" i="18"/>
  <c r="F283" i="18"/>
  <c r="F289" i="18"/>
  <c r="F295" i="18"/>
  <c r="F301" i="18"/>
  <c r="F307" i="18"/>
  <c r="F313" i="18"/>
  <c r="F319" i="18"/>
  <c r="F325" i="18"/>
  <c r="F331" i="18"/>
  <c r="F337" i="18"/>
  <c r="F343" i="18"/>
  <c r="F349" i="18"/>
  <c r="F355" i="18"/>
  <c r="F361" i="18"/>
  <c r="F3" i="18"/>
  <c r="F9" i="18"/>
  <c r="F15" i="18"/>
  <c r="F21" i="18"/>
  <c r="F27" i="18"/>
  <c r="F33" i="18"/>
  <c r="F39" i="18"/>
  <c r="F45" i="18"/>
  <c r="F51" i="18"/>
  <c r="F57" i="18"/>
  <c r="F63" i="18"/>
  <c r="F69" i="18"/>
  <c r="F75" i="18"/>
  <c r="F81" i="18"/>
  <c r="F87" i="18"/>
  <c r="F93" i="18"/>
  <c r="F99" i="18"/>
  <c r="F105" i="18"/>
  <c r="F111" i="18"/>
  <c r="F117" i="18"/>
  <c r="F123" i="18"/>
  <c r="F129" i="18"/>
  <c r="F135" i="18"/>
  <c r="F141" i="18"/>
  <c r="F147" i="18"/>
  <c r="F153" i="18"/>
  <c r="F159" i="18"/>
  <c r="F165" i="18"/>
  <c r="F171" i="18"/>
  <c r="F177" i="18"/>
  <c r="F183" i="18"/>
  <c r="F189" i="18"/>
  <c r="F195" i="18"/>
  <c r="F201" i="18"/>
  <c r="F207" i="18"/>
  <c r="F213" i="18"/>
  <c r="F219" i="18"/>
  <c r="F225" i="18"/>
  <c r="F231" i="18"/>
  <c r="F237" i="18"/>
  <c r="F243" i="18"/>
  <c r="F249" i="18"/>
  <c r="F255" i="18"/>
  <c r="F261" i="18"/>
  <c r="F267" i="18"/>
  <c r="F273" i="18"/>
  <c r="F279" i="18"/>
  <c r="F285" i="18"/>
  <c r="F291" i="18"/>
  <c r="F297" i="18"/>
  <c r="F303" i="18"/>
  <c r="F309" i="18"/>
  <c r="F315" i="18"/>
  <c r="F321" i="18"/>
  <c r="F327" i="18"/>
  <c r="F333" i="18"/>
  <c r="F339" i="18"/>
  <c r="F345" i="18"/>
  <c r="F351" i="18"/>
  <c r="F357" i="18"/>
  <c r="F363" i="18"/>
  <c r="F369" i="18"/>
  <c r="F375" i="18"/>
  <c r="F381" i="18"/>
  <c r="F70" i="18"/>
  <c r="F275" i="18"/>
  <c r="F367" i="18"/>
  <c r="F373" i="18"/>
  <c r="F379" i="18"/>
  <c r="F385" i="18"/>
  <c r="F347" i="18"/>
  <c r="F353" i="18"/>
  <c r="F359" i="18"/>
  <c r="F365" i="18"/>
  <c r="F371" i="18"/>
  <c r="F377" i="18"/>
  <c r="F383" i="18"/>
  <c r="F83" i="18"/>
  <c r="F6" i="18"/>
  <c r="F12" i="18"/>
  <c r="F18" i="18"/>
  <c r="F24" i="18"/>
  <c r="F30" i="18"/>
  <c r="F36" i="18"/>
  <c r="F42" i="18"/>
  <c r="F48" i="18"/>
  <c r="F54" i="18"/>
  <c r="F60" i="18"/>
  <c r="F66" i="18"/>
  <c r="F72" i="18"/>
  <c r="F78" i="18"/>
  <c r="F84" i="18"/>
  <c r="F90" i="18"/>
  <c r="F96" i="18"/>
  <c r="F102" i="18"/>
  <c r="F108" i="18"/>
  <c r="F114" i="18"/>
  <c r="F120" i="18"/>
  <c r="F126" i="18"/>
  <c r="F132" i="18"/>
  <c r="F138" i="18"/>
  <c r="F144" i="18"/>
  <c r="F150" i="18"/>
  <c r="F156" i="18"/>
  <c r="F162" i="18"/>
  <c r="F168" i="18"/>
  <c r="F174" i="18"/>
  <c r="F180" i="18"/>
  <c r="F186" i="18"/>
  <c r="F192" i="18"/>
  <c r="F198" i="18"/>
  <c r="F204" i="18"/>
  <c r="F210" i="18"/>
  <c r="F216" i="18"/>
  <c r="F222" i="18"/>
  <c r="F228" i="18"/>
  <c r="F234" i="18"/>
  <c r="F240" i="18"/>
  <c r="F246" i="18"/>
  <c r="F252" i="18"/>
  <c r="F258" i="18"/>
  <c r="F264" i="18"/>
  <c r="F270" i="18"/>
  <c r="F276" i="18"/>
  <c r="F282" i="18"/>
  <c r="F288" i="18"/>
  <c r="F294" i="18"/>
  <c r="F300" i="18"/>
  <c r="F306" i="18"/>
  <c r="F312" i="18"/>
  <c r="F318" i="18"/>
  <c r="F324" i="18"/>
  <c r="F330" i="18"/>
  <c r="F336" i="18"/>
  <c r="F342" i="18"/>
  <c r="F348" i="18"/>
  <c r="F354" i="18"/>
  <c r="F360" i="18"/>
  <c r="F366" i="18"/>
  <c r="F372" i="18"/>
  <c r="F378" i="18"/>
  <c r="F384" i="18"/>
  <c r="F5" i="17"/>
  <c r="F11" i="17"/>
  <c r="F17" i="17"/>
  <c r="F23" i="17"/>
  <c r="F29" i="17"/>
  <c r="F35" i="17"/>
  <c r="F41" i="17"/>
  <c r="F47" i="17"/>
  <c r="F53" i="17"/>
  <c r="F59" i="17"/>
  <c r="F65" i="17"/>
  <c r="F71" i="17"/>
  <c r="F77" i="17"/>
  <c r="F83" i="17"/>
  <c r="F89" i="17"/>
  <c r="F95" i="17"/>
  <c r="F101" i="17"/>
  <c r="F107" i="17"/>
  <c r="F113" i="17"/>
  <c r="F119" i="17"/>
  <c r="F125" i="17"/>
  <c r="F131" i="17"/>
  <c r="F137" i="17"/>
  <c r="F143" i="17"/>
  <c r="F149" i="17"/>
  <c r="F155" i="17"/>
  <c r="F161" i="17"/>
  <c r="F167" i="17"/>
  <c r="F173" i="17"/>
  <c r="F179" i="17"/>
  <c r="F185" i="17"/>
  <c r="F191" i="17"/>
  <c r="F197" i="17"/>
  <c r="F203" i="17"/>
  <c r="F209" i="17"/>
  <c r="F215" i="17"/>
  <c r="F221" i="17"/>
  <c r="F227" i="17"/>
  <c r="F233" i="17"/>
  <c r="F239" i="17"/>
  <c r="F245" i="17"/>
  <c r="F251" i="17"/>
  <c r="F257" i="17"/>
  <c r="F263" i="17"/>
  <c r="F269" i="17"/>
  <c r="F275" i="17"/>
  <c r="F281" i="17"/>
  <c r="F287" i="17"/>
  <c r="F293" i="17"/>
  <c r="F299" i="17"/>
  <c r="F305" i="17"/>
  <c r="F311" i="17"/>
  <c r="F317" i="17"/>
  <c r="F323" i="17"/>
  <c r="F329" i="17"/>
  <c r="F335" i="17"/>
  <c r="F341" i="17"/>
  <c r="F347" i="17"/>
  <c r="F353" i="17"/>
  <c r="F359" i="17"/>
  <c r="F365" i="17"/>
  <c r="F371" i="17"/>
  <c r="F377" i="17"/>
  <c r="F383" i="17"/>
  <c r="F389" i="17"/>
  <c r="F395" i="17"/>
  <c r="F401" i="17"/>
  <c r="F407" i="17"/>
  <c r="F7" i="17"/>
  <c r="F13" i="17"/>
  <c r="F19" i="17"/>
  <c r="F25" i="17"/>
  <c r="F31" i="17"/>
  <c r="F37" i="17"/>
  <c r="F43" i="17"/>
  <c r="F49" i="17"/>
  <c r="F55" i="17"/>
  <c r="F61" i="17"/>
  <c r="F67" i="17"/>
  <c r="F73" i="17"/>
  <c r="F79" i="17"/>
  <c r="F85" i="17"/>
  <c r="F91" i="17"/>
  <c r="F97" i="17"/>
  <c r="F103" i="17"/>
  <c r="F109" i="17"/>
  <c r="F409" i="17"/>
  <c r="F417" i="17"/>
  <c r="F411" i="17"/>
  <c r="F8" i="17"/>
  <c r="F14" i="17"/>
  <c r="F20" i="17"/>
  <c r="F26" i="17"/>
  <c r="F32" i="17"/>
  <c r="F38" i="17"/>
  <c r="F44" i="17"/>
  <c r="F50" i="17"/>
  <c r="F56" i="17"/>
  <c r="F62" i="17"/>
  <c r="F68" i="17"/>
  <c r="F74" i="17"/>
  <c r="F80" i="17"/>
  <c r="F86" i="17"/>
  <c r="F92" i="17"/>
  <c r="F98" i="17"/>
  <c r="F104" i="17"/>
  <c r="F110" i="17"/>
  <c r="F116" i="17"/>
  <c r="F122" i="17"/>
  <c r="F128" i="17"/>
  <c r="F134" i="17"/>
  <c r="F140" i="17"/>
  <c r="F146" i="17"/>
  <c r="F152" i="17"/>
  <c r="F158" i="17"/>
  <c r="F164" i="17"/>
  <c r="F170" i="17"/>
  <c r="F176" i="17"/>
  <c r="F182" i="17"/>
  <c r="F188" i="17"/>
  <c r="F194" i="17"/>
  <c r="F200" i="17"/>
  <c r="F206" i="17"/>
  <c r="F212" i="17"/>
  <c r="F218" i="17"/>
  <c r="F224" i="17"/>
  <c r="F230" i="17"/>
  <c r="F236" i="17"/>
  <c r="F242" i="17"/>
  <c r="F248" i="17"/>
  <c r="F254" i="17"/>
  <c r="F260" i="17"/>
  <c r="F266" i="17"/>
  <c r="F272" i="17"/>
  <c r="F278" i="17"/>
  <c r="F284" i="17"/>
  <c r="F290" i="17"/>
  <c r="F296" i="17"/>
  <c r="F302" i="17"/>
  <c r="F308" i="17"/>
  <c r="F314" i="17"/>
  <c r="F320" i="17"/>
  <c r="F326" i="17"/>
  <c r="F332" i="17"/>
  <c r="F338" i="17"/>
  <c r="F344" i="17"/>
  <c r="F350" i="17"/>
  <c r="F356" i="17"/>
  <c r="F362" i="17"/>
  <c r="F368" i="17"/>
  <c r="F374" i="17"/>
  <c r="F380" i="17"/>
  <c r="F386" i="17"/>
  <c r="F392" i="17"/>
  <c r="F398" i="17"/>
  <c r="F404" i="17"/>
  <c r="F8" i="14"/>
  <c r="F14" i="14"/>
  <c r="F20" i="14"/>
  <c r="F26" i="14"/>
  <c r="F32" i="14"/>
  <c r="F38" i="14"/>
  <c r="F44" i="14"/>
  <c r="F50" i="14"/>
  <c r="F56" i="14"/>
  <c r="F62" i="14"/>
  <c r="F68" i="14"/>
  <c r="F74" i="14"/>
  <c r="F80" i="14"/>
  <c r="F86" i="14"/>
  <c r="F92" i="14"/>
  <c r="F98" i="14"/>
  <c r="F104" i="14"/>
  <c r="F110" i="14"/>
  <c r="F116" i="14"/>
  <c r="F122" i="14"/>
  <c r="F128" i="14"/>
  <c r="F134" i="14"/>
  <c r="F140" i="14"/>
  <c r="F146" i="14"/>
  <c r="F152" i="14"/>
  <c r="F158" i="14"/>
  <c r="F164" i="14"/>
  <c r="F170" i="14"/>
  <c r="F176" i="14"/>
  <c r="F182" i="14"/>
  <c r="F188" i="14"/>
  <c r="F194" i="14"/>
  <c r="F200" i="14"/>
  <c r="F206" i="14"/>
  <c r="F212" i="14"/>
  <c r="F218" i="14"/>
  <c r="F224" i="14"/>
  <c r="F230" i="14"/>
  <c r="F236" i="14"/>
  <c r="F242" i="14"/>
  <c r="F248" i="14"/>
  <c r="F254" i="14"/>
  <c r="F260" i="14"/>
  <c r="F266" i="14"/>
  <c r="F272" i="14"/>
  <c r="F278" i="14"/>
  <c r="F284" i="14"/>
  <c r="F290" i="14"/>
  <c r="F296" i="14"/>
  <c r="F302" i="14"/>
  <c r="F308" i="14"/>
  <c r="F314" i="14"/>
  <c r="F320" i="14"/>
  <c r="F326" i="14"/>
  <c r="F332" i="14"/>
  <c r="F338" i="14"/>
  <c r="F344" i="14"/>
  <c r="F350" i="14"/>
  <c r="F356" i="14"/>
  <c r="F362" i="14"/>
  <c r="F368" i="14"/>
  <c r="F374" i="14"/>
  <c r="F380" i="14"/>
  <c r="F386" i="14"/>
  <c r="F392" i="14"/>
  <c r="F398" i="14"/>
  <c r="F404" i="14"/>
  <c r="F243" i="14"/>
  <c r="F249" i="14"/>
  <c r="F255" i="14"/>
  <c r="F261" i="14"/>
  <c r="F267" i="14"/>
  <c r="F273" i="14"/>
  <c r="F279" i="14"/>
  <c r="F285" i="14"/>
  <c r="F291" i="14"/>
  <c r="F297" i="14"/>
  <c r="F303" i="14"/>
  <c r="F309" i="14"/>
  <c r="F315" i="14"/>
  <c r="F321" i="14"/>
  <c r="F327" i="14"/>
  <c r="F333" i="14"/>
  <c r="F339" i="14"/>
  <c r="F345" i="14"/>
  <c r="F351" i="14"/>
  <c r="F357" i="14"/>
  <c r="F363" i="14"/>
  <c r="F369" i="14"/>
  <c r="F375" i="14"/>
  <c r="F381" i="14"/>
  <c r="F387" i="14"/>
  <c r="F393" i="14"/>
  <c r="F399" i="14"/>
  <c r="F405" i="14"/>
  <c r="F358" i="14"/>
  <c r="F364" i="14"/>
  <c r="F370" i="14"/>
  <c r="F376" i="14"/>
  <c r="F382" i="14"/>
  <c r="F388" i="14"/>
  <c r="F394" i="14"/>
  <c r="F400" i="14"/>
  <c r="F406" i="14"/>
  <c r="F3" i="13"/>
  <c r="F9" i="13"/>
  <c r="F15" i="13"/>
  <c r="F21" i="13"/>
  <c r="F27" i="13"/>
  <c r="F33" i="13"/>
  <c r="F39" i="13"/>
  <c r="F45" i="13"/>
  <c r="F51" i="13"/>
  <c r="F57" i="13"/>
  <c r="F63" i="13"/>
  <c r="F69" i="13"/>
  <c r="F75" i="13"/>
  <c r="F81" i="13"/>
  <c r="F87" i="13"/>
  <c r="F93" i="13"/>
  <c r="F99" i="13"/>
  <c r="F105" i="13"/>
  <c r="F111" i="13"/>
  <c r="F117" i="13"/>
  <c r="F123" i="13"/>
  <c r="F129" i="13"/>
  <c r="F135" i="13"/>
  <c r="F141" i="13"/>
  <c r="F147" i="13"/>
  <c r="F153" i="13"/>
  <c r="F159" i="13"/>
  <c r="F165" i="13"/>
  <c r="F171" i="13"/>
  <c r="F177" i="13"/>
  <c r="F183" i="13"/>
  <c r="F189" i="13"/>
  <c r="F195" i="13"/>
  <c r="F201" i="13"/>
  <c r="F207" i="13"/>
  <c r="F213" i="13"/>
  <c r="F219" i="13"/>
  <c r="F225" i="13"/>
  <c r="F231" i="13"/>
  <c r="F237" i="13"/>
  <c r="F243" i="13"/>
  <c r="F249" i="13"/>
  <c r="F255" i="13"/>
  <c r="F261" i="13"/>
  <c r="F267" i="13"/>
  <c r="F273" i="13"/>
  <c r="F279" i="13"/>
  <c r="F285" i="13"/>
  <c r="F291" i="13"/>
  <c r="F297" i="13"/>
  <c r="F303" i="13"/>
  <c r="F309" i="13"/>
  <c r="F315" i="13"/>
  <c r="F321" i="13"/>
  <c r="F327" i="13"/>
  <c r="F333" i="13"/>
  <c r="F339" i="13"/>
  <c r="F345" i="13"/>
  <c r="F351" i="13"/>
  <c r="F357" i="13"/>
  <c r="F363" i="13"/>
  <c r="F369" i="13"/>
  <c r="F375" i="13"/>
  <c r="F381" i="13"/>
  <c r="F387" i="13"/>
  <c r="F393" i="13"/>
  <c r="F399" i="13"/>
  <c r="F405" i="13"/>
  <c r="F413" i="13"/>
  <c r="F5" i="13"/>
  <c r="F11" i="13"/>
  <c r="F17" i="13"/>
  <c r="F23" i="13"/>
  <c r="F29" i="13"/>
  <c r="F35" i="13"/>
  <c r="F41" i="13"/>
  <c r="F47" i="13"/>
  <c r="F53" i="13"/>
  <c r="F59" i="13"/>
  <c r="F65" i="13"/>
  <c r="F71" i="13"/>
  <c r="F77" i="13"/>
  <c r="F83" i="13"/>
  <c r="F89" i="13"/>
  <c r="F95" i="13"/>
  <c r="F101" i="13"/>
  <c r="F107" i="13"/>
  <c r="F113" i="13"/>
  <c r="F119" i="13"/>
  <c r="F125" i="13"/>
  <c r="F131" i="13"/>
  <c r="F137" i="13"/>
  <c r="F143" i="13"/>
  <c r="F149" i="13"/>
  <c r="F155" i="13"/>
  <c r="F161" i="13"/>
  <c r="F167" i="13"/>
  <c r="F173" i="13"/>
  <c r="F179" i="13"/>
  <c r="F185" i="13"/>
  <c r="F191" i="13"/>
  <c r="F197" i="13"/>
  <c r="F203" i="13"/>
  <c r="F209" i="13"/>
  <c r="F215" i="13"/>
  <c r="F221" i="13"/>
  <c r="F227" i="13"/>
  <c r="F233" i="13"/>
  <c r="F239" i="13"/>
  <c r="F245" i="13"/>
  <c r="F251" i="13"/>
  <c r="F257" i="13"/>
  <c r="F263" i="13"/>
  <c r="F269" i="13"/>
  <c r="F275" i="13"/>
  <c r="F281" i="13"/>
  <c r="F287" i="13"/>
  <c r="F293" i="13"/>
  <c r="F299" i="13"/>
  <c r="F305" i="13"/>
  <c r="F311" i="13"/>
  <c r="F317" i="13"/>
  <c r="F323" i="13"/>
  <c r="F329" i="13"/>
  <c r="F335" i="13"/>
  <c r="F341" i="13"/>
  <c r="F347" i="13"/>
  <c r="F353" i="13"/>
  <c r="F359" i="13"/>
  <c r="F365" i="13"/>
  <c r="F371" i="13"/>
  <c r="F377" i="13"/>
  <c r="F383" i="13"/>
  <c r="F389" i="13"/>
  <c r="F395" i="13"/>
  <c r="F401" i="13"/>
  <c r="F407" i="13"/>
  <c r="F415" i="13"/>
  <c r="F10" i="12"/>
  <c r="F46" i="12"/>
  <c r="F202" i="12"/>
  <c r="F154" i="12"/>
  <c r="F172" i="12"/>
  <c r="F16" i="12"/>
  <c r="F28" i="12"/>
  <c r="F58" i="12"/>
  <c r="F70" i="12"/>
  <c r="F82" i="12"/>
  <c r="F100" i="12"/>
  <c r="F118" i="12"/>
  <c r="F136" i="12"/>
  <c r="F148" i="12"/>
  <c r="F166" i="12"/>
  <c r="F178" i="12"/>
  <c r="F208" i="12"/>
  <c r="F22" i="12"/>
  <c r="F34" i="12"/>
  <c r="F52" i="12"/>
  <c r="F64" i="12"/>
  <c r="F76" i="12"/>
  <c r="F94" i="12"/>
  <c r="F106" i="12"/>
  <c r="F112" i="12"/>
  <c r="F124" i="12"/>
  <c r="F130" i="12"/>
  <c r="F142" i="12"/>
  <c r="F160" i="12"/>
  <c r="F184" i="12"/>
  <c r="F214" i="12"/>
  <c r="F4" i="12"/>
  <c r="F40" i="12"/>
  <c r="F88" i="12"/>
  <c r="F196" i="12"/>
  <c r="F190" i="12"/>
  <c r="F418" i="12"/>
  <c r="F412" i="12"/>
  <c r="F3" i="12"/>
  <c r="F9" i="12"/>
  <c r="F15" i="12"/>
  <c r="F21" i="12"/>
  <c r="F27" i="12"/>
  <c r="F33" i="12"/>
  <c r="F39" i="12"/>
  <c r="F45" i="12"/>
  <c r="F51" i="12"/>
  <c r="F57" i="12"/>
  <c r="F63" i="12"/>
  <c r="F69" i="12"/>
  <c r="F75" i="12"/>
  <c r="F81" i="12"/>
  <c r="F87" i="12"/>
  <c r="F93" i="12"/>
  <c r="F99" i="12"/>
  <c r="F105" i="12"/>
  <c r="F111" i="12"/>
  <c r="F117" i="12"/>
  <c r="F123" i="12"/>
  <c r="F129" i="12"/>
  <c r="F135" i="12"/>
  <c r="F141" i="12"/>
  <c r="F147" i="12"/>
  <c r="F153" i="12"/>
  <c r="F159" i="12"/>
  <c r="F165" i="12"/>
  <c r="F171" i="12"/>
  <c r="F177" i="12"/>
  <c r="F183" i="12"/>
  <c r="F189" i="12"/>
  <c r="F195" i="12"/>
  <c r="F201" i="12"/>
  <c r="F207" i="12"/>
  <c r="F213" i="12"/>
  <c r="F219" i="12"/>
  <c r="F225" i="12"/>
  <c r="F231" i="12"/>
  <c r="F237" i="12"/>
  <c r="F243" i="12"/>
  <c r="F249" i="12"/>
  <c r="F255" i="12"/>
  <c r="F261" i="12"/>
  <c r="F267" i="12"/>
  <c r="F273" i="12"/>
  <c r="F279" i="12"/>
  <c r="F285" i="12"/>
  <c r="F291" i="12"/>
  <c r="F297" i="12"/>
  <c r="F303" i="12"/>
  <c r="F309" i="12"/>
  <c r="F315" i="12"/>
  <c r="F321" i="12"/>
  <c r="F327" i="12"/>
  <c r="F333" i="12"/>
  <c r="F339" i="12"/>
  <c r="F345" i="12"/>
  <c r="F351" i="12"/>
  <c r="F357" i="12"/>
  <c r="F363" i="12"/>
  <c r="F369" i="12"/>
  <c r="F375" i="12"/>
  <c r="F381" i="12"/>
  <c r="F387" i="12"/>
  <c r="F393" i="12"/>
  <c r="F399" i="12"/>
  <c r="F405" i="12"/>
  <c r="F5" i="12"/>
  <c r="F11" i="12"/>
  <c r="F17" i="12"/>
  <c r="F23" i="12"/>
  <c r="F29" i="12"/>
  <c r="F35" i="12"/>
  <c r="F41" i="12"/>
  <c r="F47" i="12"/>
  <c r="F53" i="12"/>
  <c r="F59" i="12"/>
  <c r="F65" i="12"/>
  <c r="F71" i="12"/>
  <c r="F77" i="12"/>
  <c r="F83" i="12"/>
  <c r="F89" i="12"/>
  <c r="F95" i="12"/>
  <c r="F101" i="12"/>
  <c r="F107" i="12"/>
  <c r="F113" i="12"/>
  <c r="F119" i="12"/>
  <c r="F125" i="12"/>
  <c r="F131" i="12"/>
  <c r="F137" i="12"/>
  <c r="F143" i="12"/>
  <c r="F149" i="12"/>
  <c r="F155" i="12"/>
  <c r="F161" i="12"/>
  <c r="F167" i="12"/>
  <c r="F173" i="12"/>
  <c r="F179" i="12"/>
  <c r="F185" i="12"/>
  <c r="F191" i="12"/>
  <c r="F197" i="12"/>
  <c r="F203" i="12"/>
  <c r="F209" i="12"/>
  <c r="F215" i="12"/>
  <c r="F221" i="12"/>
  <c r="F227" i="12"/>
  <c r="F233" i="12"/>
  <c r="F239" i="12"/>
  <c r="F245" i="12"/>
  <c r="F251" i="12"/>
  <c r="F257" i="12"/>
  <c r="F263" i="12"/>
  <c r="F269" i="12"/>
  <c r="F275" i="12"/>
  <c r="F281" i="12"/>
  <c r="F287" i="12"/>
  <c r="F293" i="12"/>
  <c r="F299" i="12"/>
  <c r="F305" i="12"/>
  <c r="F311" i="12"/>
  <c r="F317" i="12"/>
  <c r="F323" i="12"/>
  <c r="F329" i="12"/>
  <c r="F335" i="12"/>
  <c r="F341" i="12"/>
  <c r="F347" i="12"/>
  <c r="F353" i="12"/>
  <c r="F359" i="12"/>
  <c r="F365" i="12"/>
  <c r="F371" i="12"/>
  <c r="F377" i="12"/>
  <c r="F383" i="12"/>
  <c r="F389" i="12"/>
  <c r="F395" i="12"/>
  <c r="F401" i="12"/>
  <c r="F407" i="12"/>
  <c r="F220" i="12"/>
  <c r="F226" i="12"/>
  <c r="F238" i="12"/>
  <c r="F250" i="12"/>
  <c r="F262" i="12"/>
  <c r="F274" i="12"/>
  <c r="F286" i="12"/>
  <c r="F298" i="12"/>
  <c r="F304" i="12"/>
  <c r="F316" i="12"/>
  <c r="F328" i="12"/>
  <c r="F340" i="12"/>
  <c r="F346" i="12"/>
  <c r="F358" i="12"/>
  <c r="F370" i="12"/>
  <c r="F382" i="12"/>
  <c r="F394" i="12"/>
  <c r="F400" i="12"/>
  <c r="F12" i="12"/>
  <c r="F18" i="12"/>
  <c r="F24" i="12"/>
  <c r="F30" i="12"/>
  <c r="F36" i="12"/>
  <c r="F42" i="12"/>
  <c r="F48" i="12"/>
  <c r="F54" i="12"/>
  <c r="F60" i="12"/>
  <c r="F66" i="12"/>
  <c r="F72" i="12"/>
  <c r="F78" i="12"/>
  <c r="F84" i="12"/>
  <c r="F90" i="12"/>
  <c r="F96" i="12"/>
  <c r="F102" i="12"/>
  <c r="F108" i="12"/>
  <c r="F114" i="12"/>
  <c r="F120" i="12"/>
  <c r="F126" i="12"/>
  <c r="F132" i="12"/>
  <c r="F138" i="12"/>
  <c r="F144" i="12"/>
  <c r="F150" i="12"/>
  <c r="F156" i="12"/>
  <c r="F162" i="12"/>
  <c r="F168" i="12"/>
  <c r="F174" i="12"/>
  <c r="F180" i="12"/>
  <c r="F186" i="12"/>
  <c r="F192" i="12"/>
  <c r="F198" i="12"/>
  <c r="F204" i="12"/>
  <c r="F210" i="12"/>
  <c r="F216" i="12"/>
  <c r="F222" i="12"/>
  <c r="F228" i="12"/>
  <c r="F234" i="12"/>
  <c r="F240" i="12"/>
  <c r="F246" i="12"/>
  <c r="F252" i="12"/>
  <c r="F258" i="12"/>
  <c r="F264" i="12"/>
  <c r="F270" i="12"/>
  <c r="F276" i="12"/>
  <c r="F282" i="12"/>
  <c r="F288" i="12"/>
  <c r="F294" i="12"/>
  <c r="F300" i="12"/>
  <c r="F306" i="12"/>
  <c r="F312" i="12"/>
  <c r="F318" i="12"/>
  <c r="F324" i="12"/>
  <c r="F330" i="12"/>
  <c r="F336" i="12"/>
  <c r="F342" i="12"/>
  <c r="F348" i="12"/>
  <c r="F354" i="12"/>
  <c r="F360" i="12"/>
  <c r="F366" i="12"/>
  <c r="F372" i="12"/>
  <c r="F378" i="12"/>
  <c r="F384" i="12"/>
  <c r="F390" i="12"/>
  <c r="F396" i="12"/>
  <c r="F402" i="12"/>
  <c r="F408" i="12"/>
  <c r="F232" i="12"/>
  <c r="F244" i="12"/>
  <c r="F256" i="12"/>
  <c r="F268" i="12"/>
  <c r="F280" i="12"/>
  <c r="F292" i="12"/>
  <c r="F310" i="12"/>
  <c r="F322" i="12"/>
  <c r="F334" i="12"/>
  <c r="F352" i="12"/>
  <c r="F364" i="12"/>
  <c r="F376" i="12"/>
  <c r="F388" i="12"/>
  <c r="F406" i="12"/>
  <c r="F31" i="12"/>
  <c r="F409" i="12"/>
  <c r="F413" i="12"/>
  <c r="F5" i="8"/>
  <c r="F11" i="8"/>
  <c r="F17" i="8"/>
  <c r="F23" i="8"/>
  <c r="F29" i="8"/>
  <c r="F35" i="8"/>
  <c r="F41" i="8"/>
  <c r="F47" i="8"/>
  <c r="F53" i="8"/>
  <c r="F59" i="8"/>
  <c r="F65" i="8"/>
  <c r="F71" i="8"/>
  <c r="F77" i="8"/>
  <c r="F83" i="8"/>
  <c r="F89" i="8"/>
  <c r="F95" i="8"/>
  <c r="F101" i="8"/>
  <c r="F107" i="8"/>
  <c r="F113" i="8"/>
  <c r="F119" i="8"/>
  <c r="F125" i="8"/>
  <c r="F131" i="8"/>
  <c r="F137" i="8"/>
  <c r="F143" i="8"/>
  <c r="F149" i="8"/>
  <c r="F155" i="8"/>
  <c r="F161" i="8"/>
  <c r="F167" i="8"/>
  <c r="F173" i="8"/>
  <c r="F179" i="8"/>
  <c r="F185" i="8"/>
  <c r="F191" i="8"/>
  <c r="F197" i="8"/>
  <c r="F203" i="8"/>
  <c r="F209" i="8"/>
  <c r="F215" i="8"/>
  <c r="F221" i="8"/>
  <c r="F227" i="8"/>
  <c r="F233" i="8"/>
  <c r="F239" i="8"/>
  <c r="F245" i="8"/>
  <c r="F251" i="8"/>
  <c r="F257" i="8"/>
  <c r="F263" i="8"/>
  <c r="F269" i="8"/>
  <c r="F275" i="8"/>
  <c r="F281" i="8"/>
  <c r="F287" i="8"/>
  <c r="F293" i="8"/>
  <c r="F299" i="8"/>
  <c r="F305" i="8"/>
  <c r="F311" i="8"/>
  <c r="F317" i="8"/>
  <c r="F323" i="8"/>
  <c r="F329" i="8"/>
  <c r="F335" i="8"/>
  <c r="F341" i="8"/>
  <c r="F347" i="8"/>
  <c r="F353" i="8"/>
  <c r="F359" i="8"/>
  <c r="F365" i="8"/>
  <c r="F371" i="8"/>
  <c r="F377" i="8"/>
  <c r="F383" i="8"/>
  <c r="F389" i="8"/>
  <c r="F395" i="8"/>
  <c r="F401" i="8"/>
  <c r="F407" i="8"/>
  <c r="F413" i="8"/>
  <c r="F7" i="8"/>
  <c r="F13" i="8"/>
  <c r="F19" i="8"/>
  <c r="F25" i="8"/>
  <c r="F31" i="8"/>
  <c r="F37" i="8"/>
  <c r="F43" i="8"/>
  <c r="F49" i="8"/>
  <c r="F55" i="8"/>
  <c r="F61" i="8"/>
  <c r="F67" i="8"/>
  <c r="F73" i="8"/>
  <c r="F79" i="8"/>
  <c r="F85" i="8"/>
  <c r="F91" i="8"/>
  <c r="F97" i="8"/>
  <c r="F103" i="8"/>
  <c r="F109" i="8"/>
  <c r="F115" i="8"/>
  <c r="F121" i="8"/>
  <c r="F127" i="8"/>
  <c r="F133" i="8"/>
  <c r="F139" i="8"/>
  <c r="F145" i="8"/>
  <c r="F151" i="8"/>
  <c r="F157" i="8"/>
  <c r="F163" i="8"/>
  <c r="F169" i="8"/>
  <c r="F175" i="8"/>
  <c r="F181" i="8"/>
  <c r="F187" i="8"/>
  <c r="F193" i="8"/>
  <c r="F199" i="8"/>
  <c r="F205" i="8"/>
  <c r="F211" i="8"/>
  <c r="F217" i="8"/>
  <c r="F223" i="8"/>
  <c r="F229" i="8"/>
  <c r="F235" i="8"/>
  <c r="F241" i="8"/>
  <c r="F247" i="8"/>
  <c r="F253" i="8"/>
  <c r="F259" i="8"/>
  <c r="F265" i="8"/>
  <c r="F271" i="8"/>
  <c r="F277" i="8"/>
  <c r="F283" i="8"/>
  <c r="F289" i="8"/>
  <c r="F295" i="8"/>
  <c r="F301" i="8"/>
  <c r="F307" i="8"/>
  <c r="F313" i="8"/>
  <c r="F319" i="8"/>
  <c r="F325" i="8"/>
  <c r="F331" i="8"/>
  <c r="F337" i="8"/>
  <c r="F343" i="8"/>
  <c r="F349" i="8"/>
  <c r="F355" i="8"/>
  <c r="F361" i="8"/>
  <c r="F367" i="8"/>
  <c r="F373" i="8"/>
  <c r="F379" i="8"/>
  <c r="F385" i="8"/>
  <c r="F391" i="8"/>
  <c r="F397" i="8"/>
  <c r="F403" i="8"/>
  <c r="F409" i="8"/>
  <c r="F57" i="7"/>
  <c r="F63" i="7"/>
  <c r="F69" i="7"/>
  <c r="F75" i="7"/>
  <c r="F81" i="7"/>
  <c r="F87" i="7"/>
  <c r="F93" i="7"/>
  <c r="F99" i="7"/>
  <c r="F105" i="7"/>
  <c r="F111" i="7"/>
  <c r="F117" i="7"/>
  <c r="F123" i="7"/>
  <c r="F129" i="7"/>
  <c r="F135" i="7"/>
  <c r="F141" i="7"/>
  <c r="F147" i="7"/>
  <c r="F153" i="7"/>
  <c r="F159" i="7"/>
  <c r="F213" i="7"/>
  <c r="F219" i="7"/>
  <c r="F225" i="7"/>
  <c r="F231" i="7"/>
  <c r="F237" i="7"/>
  <c r="F243" i="7"/>
  <c r="F249" i="7"/>
  <c r="F255" i="7"/>
  <c r="F261" i="7"/>
  <c r="F339" i="7"/>
  <c r="F345" i="7"/>
  <c r="F408" i="7"/>
  <c r="F29" i="6"/>
  <c r="F113" i="6"/>
  <c r="F371" i="6"/>
  <c r="F3" i="6"/>
  <c r="F9" i="6"/>
  <c r="F15" i="6"/>
  <c r="F21" i="6"/>
  <c r="F27" i="6"/>
  <c r="F33" i="6"/>
  <c r="F39" i="6"/>
  <c r="F45" i="6"/>
  <c r="F51" i="6"/>
  <c r="F57" i="6"/>
  <c r="F63" i="6"/>
  <c r="F69" i="6"/>
  <c r="F75" i="6"/>
  <c r="F81" i="6"/>
  <c r="F87" i="6"/>
  <c r="F93" i="6"/>
  <c r="F99" i="6"/>
  <c r="F105" i="6"/>
  <c r="F111" i="6"/>
  <c r="F117" i="6"/>
  <c r="F123" i="6"/>
  <c r="F129" i="6"/>
  <c r="F135" i="6"/>
  <c r="F141" i="6"/>
  <c r="F147" i="6"/>
  <c r="F153" i="6"/>
  <c r="F159" i="6"/>
  <c r="F165" i="6"/>
  <c r="F171" i="6"/>
  <c r="F177" i="6"/>
  <c r="F183" i="6"/>
  <c r="F189" i="6"/>
  <c r="F195" i="6"/>
  <c r="F201" i="6"/>
  <c r="F207" i="6"/>
  <c r="F213" i="6"/>
  <c r="F219" i="6"/>
  <c r="F225" i="6"/>
  <c r="F231" i="6"/>
  <c r="F237" i="6"/>
  <c r="F243" i="6"/>
  <c r="F249" i="6"/>
  <c r="F255" i="6"/>
  <c r="F261" i="6"/>
  <c r="F267" i="6"/>
  <c r="F273" i="6"/>
  <c r="F279" i="6"/>
  <c r="F285" i="6"/>
  <c r="F291" i="6"/>
  <c r="F297" i="6"/>
  <c r="F303" i="6"/>
  <c r="F309" i="6"/>
  <c r="F315" i="6"/>
  <c r="F321" i="6"/>
  <c r="F327" i="6"/>
  <c r="F333" i="6"/>
  <c r="F339" i="6"/>
  <c r="F345" i="6"/>
  <c r="F351" i="6"/>
  <c r="F357" i="6"/>
  <c r="F363" i="6"/>
  <c r="F369" i="6"/>
  <c r="F375" i="6"/>
  <c r="F381" i="6"/>
  <c r="F387" i="6"/>
  <c r="F393" i="6"/>
  <c r="F399" i="6"/>
  <c r="F405" i="6"/>
  <c r="F35" i="6"/>
  <c r="F107" i="6"/>
  <c r="F365" i="6"/>
  <c r="F413" i="6"/>
  <c r="F412" i="6"/>
  <c r="F5" i="6"/>
  <c r="F17" i="6"/>
  <c r="F41" i="6"/>
  <c r="F53" i="6"/>
  <c r="F65" i="6"/>
  <c r="F77" i="6"/>
  <c r="F89" i="6"/>
  <c r="F101" i="6"/>
  <c r="F125" i="6"/>
  <c r="F137" i="6"/>
  <c r="F149" i="6"/>
  <c r="F161" i="6"/>
  <c r="F173" i="6"/>
  <c r="F185" i="6"/>
  <c r="F197" i="6"/>
  <c r="F209" i="6"/>
  <c r="F221" i="6"/>
  <c r="F233" i="6"/>
  <c r="F245" i="6"/>
  <c r="F257" i="6"/>
  <c r="F269" i="6"/>
  <c r="F281" i="6"/>
  <c r="F293" i="6"/>
  <c r="F305" i="6"/>
  <c r="F317" i="6"/>
  <c r="F329" i="6"/>
  <c r="F341" i="6"/>
  <c r="F353" i="6"/>
  <c r="F377" i="6"/>
  <c r="F389" i="6"/>
  <c r="F407" i="6"/>
  <c r="F11" i="6"/>
  <c r="F23" i="6"/>
  <c r="F47" i="6"/>
  <c r="F59" i="6"/>
  <c r="F71" i="6"/>
  <c r="F83" i="6"/>
  <c r="F95" i="6"/>
  <c r="F119" i="6"/>
  <c r="F131" i="6"/>
  <c r="F143" i="6"/>
  <c r="F155" i="6"/>
  <c r="F167" i="6"/>
  <c r="F179" i="6"/>
  <c r="F191" i="6"/>
  <c r="F203" i="6"/>
  <c r="F215" i="6"/>
  <c r="F227" i="6"/>
  <c r="F239" i="6"/>
  <c r="F251" i="6"/>
  <c r="F263" i="6"/>
  <c r="F275" i="6"/>
  <c r="F287" i="6"/>
  <c r="F299" i="6"/>
  <c r="F311" i="6"/>
  <c r="F323" i="6"/>
  <c r="F335" i="6"/>
  <c r="F347" i="6"/>
  <c r="F359" i="6"/>
  <c r="F383" i="6"/>
  <c r="F395" i="6"/>
  <c r="F401" i="6"/>
  <c r="F410" i="6"/>
  <c r="G2" i="27"/>
  <c r="G3" i="27" s="1"/>
  <c r="D2" i="2" l="1"/>
  <c r="E2" i="2"/>
  <c r="D3" i="2"/>
  <c r="F3" i="2" s="1"/>
  <c r="D4" i="2"/>
  <c r="F4" i="2" s="1"/>
  <c r="D5" i="2"/>
  <c r="F5" i="2" s="1"/>
  <c r="D6" i="2"/>
  <c r="F6" i="2" s="1"/>
  <c r="A403" i="21" l="1"/>
  <c r="A402" i="21"/>
  <c r="A388" i="18"/>
  <c r="A387" i="18"/>
  <c r="A415" i="16"/>
  <c r="A423" i="17"/>
  <c r="A417" i="14"/>
  <c r="C419" i="14" s="1"/>
  <c r="A418" i="13"/>
  <c r="A420" i="12"/>
  <c r="A420" i="8"/>
  <c r="C422" i="8" s="1"/>
  <c r="A410" i="7"/>
  <c r="C412" i="7" s="1"/>
  <c r="A416" i="6"/>
  <c r="A411" i="5"/>
  <c r="G2" i="21" l="1"/>
  <c r="G3" i="21" s="1"/>
  <c r="G2" i="18"/>
  <c r="G3" i="18" s="1"/>
  <c r="A410" i="4"/>
  <c r="A414" i="16" l="1"/>
  <c r="A422" i="17"/>
  <c r="A414" i="15"/>
  <c r="A416" i="14"/>
  <c r="A417" i="13"/>
  <c r="A419" i="12"/>
  <c r="A419" i="8"/>
  <c r="A409" i="7"/>
  <c r="G2" i="7" s="1"/>
  <c r="G3" i="7" s="1"/>
  <c r="A415" i="6"/>
  <c r="A410" i="5"/>
  <c r="A409" i="4"/>
  <c r="A410" i="2"/>
  <c r="G2" i="16" l="1"/>
  <c r="G3" i="16" s="1"/>
  <c r="G2" i="15"/>
  <c r="G3" i="15" s="1"/>
  <c r="G2" i="14"/>
  <c r="G3" i="14" s="1"/>
  <c r="G2" i="13"/>
  <c r="G3" i="13" s="1"/>
  <c r="G2" i="12"/>
  <c r="G3" i="12" s="1"/>
  <c r="G2" i="8"/>
  <c r="G3" i="8" s="1"/>
  <c r="G2" i="5"/>
  <c r="G3" i="5" s="1"/>
  <c r="G2" i="4"/>
  <c r="G3" i="4" s="1"/>
  <c r="G2" i="2"/>
  <c r="G3" i="2" s="1"/>
  <c r="G2" i="17"/>
  <c r="G3" i="17" s="1"/>
  <c r="G2" i="6"/>
  <c r="G3" i="6" s="1"/>
  <c r="D407" i="2" l="1"/>
  <c r="F407" i="2" s="1"/>
  <c r="D406" i="2"/>
  <c r="F406" i="2" s="1"/>
  <c r="D405" i="2"/>
  <c r="F405" i="2" s="1"/>
  <c r="D404" i="2"/>
  <c r="F404" i="2" s="1"/>
  <c r="D403" i="2"/>
  <c r="F403" i="2" s="1"/>
  <c r="D402" i="2"/>
  <c r="F402" i="2" s="1"/>
  <c r="D401" i="2"/>
  <c r="F401" i="2" s="1"/>
  <c r="D400" i="2"/>
  <c r="F400" i="2" s="1"/>
  <c r="D399" i="2"/>
  <c r="F399" i="2" s="1"/>
  <c r="D398" i="2"/>
  <c r="F398" i="2" s="1"/>
  <c r="D397" i="2"/>
  <c r="F397" i="2" s="1"/>
  <c r="D396" i="2"/>
  <c r="F396" i="2" s="1"/>
  <c r="D395" i="2"/>
  <c r="F395" i="2" s="1"/>
  <c r="D394" i="2"/>
  <c r="F394" i="2" s="1"/>
  <c r="D393" i="2"/>
  <c r="F393" i="2" s="1"/>
  <c r="D392" i="2"/>
  <c r="F392" i="2" s="1"/>
  <c r="D391" i="2"/>
  <c r="F391" i="2" s="1"/>
  <c r="D390" i="2"/>
  <c r="F390" i="2" s="1"/>
  <c r="D389" i="2"/>
  <c r="F389" i="2" s="1"/>
  <c r="D388" i="2"/>
  <c r="F388" i="2" s="1"/>
  <c r="D387" i="2"/>
  <c r="F387" i="2" s="1"/>
  <c r="D386" i="2"/>
  <c r="F386" i="2" s="1"/>
  <c r="D385" i="2"/>
  <c r="F385" i="2" s="1"/>
  <c r="D384" i="2"/>
  <c r="F384" i="2" s="1"/>
  <c r="D383" i="2"/>
  <c r="F383" i="2" s="1"/>
  <c r="D382" i="2"/>
  <c r="F382" i="2" s="1"/>
  <c r="D381" i="2"/>
  <c r="F381" i="2" s="1"/>
  <c r="D380" i="2"/>
  <c r="F380" i="2" s="1"/>
  <c r="D379" i="2"/>
  <c r="F379" i="2" s="1"/>
  <c r="D378" i="2"/>
  <c r="F378" i="2" s="1"/>
  <c r="D377" i="2"/>
  <c r="F377" i="2" s="1"/>
  <c r="D376" i="2"/>
  <c r="F376" i="2" s="1"/>
  <c r="D375" i="2"/>
  <c r="F375" i="2" s="1"/>
  <c r="D374" i="2"/>
  <c r="F374" i="2" s="1"/>
  <c r="D373" i="2"/>
  <c r="F373" i="2" s="1"/>
  <c r="D372" i="2"/>
  <c r="F372" i="2" s="1"/>
  <c r="D371" i="2"/>
  <c r="F371" i="2" s="1"/>
  <c r="D370" i="2"/>
  <c r="F370" i="2" s="1"/>
  <c r="D369" i="2"/>
  <c r="F369" i="2" s="1"/>
  <c r="D368" i="2"/>
  <c r="F368" i="2" s="1"/>
  <c r="D367" i="2"/>
  <c r="F367" i="2" s="1"/>
  <c r="D366" i="2"/>
  <c r="F366" i="2" s="1"/>
  <c r="D365" i="2"/>
  <c r="F365" i="2" s="1"/>
  <c r="D364" i="2"/>
  <c r="F364" i="2" s="1"/>
  <c r="D363" i="2"/>
  <c r="F363" i="2" s="1"/>
  <c r="D362" i="2"/>
  <c r="F362" i="2" s="1"/>
  <c r="D361" i="2"/>
  <c r="F361" i="2" s="1"/>
  <c r="D360" i="2"/>
  <c r="F360" i="2" s="1"/>
  <c r="D359" i="2"/>
  <c r="F359" i="2" s="1"/>
  <c r="D358" i="2"/>
  <c r="F358" i="2" s="1"/>
  <c r="D357" i="2"/>
  <c r="F357" i="2" s="1"/>
  <c r="D356" i="2"/>
  <c r="F356" i="2" s="1"/>
  <c r="D355" i="2"/>
  <c r="F355" i="2" s="1"/>
  <c r="D354" i="2"/>
  <c r="F354" i="2" s="1"/>
  <c r="D353" i="2"/>
  <c r="F353" i="2" s="1"/>
  <c r="D352" i="2"/>
  <c r="F352" i="2" s="1"/>
  <c r="D351" i="2"/>
  <c r="F351" i="2" s="1"/>
  <c r="D350" i="2"/>
  <c r="F350" i="2" s="1"/>
  <c r="D349" i="2"/>
  <c r="F349" i="2" s="1"/>
  <c r="D348" i="2"/>
  <c r="F348" i="2" s="1"/>
  <c r="D347" i="2"/>
  <c r="F347" i="2" s="1"/>
  <c r="D346" i="2"/>
  <c r="F346" i="2" s="1"/>
  <c r="D345" i="2"/>
  <c r="F345" i="2" s="1"/>
  <c r="D344" i="2"/>
  <c r="F344" i="2" s="1"/>
  <c r="D343" i="2"/>
  <c r="F343" i="2" s="1"/>
  <c r="D342" i="2"/>
  <c r="F342" i="2" s="1"/>
  <c r="D341" i="2"/>
  <c r="F341" i="2" s="1"/>
  <c r="D340" i="2"/>
  <c r="F340" i="2" s="1"/>
  <c r="D339" i="2"/>
  <c r="F339" i="2" s="1"/>
  <c r="D338" i="2"/>
  <c r="F338" i="2" s="1"/>
  <c r="D337" i="2"/>
  <c r="F337" i="2" s="1"/>
  <c r="D336" i="2"/>
  <c r="F336" i="2" s="1"/>
  <c r="D335" i="2"/>
  <c r="F335" i="2" s="1"/>
  <c r="D334" i="2"/>
  <c r="F334" i="2" s="1"/>
  <c r="D333" i="2"/>
  <c r="F333" i="2" s="1"/>
  <c r="D332" i="2"/>
  <c r="F332" i="2" s="1"/>
  <c r="D331" i="2"/>
  <c r="F331" i="2" s="1"/>
  <c r="D330" i="2"/>
  <c r="F330" i="2" s="1"/>
  <c r="D329" i="2"/>
  <c r="F329" i="2" s="1"/>
  <c r="D328" i="2"/>
  <c r="F328" i="2" s="1"/>
  <c r="D327" i="2"/>
  <c r="F327" i="2" s="1"/>
  <c r="D326" i="2"/>
  <c r="F326" i="2" s="1"/>
  <c r="D325" i="2"/>
  <c r="F325" i="2" s="1"/>
  <c r="D324" i="2"/>
  <c r="F324" i="2" s="1"/>
  <c r="D323" i="2"/>
  <c r="F323" i="2" s="1"/>
  <c r="D322" i="2"/>
  <c r="F322" i="2" s="1"/>
  <c r="D321" i="2"/>
  <c r="F321" i="2" s="1"/>
  <c r="D320" i="2"/>
  <c r="F320" i="2" s="1"/>
  <c r="D319" i="2"/>
  <c r="F319" i="2" s="1"/>
  <c r="D318" i="2"/>
  <c r="F318" i="2" s="1"/>
  <c r="D317" i="2"/>
  <c r="F317" i="2" s="1"/>
  <c r="D316" i="2"/>
  <c r="F316" i="2" s="1"/>
  <c r="D315" i="2"/>
  <c r="F315" i="2" s="1"/>
  <c r="D314" i="2"/>
  <c r="F314" i="2" s="1"/>
  <c r="D313" i="2"/>
  <c r="F313" i="2" s="1"/>
  <c r="D312" i="2"/>
  <c r="F312" i="2" s="1"/>
  <c r="D311" i="2"/>
  <c r="F311" i="2" s="1"/>
  <c r="D310" i="2"/>
  <c r="F310" i="2" s="1"/>
  <c r="D309" i="2"/>
  <c r="F309" i="2" s="1"/>
  <c r="D308" i="2"/>
  <c r="F308" i="2" s="1"/>
  <c r="D307" i="2"/>
  <c r="F307" i="2" s="1"/>
  <c r="D306" i="2"/>
  <c r="F306" i="2" s="1"/>
  <c r="D305" i="2"/>
  <c r="F305" i="2" s="1"/>
  <c r="D304" i="2"/>
  <c r="F304" i="2" s="1"/>
  <c r="D303" i="2"/>
  <c r="F303" i="2" s="1"/>
  <c r="D302" i="2"/>
  <c r="F302" i="2" s="1"/>
  <c r="D301" i="2"/>
  <c r="F301" i="2" s="1"/>
  <c r="D300" i="2"/>
  <c r="F300" i="2" s="1"/>
  <c r="D299" i="2"/>
  <c r="F299" i="2" s="1"/>
  <c r="D298" i="2"/>
  <c r="F298" i="2" s="1"/>
  <c r="D297" i="2"/>
  <c r="F297" i="2" s="1"/>
  <c r="D296" i="2"/>
  <c r="F296" i="2" s="1"/>
  <c r="D295" i="2"/>
  <c r="F295" i="2" s="1"/>
  <c r="D294" i="2"/>
  <c r="F294" i="2" s="1"/>
  <c r="D293" i="2"/>
  <c r="F293" i="2" s="1"/>
  <c r="D292" i="2"/>
  <c r="F292" i="2" s="1"/>
  <c r="D291" i="2"/>
  <c r="F291" i="2" s="1"/>
  <c r="D290" i="2"/>
  <c r="F290" i="2" s="1"/>
  <c r="D289" i="2"/>
  <c r="F289" i="2" s="1"/>
  <c r="D288" i="2"/>
  <c r="F288" i="2" s="1"/>
  <c r="D287" i="2"/>
  <c r="F287" i="2" s="1"/>
  <c r="D286" i="2"/>
  <c r="F286" i="2" s="1"/>
  <c r="D285" i="2"/>
  <c r="F285" i="2" s="1"/>
  <c r="D284" i="2"/>
  <c r="F284" i="2" s="1"/>
  <c r="D283" i="2"/>
  <c r="F283" i="2" s="1"/>
  <c r="D282" i="2"/>
  <c r="F282" i="2" s="1"/>
  <c r="D281" i="2"/>
  <c r="F281" i="2" s="1"/>
  <c r="D280" i="2"/>
  <c r="F280" i="2" s="1"/>
  <c r="D279" i="2"/>
  <c r="F279" i="2" s="1"/>
  <c r="D278" i="2"/>
  <c r="F278" i="2" s="1"/>
  <c r="D277" i="2"/>
  <c r="F277" i="2" s="1"/>
  <c r="D276" i="2"/>
  <c r="F276" i="2" s="1"/>
  <c r="D275" i="2"/>
  <c r="F275" i="2" s="1"/>
  <c r="D274" i="2"/>
  <c r="F274" i="2" s="1"/>
  <c r="D273" i="2"/>
  <c r="F273" i="2" s="1"/>
  <c r="D272" i="2"/>
  <c r="F272" i="2" s="1"/>
  <c r="D271" i="2"/>
  <c r="F271" i="2" s="1"/>
  <c r="D270" i="2"/>
  <c r="F270" i="2" s="1"/>
  <c r="D269" i="2"/>
  <c r="F269" i="2" s="1"/>
  <c r="D268" i="2"/>
  <c r="F268" i="2" s="1"/>
  <c r="D267" i="2"/>
  <c r="F267" i="2" s="1"/>
  <c r="D266" i="2"/>
  <c r="F266" i="2" s="1"/>
  <c r="D265" i="2"/>
  <c r="F265" i="2" s="1"/>
  <c r="D264" i="2"/>
  <c r="F264" i="2" s="1"/>
  <c r="D263" i="2"/>
  <c r="F263" i="2" s="1"/>
  <c r="D262" i="2"/>
  <c r="F262" i="2" s="1"/>
  <c r="D261" i="2"/>
  <c r="F261" i="2" s="1"/>
  <c r="D260" i="2"/>
  <c r="F260" i="2" s="1"/>
  <c r="D259" i="2"/>
  <c r="F259" i="2" s="1"/>
  <c r="D258" i="2"/>
  <c r="F258" i="2" s="1"/>
  <c r="D257" i="2"/>
  <c r="F257" i="2" s="1"/>
  <c r="D256" i="2"/>
  <c r="F256" i="2" s="1"/>
  <c r="D255" i="2"/>
  <c r="F255" i="2" s="1"/>
  <c r="D254" i="2"/>
  <c r="F254" i="2" s="1"/>
  <c r="D253" i="2"/>
  <c r="F253" i="2" s="1"/>
  <c r="D252" i="2"/>
  <c r="F252" i="2" s="1"/>
  <c r="D251" i="2"/>
  <c r="F251" i="2" s="1"/>
  <c r="D250" i="2"/>
  <c r="F250" i="2" s="1"/>
  <c r="D249" i="2"/>
  <c r="F249" i="2" s="1"/>
  <c r="D248" i="2"/>
  <c r="F248" i="2" s="1"/>
  <c r="D247" i="2"/>
  <c r="F247" i="2" s="1"/>
  <c r="D246" i="2"/>
  <c r="F246" i="2" s="1"/>
  <c r="D245" i="2"/>
  <c r="F245" i="2" s="1"/>
  <c r="D244" i="2"/>
  <c r="F244" i="2" s="1"/>
  <c r="D243" i="2"/>
  <c r="F243" i="2" s="1"/>
  <c r="D242" i="2"/>
  <c r="F242" i="2" s="1"/>
  <c r="D241" i="2"/>
  <c r="F241" i="2" s="1"/>
  <c r="D240" i="2"/>
  <c r="F240" i="2" s="1"/>
  <c r="D239" i="2"/>
  <c r="F239" i="2" s="1"/>
  <c r="D238" i="2"/>
  <c r="F238" i="2" s="1"/>
  <c r="D237" i="2"/>
  <c r="F237" i="2" s="1"/>
  <c r="D236" i="2"/>
  <c r="F236" i="2" s="1"/>
  <c r="D235" i="2"/>
  <c r="F235" i="2" s="1"/>
  <c r="D234" i="2"/>
  <c r="F234" i="2" s="1"/>
  <c r="D233" i="2"/>
  <c r="F233" i="2" s="1"/>
  <c r="D232" i="2"/>
  <c r="F232" i="2" s="1"/>
  <c r="D231" i="2"/>
  <c r="F231" i="2" s="1"/>
  <c r="D230" i="2"/>
  <c r="F230" i="2" s="1"/>
  <c r="D229" i="2"/>
  <c r="F229" i="2" s="1"/>
  <c r="D228" i="2"/>
  <c r="F228" i="2" s="1"/>
  <c r="D227" i="2"/>
  <c r="F227" i="2" s="1"/>
  <c r="D226" i="2"/>
  <c r="F226" i="2" s="1"/>
  <c r="D225" i="2"/>
  <c r="F225" i="2" s="1"/>
  <c r="D224" i="2"/>
  <c r="F224" i="2" s="1"/>
  <c r="D223" i="2"/>
  <c r="F223" i="2" s="1"/>
  <c r="D222" i="2"/>
  <c r="F222" i="2" s="1"/>
  <c r="D221" i="2"/>
  <c r="F221" i="2" s="1"/>
  <c r="D220" i="2"/>
  <c r="F220" i="2" s="1"/>
  <c r="D219" i="2"/>
  <c r="F219" i="2" s="1"/>
  <c r="D218" i="2"/>
  <c r="F218" i="2" s="1"/>
  <c r="D217" i="2"/>
  <c r="F217" i="2" s="1"/>
  <c r="D216" i="2"/>
  <c r="F216" i="2" s="1"/>
  <c r="D215" i="2"/>
  <c r="F215" i="2" s="1"/>
  <c r="D214" i="2"/>
  <c r="F214" i="2" s="1"/>
  <c r="D213" i="2"/>
  <c r="F213" i="2" s="1"/>
  <c r="D212" i="2"/>
  <c r="F212" i="2" s="1"/>
  <c r="D211" i="2"/>
  <c r="F211" i="2" s="1"/>
  <c r="D210" i="2"/>
  <c r="F210" i="2" s="1"/>
  <c r="D209" i="2"/>
  <c r="F209" i="2" s="1"/>
  <c r="D208" i="2"/>
  <c r="F208" i="2" s="1"/>
  <c r="D207" i="2"/>
  <c r="F207" i="2" s="1"/>
  <c r="D206" i="2"/>
  <c r="F206" i="2" s="1"/>
  <c r="D205" i="2"/>
  <c r="F205" i="2" s="1"/>
  <c r="D204" i="2"/>
  <c r="F204" i="2" s="1"/>
  <c r="D203" i="2"/>
  <c r="F203" i="2" s="1"/>
  <c r="D202" i="2"/>
  <c r="F202" i="2" s="1"/>
  <c r="D201" i="2"/>
  <c r="F201" i="2" s="1"/>
  <c r="D200" i="2"/>
  <c r="F200" i="2" s="1"/>
  <c r="D199" i="2"/>
  <c r="F199" i="2" s="1"/>
  <c r="D198" i="2"/>
  <c r="F198" i="2" s="1"/>
  <c r="D197" i="2"/>
  <c r="F197" i="2" s="1"/>
  <c r="D196" i="2"/>
  <c r="F196" i="2" s="1"/>
  <c r="D195" i="2"/>
  <c r="F195" i="2" s="1"/>
  <c r="D194" i="2"/>
  <c r="F194" i="2" s="1"/>
  <c r="D193" i="2"/>
  <c r="F193" i="2" s="1"/>
  <c r="D192" i="2"/>
  <c r="F192" i="2" s="1"/>
  <c r="D191" i="2"/>
  <c r="F191" i="2" s="1"/>
  <c r="D190" i="2"/>
  <c r="F190" i="2" s="1"/>
  <c r="D189" i="2"/>
  <c r="F189" i="2" s="1"/>
  <c r="D188" i="2"/>
  <c r="F188" i="2" s="1"/>
  <c r="D187" i="2"/>
  <c r="F187" i="2" s="1"/>
  <c r="D186" i="2"/>
  <c r="F186" i="2" s="1"/>
  <c r="D185" i="2"/>
  <c r="F185" i="2" s="1"/>
  <c r="D184" i="2"/>
  <c r="F184" i="2" s="1"/>
  <c r="D183" i="2"/>
  <c r="F183" i="2" s="1"/>
  <c r="D182" i="2"/>
  <c r="F182" i="2" s="1"/>
  <c r="D181" i="2"/>
  <c r="F181" i="2" s="1"/>
  <c r="D180" i="2"/>
  <c r="F180" i="2" s="1"/>
  <c r="D179" i="2"/>
  <c r="F179" i="2" s="1"/>
  <c r="D178" i="2"/>
  <c r="F178" i="2" s="1"/>
  <c r="D177" i="2"/>
  <c r="F177" i="2" s="1"/>
  <c r="D176" i="2"/>
  <c r="F176" i="2" s="1"/>
  <c r="D175" i="2"/>
  <c r="F175" i="2" s="1"/>
  <c r="D174" i="2"/>
  <c r="F174" i="2" s="1"/>
  <c r="D173" i="2"/>
  <c r="F173" i="2" s="1"/>
  <c r="D172" i="2"/>
  <c r="F172" i="2" s="1"/>
  <c r="D171" i="2"/>
  <c r="F171" i="2" s="1"/>
  <c r="D170" i="2"/>
  <c r="F170" i="2" s="1"/>
  <c r="D169" i="2"/>
  <c r="F169" i="2" s="1"/>
  <c r="D168" i="2"/>
  <c r="F168" i="2" s="1"/>
  <c r="D167" i="2"/>
  <c r="F167" i="2" s="1"/>
  <c r="D166" i="2"/>
  <c r="F166" i="2" s="1"/>
  <c r="D165" i="2"/>
  <c r="F165" i="2" s="1"/>
  <c r="D164" i="2"/>
  <c r="F164" i="2" s="1"/>
  <c r="D163" i="2"/>
  <c r="F163" i="2" s="1"/>
  <c r="D162" i="2"/>
  <c r="F162" i="2" s="1"/>
  <c r="D161" i="2"/>
  <c r="F161" i="2" s="1"/>
  <c r="D160" i="2"/>
  <c r="F160" i="2" s="1"/>
  <c r="D159" i="2"/>
  <c r="F159" i="2" s="1"/>
  <c r="D158" i="2"/>
  <c r="F158" i="2" s="1"/>
  <c r="D157" i="2"/>
  <c r="F157" i="2" s="1"/>
  <c r="D156" i="2"/>
  <c r="F156" i="2" s="1"/>
  <c r="D155" i="2"/>
  <c r="F155" i="2" s="1"/>
  <c r="D154" i="2"/>
  <c r="F154" i="2" s="1"/>
  <c r="D153" i="2"/>
  <c r="F153" i="2" s="1"/>
  <c r="D152" i="2"/>
  <c r="F152" i="2" s="1"/>
  <c r="D151" i="2"/>
  <c r="F151" i="2" s="1"/>
  <c r="D150" i="2"/>
  <c r="F150" i="2" s="1"/>
  <c r="D149" i="2"/>
  <c r="F149" i="2" s="1"/>
  <c r="D148" i="2"/>
  <c r="F148" i="2" s="1"/>
  <c r="D147" i="2"/>
  <c r="F147" i="2" s="1"/>
  <c r="D146" i="2"/>
  <c r="F146" i="2" s="1"/>
  <c r="D145" i="2"/>
  <c r="F145" i="2" s="1"/>
  <c r="D144" i="2"/>
  <c r="F144" i="2" s="1"/>
  <c r="D143" i="2"/>
  <c r="F143" i="2" s="1"/>
  <c r="D142" i="2"/>
  <c r="F142" i="2" s="1"/>
  <c r="D141" i="2"/>
  <c r="F141" i="2" s="1"/>
  <c r="D140" i="2"/>
  <c r="F140" i="2" s="1"/>
  <c r="D139" i="2"/>
  <c r="F139" i="2" s="1"/>
  <c r="D138" i="2"/>
  <c r="F138" i="2" s="1"/>
  <c r="D137" i="2"/>
  <c r="F137" i="2" s="1"/>
  <c r="D136" i="2"/>
  <c r="F136" i="2" s="1"/>
  <c r="D135" i="2"/>
  <c r="F135" i="2" s="1"/>
  <c r="D134" i="2"/>
  <c r="F134" i="2" s="1"/>
  <c r="D133" i="2"/>
  <c r="F133" i="2" s="1"/>
  <c r="D132" i="2"/>
  <c r="F132" i="2" s="1"/>
  <c r="D131" i="2"/>
  <c r="F131" i="2" s="1"/>
  <c r="D130" i="2"/>
  <c r="F130" i="2" s="1"/>
  <c r="D129" i="2"/>
  <c r="F129" i="2" s="1"/>
  <c r="D128" i="2"/>
  <c r="F128" i="2" s="1"/>
  <c r="D127" i="2"/>
  <c r="F127" i="2" s="1"/>
  <c r="D126" i="2"/>
  <c r="F126" i="2" s="1"/>
  <c r="D125" i="2"/>
  <c r="F125" i="2" s="1"/>
  <c r="D124" i="2"/>
  <c r="F124" i="2" s="1"/>
  <c r="D123" i="2"/>
  <c r="F123" i="2" s="1"/>
  <c r="D122" i="2"/>
  <c r="F122" i="2" s="1"/>
  <c r="D121" i="2"/>
  <c r="F121" i="2" s="1"/>
  <c r="D120" i="2"/>
  <c r="F120" i="2" s="1"/>
  <c r="D119" i="2"/>
  <c r="F119" i="2" s="1"/>
  <c r="D118" i="2"/>
  <c r="F118" i="2" s="1"/>
  <c r="D117" i="2"/>
  <c r="F117" i="2" s="1"/>
  <c r="D116" i="2"/>
  <c r="F116" i="2" s="1"/>
  <c r="D115" i="2"/>
  <c r="F115" i="2" s="1"/>
  <c r="D114" i="2"/>
  <c r="F114" i="2" s="1"/>
  <c r="D113" i="2"/>
  <c r="F113" i="2" s="1"/>
  <c r="D112" i="2"/>
  <c r="F112" i="2" s="1"/>
  <c r="D111" i="2"/>
  <c r="F111" i="2" s="1"/>
  <c r="D110" i="2"/>
  <c r="F110" i="2" s="1"/>
  <c r="D109" i="2"/>
  <c r="F109" i="2" s="1"/>
  <c r="D108" i="2"/>
  <c r="F108" i="2" s="1"/>
  <c r="D107" i="2"/>
  <c r="F107" i="2" s="1"/>
  <c r="D106" i="2"/>
  <c r="F106" i="2" s="1"/>
  <c r="D105" i="2"/>
  <c r="F105" i="2" s="1"/>
  <c r="D104" i="2"/>
  <c r="F104" i="2" s="1"/>
  <c r="D103" i="2"/>
  <c r="F103" i="2" s="1"/>
  <c r="D102" i="2"/>
  <c r="F102" i="2" s="1"/>
  <c r="D101" i="2"/>
  <c r="F101" i="2" s="1"/>
  <c r="D100" i="2"/>
  <c r="F100" i="2" s="1"/>
  <c r="D99" i="2"/>
  <c r="F99" i="2" s="1"/>
  <c r="D98" i="2"/>
  <c r="F98" i="2" s="1"/>
  <c r="D97" i="2"/>
  <c r="F97" i="2" s="1"/>
  <c r="D96" i="2"/>
  <c r="F96" i="2" s="1"/>
  <c r="D95" i="2"/>
  <c r="F95" i="2" s="1"/>
  <c r="D94" i="2"/>
  <c r="F94" i="2" s="1"/>
  <c r="D93" i="2"/>
  <c r="F93" i="2" s="1"/>
  <c r="D92" i="2"/>
  <c r="F92" i="2" s="1"/>
  <c r="D91" i="2"/>
  <c r="F91" i="2" s="1"/>
  <c r="D90" i="2"/>
  <c r="F90" i="2" s="1"/>
  <c r="D89" i="2"/>
  <c r="F89" i="2" s="1"/>
  <c r="D88" i="2"/>
  <c r="F88" i="2" s="1"/>
  <c r="D87" i="2"/>
  <c r="F87" i="2" s="1"/>
  <c r="D86" i="2"/>
  <c r="F86" i="2" s="1"/>
  <c r="D85" i="2"/>
  <c r="F85" i="2" s="1"/>
  <c r="D84" i="2"/>
  <c r="F84" i="2" s="1"/>
  <c r="D83" i="2"/>
  <c r="F83" i="2" s="1"/>
  <c r="D82" i="2"/>
  <c r="F82" i="2" s="1"/>
  <c r="D81" i="2"/>
  <c r="F81" i="2" s="1"/>
  <c r="D80" i="2"/>
  <c r="F80" i="2" s="1"/>
  <c r="D79" i="2"/>
  <c r="F79" i="2" s="1"/>
  <c r="D78" i="2"/>
  <c r="F78" i="2" s="1"/>
  <c r="D77" i="2"/>
  <c r="F77" i="2" s="1"/>
  <c r="D76" i="2"/>
  <c r="F76" i="2" s="1"/>
  <c r="D75" i="2"/>
  <c r="F75" i="2" s="1"/>
  <c r="D74" i="2"/>
  <c r="F74" i="2" s="1"/>
  <c r="D73" i="2"/>
  <c r="F73" i="2" s="1"/>
  <c r="D72" i="2"/>
  <c r="F72" i="2" s="1"/>
  <c r="D71" i="2"/>
  <c r="F71" i="2" s="1"/>
  <c r="D70" i="2"/>
  <c r="F70" i="2" s="1"/>
  <c r="D69" i="2"/>
  <c r="F69" i="2" s="1"/>
  <c r="D68" i="2"/>
  <c r="F68" i="2" s="1"/>
  <c r="D67" i="2"/>
  <c r="F67" i="2" s="1"/>
  <c r="D66" i="2"/>
  <c r="F66" i="2" s="1"/>
  <c r="D65" i="2"/>
  <c r="F65" i="2" s="1"/>
  <c r="D64" i="2"/>
  <c r="F64" i="2" s="1"/>
  <c r="D63" i="2"/>
  <c r="F63" i="2" s="1"/>
  <c r="D62" i="2"/>
  <c r="F62" i="2" s="1"/>
  <c r="D61" i="2"/>
  <c r="F61" i="2" s="1"/>
  <c r="D60" i="2"/>
  <c r="F60" i="2" s="1"/>
  <c r="D59" i="2"/>
  <c r="F59" i="2" s="1"/>
  <c r="D58" i="2"/>
  <c r="F58" i="2" s="1"/>
  <c r="D57" i="2"/>
  <c r="F57" i="2" s="1"/>
  <c r="D56" i="2"/>
  <c r="F56" i="2" s="1"/>
  <c r="D55" i="2"/>
  <c r="F55" i="2" s="1"/>
  <c r="D54" i="2"/>
  <c r="F54" i="2" s="1"/>
  <c r="D53" i="2"/>
  <c r="F53" i="2" s="1"/>
  <c r="D52" i="2"/>
  <c r="F52" i="2" s="1"/>
  <c r="D51" i="2"/>
  <c r="F51" i="2" s="1"/>
  <c r="D50" i="2"/>
  <c r="F50" i="2" s="1"/>
  <c r="D49" i="2"/>
  <c r="F49" i="2" s="1"/>
  <c r="D48" i="2"/>
  <c r="F48" i="2" s="1"/>
  <c r="D47" i="2"/>
  <c r="F47" i="2" s="1"/>
  <c r="D46" i="2"/>
  <c r="F46" i="2" s="1"/>
  <c r="D45" i="2"/>
  <c r="F45" i="2" s="1"/>
  <c r="D44" i="2"/>
  <c r="F44" i="2" s="1"/>
  <c r="D43" i="2"/>
  <c r="F43" i="2" s="1"/>
  <c r="D42" i="2"/>
  <c r="F42" i="2" s="1"/>
  <c r="D41" i="2"/>
  <c r="F41" i="2" s="1"/>
  <c r="D40" i="2"/>
  <c r="F40" i="2" s="1"/>
  <c r="D39" i="2"/>
  <c r="F39" i="2" s="1"/>
  <c r="D38" i="2"/>
  <c r="F38" i="2" s="1"/>
  <c r="D37" i="2"/>
  <c r="F37" i="2" s="1"/>
  <c r="D36" i="2"/>
  <c r="F36" i="2" s="1"/>
  <c r="D35" i="2"/>
  <c r="F35" i="2" s="1"/>
  <c r="D34" i="2"/>
  <c r="F34" i="2" s="1"/>
  <c r="D33" i="2"/>
  <c r="F33" i="2" s="1"/>
  <c r="D32" i="2"/>
  <c r="F32" i="2" s="1"/>
  <c r="D31" i="2"/>
  <c r="F31" i="2" s="1"/>
  <c r="D30" i="2"/>
  <c r="F30" i="2" s="1"/>
  <c r="D29" i="2"/>
  <c r="F29" i="2" s="1"/>
  <c r="D28" i="2"/>
  <c r="F28" i="2" s="1"/>
  <c r="D27" i="2"/>
  <c r="F27" i="2" s="1"/>
  <c r="D26" i="2"/>
  <c r="F26" i="2" s="1"/>
  <c r="D25" i="2"/>
  <c r="F25" i="2" s="1"/>
  <c r="D24" i="2"/>
  <c r="F24" i="2" s="1"/>
  <c r="D23" i="2"/>
  <c r="F23" i="2" s="1"/>
  <c r="D22" i="2"/>
  <c r="F22" i="2" s="1"/>
  <c r="D21" i="2"/>
  <c r="F21" i="2" s="1"/>
  <c r="D20" i="2"/>
  <c r="F20" i="2" s="1"/>
  <c r="D19" i="2"/>
  <c r="F19" i="2" s="1"/>
  <c r="D18" i="2"/>
  <c r="F18" i="2" s="1"/>
  <c r="D17" i="2"/>
  <c r="F17" i="2" s="1"/>
  <c r="D16" i="2"/>
  <c r="F16" i="2" s="1"/>
  <c r="D15" i="2"/>
  <c r="F15" i="2" s="1"/>
  <c r="D14" i="2"/>
  <c r="F14" i="2" s="1"/>
  <c r="D13" i="2"/>
  <c r="F13" i="2" s="1"/>
  <c r="D12" i="2"/>
  <c r="F12" i="2" s="1"/>
  <c r="D11" i="2"/>
  <c r="F11" i="2" s="1"/>
  <c r="D10" i="2"/>
  <c r="F10" i="2" s="1"/>
  <c r="D9" i="2"/>
  <c r="F9" i="2" s="1"/>
  <c r="D8" i="2"/>
  <c r="F8" i="2" s="1"/>
  <c r="D7" i="2"/>
  <c r="F7" i="2" s="1"/>
  <c r="G3" i="24" l="1"/>
</calcChain>
</file>

<file path=xl/connections.xml><?xml version="1.0" encoding="utf-8"?>
<connections xmlns="http://schemas.openxmlformats.org/spreadsheetml/2006/main">
  <connection id="1" name="300_3s_4 5_2_5_30uN_TestB 07 LC" type="6" refreshedVersion="6" background="1" saveData="1">
    <textPr codePage="932" firstRow="4" sourceFile="C:\Users\s276905\OD\s276905\Cranfield\Nano\3s\1.8QY-3s-300 micron\S2\300_3s_4 5_2_5_30uN_TestB 07 LC.txt">
      <textFields>
        <textField/>
      </textFields>
    </textPr>
  </connection>
  <connection id="2" name="37-5_3s_32 5_2_5_20uN_TestB 08. LC" type="6" refreshedVersion="6" background="1" saveData="1">
    <textPr codePage="932" firstRow="4" sourceFile="C:\Users\s276905\OD\s276905\Cranfield\Nano\3s\1.8QY-3S-37.5 micron\S2\37-5_3s_32 5_2_5_20uN_TestB 08. LC.txt">
      <textFields>
        <textField/>
      </textFields>
    </textPr>
  </connection>
  <connection id="3" name="3c 5_2_5_20uN_7 LC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4" name="3c 5_2_5_20uN_7 LC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5" name="3c 5_2_5_20uN_7 LC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6" name="3c 5_2_5_20uN_7 LC1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7" name="3c 5_2_5_20uN_7 LC11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8" name="3c 5_2_5_20uN_7 LC111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9" name="3c 5_2_5_20uN_7 LC112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0" name="3c 5_2_5_20uN_7 LC112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1" name="3c 5_2_5_20uN_7 LC112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2" name="3c 5_2_5_20uN_7 LC1121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3" name="3c 5_2_5_20uN_7 LC11211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4" name="3c 5_2_5_20uN_7 LC112111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5" name="3c 5_2_5_20uN_7 LC11211112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6" name="3c 5_2_5_20uN_7 LC11211112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7" name="3c 5_2_5_20uN_7 LC112111122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8" name="3c 5_2_5_20uN_7 LC112111122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19" name="3c 5_2_5_20uN_7 LC1121111221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  <connection id="20" name="3c 5_2_5_20uN_7 LC1121111221111" type="6" refreshedVersion="6" background="1" saveData="1">
    <textPr codePage="932" firstRow="7" sourceFile="C:\Users\s276905\OD\s276905\Cranfield\Nano\3s\3c 09-12-21 (multi-20um-3s-DI-24hrs)\3c 5_2_5_20uN_7 LC.txt">
      <textFields count="5"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217" uniqueCount="21">
  <si>
    <t>Average</t>
  </si>
  <si>
    <t>STD</t>
  </si>
  <si>
    <t>Multi-20 µm-3s</t>
  </si>
  <si>
    <t>Multi-20 µm-15s</t>
  </si>
  <si>
    <t>Multi-150 µm-3s</t>
  </si>
  <si>
    <t>Multi-150 µm-15s</t>
  </si>
  <si>
    <t>Mono-1200 µm-3s</t>
  </si>
  <si>
    <t>Mono-1200 µm-15s</t>
  </si>
  <si>
    <t>Depth (nm)</t>
  </si>
  <si>
    <t>Load (uN)</t>
  </si>
  <si>
    <t>Time (s)</t>
  </si>
  <si>
    <t>Δt (s)</t>
  </si>
  <si>
    <t>Δh (nm)</t>
  </si>
  <si>
    <t>Creep</t>
  </si>
  <si>
    <t>Creep index</t>
  </si>
  <si>
    <t>Percentage decrease</t>
  </si>
  <si>
    <t>Max</t>
  </si>
  <si>
    <t>Min</t>
  </si>
  <si>
    <t>Strain (s-1)</t>
  </si>
  <si>
    <t>Slope (Δh/Δt)</t>
  </si>
  <si>
    <t>Change in contact dept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3" formatCode="_-* #,##0.00_-;\-* #,##0.00_-;_-* &quot;-&quot;??_-;_-@_-"/>
    <numFmt numFmtId="164" formatCode="0.0"/>
    <numFmt numFmtId="165" formatCode="0.0%"/>
  </numFmts>
  <fonts count="3" x14ac:knownFonts="1">
    <font>
      <sz val="11"/>
      <color theme="1"/>
      <name val="Arial"/>
      <family val="2"/>
    </font>
    <font>
      <sz val="11"/>
      <color theme="1"/>
      <name val="Arial"/>
      <family val="2"/>
    </font>
    <font>
      <b/>
      <sz val="11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5">
    <xf numFmtId="0" fontId="0" fillId="0" borderId="0" xfId="0"/>
    <xf numFmtId="0" fontId="0" fillId="0" borderId="0" xfId="0" applyFill="1"/>
    <xf numFmtId="2" fontId="0" fillId="0" borderId="0" xfId="0" applyNumberFormat="1"/>
    <xf numFmtId="0" fontId="2" fillId="0" borderId="0" xfId="0" applyFont="1"/>
    <xf numFmtId="164" fontId="0" fillId="0" borderId="0" xfId="0" applyNumberFormat="1"/>
    <xf numFmtId="0" fontId="0" fillId="0" borderId="0" xfId="0" applyFont="1"/>
    <xf numFmtId="164" fontId="0" fillId="0" borderId="0" xfId="0" applyNumberFormat="1" applyFont="1"/>
    <xf numFmtId="9" fontId="0" fillId="0" borderId="0" xfId="0" applyNumberFormat="1"/>
    <xf numFmtId="2" fontId="0" fillId="0" borderId="0" xfId="1" applyNumberFormat="1" applyFont="1"/>
    <xf numFmtId="0" fontId="2" fillId="0" borderId="0" xfId="0" applyFont="1" applyFill="1"/>
    <xf numFmtId="0" fontId="0" fillId="0" borderId="0" xfId="0" applyFont="1" applyFill="1"/>
    <xf numFmtId="164" fontId="2" fillId="0" borderId="0" xfId="0" applyNumberFormat="1" applyFont="1"/>
    <xf numFmtId="0" fontId="0" fillId="0" borderId="0" xfId="0" applyAlignment="1">
      <alignment horizontal="center"/>
    </xf>
    <xf numFmtId="165" fontId="0" fillId="0" borderId="0" xfId="2" applyNumberFormat="1" applyFont="1"/>
    <xf numFmtId="9" fontId="0" fillId="0" borderId="0" xfId="2" applyNumberFormat="1" applyFont="1"/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connections" Target="connections.xml"/><Relationship Id="rId28" Type="http://schemas.openxmlformats.org/officeDocument/2006/relationships/customXml" Target="../customXml/item2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theme" Target="theme/theme1.xml"/><Relationship Id="rId27" Type="http://schemas.openxmlformats.org/officeDocument/2006/relationships/customXml" Target="../customXml/item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xl/charts/_rels/chart13.xml.rels><?xml version="1.0" encoding="UTF-8" standalone="yes"?>
<Relationships xmlns="http://schemas.openxmlformats.org/package/2006/relationships"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xl/charts/_rels/chart14.xml.rels><?xml version="1.0" encoding="UTF-8" standalone="yes"?>
<Relationships xmlns="http://schemas.openxmlformats.org/package/2006/relationships"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xl/charts/_rels/chart15.xml.rels><?xml version="1.0" encoding="UTF-8" standalone="yes"?>
<Relationships xmlns="http://schemas.openxmlformats.org/package/2006/relationships"><Relationship Id="rId2" Type="http://schemas.microsoft.com/office/2011/relationships/chartColorStyle" Target="colors15.xml"/><Relationship Id="rId1" Type="http://schemas.microsoft.com/office/2011/relationships/chartStyle" Target="style15.xml"/></Relationships>
</file>

<file path=xl/charts/_rels/chart16.xml.rels><?xml version="1.0" encoding="UTF-8" standalone="yes"?>
<Relationships xmlns="http://schemas.openxmlformats.org/package/2006/relationships"><Relationship Id="rId2" Type="http://schemas.microsoft.com/office/2011/relationships/chartColorStyle" Target="colors16.xml"/><Relationship Id="rId1" Type="http://schemas.microsoft.com/office/2011/relationships/chartStyle" Target="style16.xml"/></Relationships>
</file>

<file path=xl/charts/_rels/chart17.xml.rels><?xml version="1.0" encoding="UTF-8" standalone="yes"?>
<Relationships xmlns="http://schemas.openxmlformats.org/package/2006/relationships"><Relationship Id="rId2" Type="http://schemas.microsoft.com/office/2011/relationships/chartColorStyle" Target="colors17.xml"/><Relationship Id="rId1" Type="http://schemas.microsoft.com/office/2011/relationships/chartStyle" Target="style17.xml"/></Relationships>
</file>

<file path=xl/charts/_rels/chart18.xml.rels><?xml version="1.0" encoding="UTF-8" standalone="yes"?>
<Relationships xmlns="http://schemas.openxmlformats.org/package/2006/relationships"><Relationship Id="rId2" Type="http://schemas.microsoft.com/office/2011/relationships/chartColorStyle" Target="colors18.xml"/><Relationship Id="rId1" Type="http://schemas.microsoft.com/office/2011/relationships/chartStyle" Target="style18.xml"/></Relationships>
</file>

<file path=xl/charts/_rels/chart19.xml.rels><?xml version="1.0" encoding="UTF-8" standalone="yes"?>
<Relationships xmlns="http://schemas.openxmlformats.org/package/2006/relationships"><Relationship Id="rId2" Type="http://schemas.microsoft.com/office/2011/relationships/chartColorStyle" Target="colors19.xml"/><Relationship Id="rId1" Type="http://schemas.microsoft.com/office/2011/relationships/chartStyle" Target="style19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20.xml.rels><?xml version="1.0" encoding="UTF-8" standalone="yes"?>
<Relationships xmlns="http://schemas.openxmlformats.org/package/2006/relationships"><Relationship Id="rId2" Type="http://schemas.microsoft.com/office/2011/relationships/chartColorStyle" Target="colors20.xml"/><Relationship Id="rId1" Type="http://schemas.microsoft.com/office/2011/relationships/chartStyle" Target="style20.xml"/></Relationships>
</file>

<file path=xl/charts/_rels/chart21.xml.rels><?xml version="1.0" encoding="UTF-8" standalone="yes"?>
<Relationships xmlns="http://schemas.openxmlformats.org/package/2006/relationships"><Relationship Id="rId2" Type="http://schemas.microsoft.com/office/2011/relationships/chartColorStyle" Target="colors21.xml"/><Relationship Id="rId1" Type="http://schemas.microsoft.com/office/2011/relationships/chartStyle" Target="style21.xml"/></Relationships>
</file>

<file path=xl/charts/_rels/chart22.xml.rels><?xml version="1.0" encoding="UTF-8" standalone="yes"?>
<Relationships xmlns="http://schemas.openxmlformats.org/package/2006/relationships"><Relationship Id="rId2" Type="http://schemas.microsoft.com/office/2011/relationships/chartColorStyle" Target="colors22.xml"/><Relationship Id="rId1" Type="http://schemas.microsoft.com/office/2011/relationships/chartStyle" Target="style22.xml"/></Relationships>
</file>

<file path=xl/charts/_rels/chart23.xml.rels><?xml version="1.0" encoding="UTF-8" standalone="yes"?>
<Relationships xmlns="http://schemas.openxmlformats.org/package/2006/relationships"><Relationship Id="rId2" Type="http://schemas.microsoft.com/office/2011/relationships/chartColorStyle" Target="colors23.xml"/><Relationship Id="rId1" Type="http://schemas.microsoft.com/office/2011/relationships/chartStyle" Target="style23.xml"/></Relationships>
</file>

<file path=xl/charts/_rels/chart24.xml.rels><?xml version="1.0" encoding="UTF-8" standalone="yes"?>
<Relationships xmlns="http://schemas.openxmlformats.org/package/2006/relationships"><Relationship Id="rId2" Type="http://schemas.microsoft.com/office/2011/relationships/chartColorStyle" Target="colors24.xml"/><Relationship Id="rId1" Type="http://schemas.microsoft.com/office/2011/relationships/chartStyle" Target="style24.xml"/></Relationships>
</file>

<file path=xl/charts/_rels/chart25.xml.rels><?xml version="1.0" encoding="UTF-8" standalone="yes"?>
<Relationships xmlns="http://schemas.openxmlformats.org/package/2006/relationships"><Relationship Id="rId2" Type="http://schemas.microsoft.com/office/2011/relationships/chartColorStyle" Target="colors25.xml"/><Relationship Id="rId1" Type="http://schemas.microsoft.com/office/2011/relationships/chartStyle" Target="style25.xml"/></Relationships>
</file>

<file path=xl/charts/_rels/chart26.xml.rels><?xml version="1.0" encoding="UTF-8" standalone="yes"?>
<Relationships xmlns="http://schemas.openxmlformats.org/package/2006/relationships"><Relationship Id="rId2" Type="http://schemas.microsoft.com/office/2011/relationships/chartColorStyle" Target="colors26.xml"/><Relationship Id="rId1" Type="http://schemas.microsoft.com/office/2011/relationships/chartStyle" Target="style26.xml"/></Relationships>
</file>

<file path=xl/charts/_rels/chart27.xml.rels><?xml version="1.0" encoding="UTF-8" standalone="yes"?>
<Relationships xmlns="http://schemas.openxmlformats.org/package/2006/relationships"><Relationship Id="rId2" Type="http://schemas.microsoft.com/office/2011/relationships/chartColorStyle" Target="colors27.xml"/><Relationship Id="rId1" Type="http://schemas.microsoft.com/office/2011/relationships/chartStyle" Target="style27.xml"/></Relationships>
</file>

<file path=xl/charts/_rels/chart28.xml.rels><?xml version="1.0" encoding="UTF-8" standalone="yes"?>
<Relationships xmlns="http://schemas.openxmlformats.org/package/2006/relationships"><Relationship Id="rId2" Type="http://schemas.microsoft.com/office/2011/relationships/chartColorStyle" Target="colors28.xml"/><Relationship Id="rId1" Type="http://schemas.microsoft.com/office/2011/relationships/chartStyle" Target="style28.xml"/></Relationships>
</file>

<file path=xl/charts/_rels/chart29.xml.rels><?xml version="1.0" encoding="UTF-8" standalone="yes"?>
<Relationships xmlns="http://schemas.openxmlformats.org/package/2006/relationships"><Relationship Id="rId2" Type="http://schemas.microsoft.com/office/2011/relationships/chartColorStyle" Target="colors29.xml"/><Relationship Id="rId1" Type="http://schemas.microsoft.com/office/2011/relationships/chartStyle" Target="style29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30.xml.rels><?xml version="1.0" encoding="UTF-8" standalone="yes"?>
<Relationships xmlns="http://schemas.openxmlformats.org/package/2006/relationships"><Relationship Id="rId2" Type="http://schemas.microsoft.com/office/2011/relationships/chartColorStyle" Target="colors30.xml"/><Relationship Id="rId1" Type="http://schemas.microsoft.com/office/2011/relationships/chartStyle" Target="style30.xml"/></Relationships>
</file>

<file path=xl/charts/_rels/chart31.xml.rels><?xml version="1.0" encoding="UTF-8" standalone="yes"?>
<Relationships xmlns="http://schemas.openxmlformats.org/package/2006/relationships"><Relationship Id="rId2" Type="http://schemas.microsoft.com/office/2011/relationships/chartColorStyle" Target="colors31.xml"/><Relationship Id="rId1" Type="http://schemas.microsoft.com/office/2011/relationships/chartStyle" Target="style31.xml"/></Relationships>
</file>

<file path=xl/charts/_rels/chart32.xml.rels><?xml version="1.0" encoding="UTF-8" standalone="yes"?>
<Relationships xmlns="http://schemas.openxmlformats.org/package/2006/relationships"><Relationship Id="rId2" Type="http://schemas.microsoft.com/office/2011/relationships/chartColorStyle" Target="colors32.xml"/><Relationship Id="rId1" Type="http://schemas.microsoft.com/office/2011/relationships/chartStyle" Target="style32.xml"/></Relationships>
</file>

<file path=xl/charts/_rels/chart33.xml.rels><?xml version="1.0" encoding="UTF-8" standalone="yes"?>
<Relationships xmlns="http://schemas.openxmlformats.org/package/2006/relationships"><Relationship Id="rId2" Type="http://schemas.microsoft.com/office/2011/relationships/chartColorStyle" Target="colors33.xml"/><Relationship Id="rId1" Type="http://schemas.microsoft.com/office/2011/relationships/chartStyle" Target="style33.xml"/></Relationships>
</file>

<file path=xl/charts/_rels/chart34.xml.rels><?xml version="1.0" encoding="UTF-8" standalone="yes"?>
<Relationships xmlns="http://schemas.openxmlformats.org/package/2006/relationships"><Relationship Id="rId2" Type="http://schemas.microsoft.com/office/2011/relationships/chartColorStyle" Target="colors34.xml"/><Relationship Id="rId1" Type="http://schemas.microsoft.com/office/2011/relationships/chartStyle" Target="style34.xml"/></Relationships>
</file>

<file path=xl/charts/_rels/chart35.xml.rels><?xml version="1.0" encoding="UTF-8" standalone="yes"?>
<Relationships xmlns="http://schemas.openxmlformats.org/package/2006/relationships"><Relationship Id="rId2" Type="http://schemas.microsoft.com/office/2011/relationships/chartColorStyle" Target="colors35.xml"/><Relationship Id="rId1" Type="http://schemas.microsoft.com/office/2011/relationships/chartStyle" Target="style35.xml"/></Relationships>
</file>

<file path=xl/charts/_rels/chart36.xml.rels><?xml version="1.0" encoding="UTF-8" standalone="yes"?>
<Relationships xmlns="http://schemas.openxmlformats.org/package/2006/relationships"><Relationship Id="rId2" Type="http://schemas.microsoft.com/office/2011/relationships/chartColorStyle" Target="colors36.xml"/><Relationship Id="rId1" Type="http://schemas.microsoft.com/office/2011/relationships/chartStyle" Target="style36.xml"/></Relationships>
</file>

<file path=xl/charts/_rels/chart37.xml.rels><?xml version="1.0" encoding="UTF-8" standalone="yes"?>
<Relationships xmlns="http://schemas.openxmlformats.org/package/2006/relationships"><Relationship Id="rId2" Type="http://schemas.microsoft.com/office/2011/relationships/chartColorStyle" Target="colors37.xml"/><Relationship Id="rId1" Type="http://schemas.microsoft.com/office/2011/relationships/chartStyle" Target="style37.xml"/></Relationships>
</file>

<file path=xl/charts/_rels/chart38.xml.rels><?xml version="1.0" encoding="UTF-8" standalone="yes"?>
<Relationships xmlns="http://schemas.openxmlformats.org/package/2006/relationships"><Relationship Id="rId2" Type="http://schemas.microsoft.com/office/2011/relationships/chartColorStyle" Target="colors38.xml"/><Relationship Id="rId1" Type="http://schemas.microsoft.com/office/2011/relationships/chartStyle" Target="style38.xml"/></Relationships>
</file>

<file path=xl/charts/_rels/chart39.xml.rels><?xml version="1.0" encoding="UTF-8" standalone="yes"?>
<Relationships xmlns="http://schemas.openxmlformats.org/package/2006/relationships"><Relationship Id="rId2" Type="http://schemas.microsoft.com/office/2011/relationships/chartColorStyle" Target="colors39.xml"/><Relationship Id="rId1" Type="http://schemas.microsoft.com/office/2011/relationships/chartStyle" Target="style39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40.xml.rels><?xml version="1.0" encoding="UTF-8" standalone="yes"?>
<Relationships xmlns="http://schemas.openxmlformats.org/package/2006/relationships"><Relationship Id="rId2" Type="http://schemas.microsoft.com/office/2011/relationships/chartColorStyle" Target="colors40.xml"/><Relationship Id="rId1" Type="http://schemas.microsoft.com/office/2011/relationships/chartStyle" Target="style40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/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20-3s(7)'!$D$2:$D$2664</c:f>
              <c:numCache>
                <c:formatCode>General</c:formatCode>
                <c:ptCount val="2663"/>
                <c:pt idx="0">
                  <c:v>0</c:v>
                </c:pt>
                <c:pt idx="1">
                  <c:v>5.0040000000004525E-3</c:v>
                </c:pt>
                <c:pt idx="2">
                  <c:v>1.0009000000000157E-2</c:v>
                </c:pt>
                <c:pt idx="3">
                  <c:v>1.501399999999986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7999999999722E-2</c:v>
                </c:pt>
                <c:pt idx="7">
                  <c:v>3.5033000000000314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1999999999879E-2</c:v>
                </c:pt>
                <c:pt idx="12">
                  <c:v>6.0057000000000471E-2</c:v>
                </c:pt>
                <c:pt idx="13">
                  <c:v>6.5062000000000175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6000000000036E-2</c:v>
                </c:pt>
                <c:pt idx="17">
                  <c:v>8.508099999999974E-2</c:v>
                </c:pt>
                <c:pt idx="18">
                  <c:v>9.0086000000000332E-2</c:v>
                </c:pt>
                <c:pt idx="19">
                  <c:v>9.5091000000000037E-2</c:v>
                </c:pt>
                <c:pt idx="20">
                  <c:v>0.10009599999999974</c:v>
                </c:pt>
                <c:pt idx="21">
                  <c:v>0.10510000000000019</c:v>
                </c:pt>
                <c:pt idx="22">
                  <c:v>0.1101049999999999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400000000035</c:v>
                </c:pt>
                <c:pt idx="27">
                  <c:v>0.13512900000000005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799999999962</c:v>
                </c:pt>
                <c:pt idx="32">
                  <c:v>0.16015300000000021</c:v>
                </c:pt>
                <c:pt idx="33">
                  <c:v>0.16515799999999992</c:v>
                </c:pt>
                <c:pt idx="34">
                  <c:v>0.17016299999999962</c:v>
                </c:pt>
                <c:pt idx="35">
                  <c:v>0.17516800000000021</c:v>
                </c:pt>
                <c:pt idx="36">
                  <c:v>0.18017199999999978</c:v>
                </c:pt>
                <c:pt idx="37">
                  <c:v>0.18517700000000037</c:v>
                </c:pt>
                <c:pt idx="38">
                  <c:v>0.19018200000000007</c:v>
                </c:pt>
                <c:pt idx="39">
                  <c:v>0.19518699999999978</c:v>
                </c:pt>
                <c:pt idx="40">
                  <c:v>0.20019200000000037</c:v>
                </c:pt>
                <c:pt idx="41">
                  <c:v>0.20519599999999993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099999999993</c:v>
                </c:pt>
                <c:pt idx="45">
                  <c:v>0.22521599999999964</c:v>
                </c:pt>
                <c:pt idx="46">
                  <c:v>0.23022000000000009</c:v>
                </c:pt>
                <c:pt idx="47">
                  <c:v>0.2352249999999998</c:v>
                </c:pt>
                <c:pt idx="48">
                  <c:v>0.24023000000000039</c:v>
                </c:pt>
                <c:pt idx="49">
                  <c:v>0.24523500000000009</c:v>
                </c:pt>
                <c:pt idx="50">
                  <c:v>0.2502399999999998</c:v>
                </c:pt>
                <c:pt idx="51">
                  <c:v>0.25524400000000025</c:v>
                </c:pt>
                <c:pt idx="52">
                  <c:v>0.26024899999999995</c:v>
                </c:pt>
                <c:pt idx="53">
                  <c:v>0.26525399999999966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800000000041</c:v>
                </c:pt>
                <c:pt idx="57">
                  <c:v>0.28527300000000011</c:v>
                </c:pt>
                <c:pt idx="58">
                  <c:v>0.29027799999999981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700000000027</c:v>
                </c:pt>
                <c:pt idx="63">
                  <c:v>0.31530199999999997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599999999983</c:v>
                </c:pt>
                <c:pt idx="67">
                  <c:v>0.33532100000000042</c:v>
                </c:pt>
                <c:pt idx="68">
                  <c:v>0.34032600000000013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3999999999999</c:v>
                </c:pt>
                <c:pt idx="72">
                  <c:v>0.36034499999999969</c:v>
                </c:pt>
                <c:pt idx="73">
                  <c:v>0.36535000000000029</c:v>
                </c:pt>
                <c:pt idx="74">
                  <c:v>0.37035499999999999</c:v>
                </c:pt>
                <c:pt idx="75">
                  <c:v>0.37535999999999969</c:v>
                </c:pt>
                <c:pt idx="76">
                  <c:v>0.38036400000000015</c:v>
                </c:pt>
                <c:pt idx="77">
                  <c:v>0.38536899999999985</c:v>
                </c:pt>
                <c:pt idx="78">
                  <c:v>0.39037400000000044</c:v>
                </c:pt>
                <c:pt idx="79">
                  <c:v>0.39537900000000015</c:v>
                </c:pt>
                <c:pt idx="80">
                  <c:v>0.40038399999999985</c:v>
                </c:pt>
                <c:pt idx="81">
                  <c:v>0.4053880000000003</c:v>
                </c:pt>
                <c:pt idx="82">
                  <c:v>0.41039300000000001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200000000046</c:v>
                </c:pt>
                <c:pt idx="87">
                  <c:v>0.43541700000000017</c:v>
                </c:pt>
                <c:pt idx="88">
                  <c:v>0.44042199999999987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599999999973</c:v>
                </c:pt>
                <c:pt idx="92">
                  <c:v>0.46044100000000032</c:v>
                </c:pt>
                <c:pt idx="93">
                  <c:v>0.46544600000000003</c:v>
                </c:pt>
                <c:pt idx="94">
                  <c:v>0.47045099999999973</c:v>
                </c:pt>
                <c:pt idx="95">
                  <c:v>0.47545600000000032</c:v>
                </c:pt>
                <c:pt idx="96">
                  <c:v>0.48045999999999989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499999999989</c:v>
                </c:pt>
                <c:pt idx="100">
                  <c:v>0.50047999999999959</c:v>
                </c:pt>
                <c:pt idx="101">
                  <c:v>0.50548400000000004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900000000004</c:v>
                </c:pt>
                <c:pt idx="105">
                  <c:v>0.52550399999999975</c:v>
                </c:pt>
                <c:pt idx="106">
                  <c:v>0.5305080000000002</c:v>
                </c:pt>
                <c:pt idx="107">
                  <c:v>0.53551299999999991</c:v>
                </c:pt>
                <c:pt idx="108">
                  <c:v>0.54051799999999961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200000000036</c:v>
                </c:pt>
                <c:pt idx="112">
                  <c:v>0.56053700000000006</c:v>
                </c:pt>
                <c:pt idx="113">
                  <c:v>0.56554199999999977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599999999963</c:v>
                </c:pt>
                <c:pt idx="117">
                  <c:v>0.58556100000000022</c:v>
                </c:pt>
                <c:pt idx="118">
                  <c:v>0.59056599999999992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7999999999979</c:v>
                </c:pt>
                <c:pt idx="122">
                  <c:v>0.61058500000000038</c:v>
                </c:pt>
                <c:pt idx="123">
                  <c:v>0.61559000000000008</c:v>
                </c:pt>
                <c:pt idx="124">
                  <c:v>0.62059499999999979</c:v>
                </c:pt>
                <c:pt idx="125">
                  <c:v>0.62560000000000038</c:v>
                </c:pt>
                <c:pt idx="126">
                  <c:v>0.63060399999999994</c:v>
                </c:pt>
                <c:pt idx="127">
                  <c:v>0.63560899999999965</c:v>
                </c:pt>
                <c:pt idx="128">
                  <c:v>0.64061400000000024</c:v>
                </c:pt>
                <c:pt idx="129">
                  <c:v>0.64561899999999994</c:v>
                </c:pt>
                <c:pt idx="130">
                  <c:v>0.65062399999999965</c:v>
                </c:pt>
                <c:pt idx="131">
                  <c:v>0.6556280000000001</c:v>
                </c:pt>
                <c:pt idx="132">
                  <c:v>0.6606329999999998</c:v>
                </c:pt>
                <c:pt idx="133">
                  <c:v>0.6656380000000004</c:v>
                </c:pt>
                <c:pt idx="134">
                  <c:v>0.6706430000000001</c:v>
                </c:pt>
                <c:pt idx="135">
                  <c:v>0.6756479999999998</c:v>
                </c:pt>
                <c:pt idx="136">
                  <c:v>0.68065200000000026</c:v>
                </c:pt>
                <c:pt idx="137">
                  <c:v>0.68565699999999996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600000000041</c:v>
                </c:pt>
                <c:pt idx="142">
                  <c:v>0.71068100000000012</c:v>
                </c:pt>
                <c:pt idx="143">
                  <c:v>0.71568599999999982</c:v>
                </c:pt>
                <c:pt idx="144">
                  <c:v>0.72069100000000041</c:v>
                </c:pt>
                <c:pt idx="145">
                  <c:v>0.72569600000000012</c:v>
                </c:pt>
                <c:pt idx="146">
                  <c:v>0.73069999999999968</c:v>
                </c:pt>
                <c:pt idx="147">
                  <c:v>0.73570500000000028</c:v>
                </c:pt>
                <c:pt idx="148">
                  <c:v>0.74070999999999998</c:v>
                </c:pt>
                <c:pt idx="149">
                  <c:v>0.74571499999999968</c:v>
                </c:pt>
                <c:pt idx="150">
                  <c:v>0.75072000000000028</c:v>
                </c:pt>
                <c:pt idx="151">
                  <c:v>0.75572399999999984</c:v>
                </c:pt>
                <c:pt idx="152">
                  <c:v>0.76072900000000043</c:v>
                </c:pt>
                <c:pt idx="153">
                  <c:v>0.76573400000000014</c:v>
                </c:pt>
                <c:pt idx="154">
                  <c:v>0.77073899999999984</c:v>
                </c:pt>
                <c:pt idx="155">
                  <c:v>0.77574400000000043</c:v>
                </c:pt>
                <c:pt idx="156">
                  <c:v>0.780748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3</c:v>
                </c:pt>
                <c:pt idx="160">
                  <c:v>0.8007679999999997</c:v>
                </c:pt>
                <c:pt idx="161">
                  <c:v>0.80577200000000015</c:v>
                </c:pt>
                <c:pt idx="162">
                  <c:v>0.81077699999999986</c:v>
                </c:pt>
                <c:pt idx="163">
                  <c:v>0.81578200000000045</c:v>
                </c:pt>
                <c:pt idx="164">
                  <c:v>0.82078700000000016</c:v>
                </c:pt>
                <c:pt idx="165">
                  <c:v>0.82579199999999986</c:v>
                </c:pt>
                <c:pt idx="166">
                  <c:v>0.83079600000000031</c:v>
                </c:pt>
                <c:pt idx="167">
                  <c:v>0.83580100000000002</c:v>
                </c:pt>
                <c:pt idx="168">
                  <c:v>0.84080599999999972</c:v>
                </c:pt>
                <c:pt idx="169">
                  <c:v>0.84581100000000031</c:v>
                </c:pt>
                <c:pt idx="170">
                  <c:v>0.85081600000000002</c:v>
                </c:pt>
                <c:pt idx="171">
                  <c:v>0.85582000000000047</c:v>
                </c:pt>
                <c:pt idx="172">
                  <c:v>0.86082500000000017</c:v>
                </c:pt>
                <c:pt idx="173">
                  <c:v>0.86582999999999988</c:v>
                </c:pt>
                <c:pt idx="174">
                  <c:v>0.87083500000000047</c:v>
                </c:pt>
                <c:pt idx="175">
                  <c:v>0.87584000000000017</c:v>
                </c:pt>
                <c:pt idx="176">
                  <c:v>0.88084399999999974</c:v>
                </c:pt>
                <c:pt idx="177">
                  <c:v>0.88584900000000033</c:v>
                </c:pt>
                <c:pt idx="178">
                  <c:v>0.89085400000000003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79999999999</c:v>
                </c:pt>
                <c:pt idx="182">
                  <c:v>0.9108729999999996</c:v>
                </c:pt>
                <c:pt idx="183">
                  <c:v>0.91587800000000019</c:v>
                </c:pt>
                <c:pt idx="184">
                  <c:v>0.9208829999999999</c:v>
                </c:pt>
                <c:pt idx="185">
                  <c:v>0.9258879999999996</c:v>
                </c:pt>
                <c:pt idx="186">
                  <c:v>0.93089200000000005</c:v>
                </c:pt>
                <c:pt idx="187">
                  <c:v>0.93589699999999976</c:v>
                </c:pt>
                <c:pt idx="188">
                  <c:v>0.94090200000000035</c:v>
                </c:pt>
                <c:pt idx="189">
                  <c:v>0.94590700000000005</c:v>
                </c:pt>
                <c:pt idx="190">
                  <c:v>0.95091199999999976</c:v>
                </c:pt>
                <c:pt idx="191">
                  <c:v>0.95591600000000021</c:v>
                </c:pt>
                <c:pt idx="192">
                  <c:v>0.96092099999999991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599999999991</c:v>
                </c:pt>
                <c:pt idx="196">
                  <c:v>0.98094000000000037</c:v>
                </c:pt>
                <c:pt idx="197">
                  <c:v>0.98594500000000007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600000000001</c:v>
                </c:pt>
                <c:pt idx="201">
                  <c:v>1.0059639999999996</c:v>
                </c:pt>
                <c:pt idx="202">
                  <c:v>1.0109690000000002</c:v>
                </c:pt>
                <c:pt idx="203">
                  <c:v>1.0159739999999999</c:v>
                </c:pt>
                <c:pt idx="204">
                  <c:v>1.0209789999999996</c:v>
                </c:pt>
                <c:pt idx="205">
                  <c:v>1.0259840000000002</c:v>
                </c:pt>
                <c:pt idx="206">
                  <c:v>1.0309879999999998</c:v>
                </c:pt>
                <c:pt idx="207">
                  <c:v>1.0359930000000004</c:v>
                </c:pt>
                <c:pt idx="208">
                  <c:v>1.0409980000000001</c:v>
                </c:pt>
                <c:pt idx="209">
                  <c:v>1.0460029999999998</c:v>
                </c:pt>
                <c:pt idx="210">
                  <c:v>1.0510080000000004</c:v>
                </c:pt>
                <c:pt idx="211">
                  <c:v>1.056012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</c:v>
                </c:pt>
                <c:pt idx="215">
                  <c:v>1.0760319999999997</c:v>
                </c:pt>
                <c:pt idx="216">
                  <c:v>1.0810360000000001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10000000001</c:v>
                </c:pt>
                <c:pt idx="220">
                  <c:v>1.1010559999999998</c:v>
                </c:pt>
                <c:pt idx="221">
                  <c:v>1.1060600000000003</c:v>
                </c:pt>
                <c:pt idx="222">
                  <c:v>1.111065</c:v>
                </c:pt>
                <c:pt idx="223">
                  <c:v>1.1160699999999997</c:v>
                </c:pt>
                <c:pt idx="224">
                  <c:v>1.1210750000000003</c:v>
                </c:pt>
                <c:pt idx="225">
                  <c:v>1.12608</c:v>
                </c:pt>
                <c:pt idx="226">
                  <c:v>1.1310840000000004</c:v>
                </c:pt>
                <c:pt idx="227">
                  <c:v>1.1360890000000001</c:v>
                </c:pt>
                <c:pt idx="228">
                  <c:v>1.1410939999999998</c:v>
                </c:pt>
                <c:pt idx="229">
                  <c:v>1.1460990000000004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30000000003</c:v>
                </c:pt>
                <c:pt idx="233">
                  <c:v>1.166118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19999999998</c:v>
                </c:pt>
                <c:pt idx="237">
                  <c:v>1.1861370000000004</c:v>
                </c:pt>
                <c:pt idx="238">
                  <c:v>1.1911420000000001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6</c:v>
                </c:pt>
                <c:pt idx="242">
                  <c:v>1.2111609999999997</c:v>
                </c:pt>
                <c:pt idx="243">
                  <c:v>1.2161660000000003</c:v>
                </c:pt>
                <c:pt idx="244">
                  <c:v>1.221171</c:v>
                </c:pt>
                <c:pt idx="245">
                  <c:v>1.2261759999999997</c:v>
                </c:pt>
                <c:pt idx="246">
                  <c:v>1.2311800000000002</c:v>
                </c:pt>
                <c:pt idx="247">
                  <c:v>1.2361849999999999</c:v>
                </c:pt>
                <c:pt idx="248">
                  <c:v>1.2411900000000005</c:v>
                </c:pt>
                <c:pt idx="249">
                  <c:v>1.2461950000000002</c:v>
                </c:pt>
                <c:pt idx="250">
                  <c:v>1.2511999999999999</c:v>
                </c:pt>
                <c:pt idx="251">
                  <c:v>1.2562040000000003</c:v>
                </c:pt>
                <c:pt idx="252">
                  <c:v>1.261209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4</c:v>
                </c:pt>
                <c:pt idx="256">
                  <c:v>1.2812279999999996</c:v>
                </c:pt>
                <c:pt idx="257">
                  <c:v>1.2862330000000002</c:v>
                </c:pt>
                <c:pt idx="258">
                  <c:v>1.2912379999999999</c:v>
                </c:pt>
                <c:pt idx="259">
                  <c:v>1.2962429999999996</c:v>
                </c:pt>
                <c:pt idx="260">
                  <c:v>1.3012480000000002</c:v>
                </c:pt>
                <c:pt idx="261">
                  <c:v>1.3062519999999997</c:v>
                </c:pt>
                <c:pt idx="262">
                  <c:v>1.3112570000000003</c:v>
                </c:pt>
                <c:pt idx="263">
                  <c:v>1.316262</c:v>
                </c:pt>
                <c:pt idx="264">
                  <c:v>1.3212669999999997</c:v>
                </c:pt>
                <c:pt idx="265">
                  <c:v>1.3262720000000003</c:v>
                </c:pt>
                <c:pt idx="266">
                  <c:v>1.3312759999999999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09999999999</c:v>
                </c:pt>
                <c:pt idx="270">
                  <c:v>1.3512959999999996</c:v>
                </c:pt>
                <c:pt idx="271">
                  <c:v>1.3563000000000001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50000000001</c:v>
                </c:pt>
                <c:pt idx="275">
                  <c:v>1.3763199999999998</c:v>
                </c:pt>
                <c:pt idx="276">
                  <c:v>1.3813240000000002</c:v>
                </c:pt>
                <c:pt idx="277">
                  <c:v>1.3863289999999999</c:v>
                </c:pt>
                <c:pt idx="278">
                  <c:v>1.3913339999999996</c:v>
                </c:pt>
                <c:pt idx="279">
                  <c:v>1.3963390000000002</c:v>
                </c:pt>
                <c:pt idx="280">
                  <c:v>1.4013439999999999</c:v>
                </c:pt>
                <c:pt idx="281">
                  <c:v>1.4063480000000004</c:v>
                </c:pt>
                <c:pt idx="282">
                  <c:v>1.4113530000000001</c:v>
                </c:pt>
                <c:pt idx="283">
                  <c:v>1.4163579999999998</c:v>
                </c:pt>
                <c:pt idx="284">
                  <c:v>1.4213630000000004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70000000002</c:v>
                </c:pt>
                <c:pt idx="288">
                  <c:v>1.4413819999999999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59999999998</c:v>
                </c:pt>
                <c:pt idx="292">
                  <c:v>1.4614010000000004</c:v>
                </c:pt>
                <c:pt idx="293">
                  <c:v>1.4664060000000001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</c:v>
                </c:pt>
                <c:pt idx="297">
                  <c:v>1.4864249999999997</c:v>
                </c:pt>
                <c:pt idx="298">
                  <c:v>1.4914300000000003</c:v>
                </c:pt>
                <c:pt idx="299">
                  <c:v>1.496435</c:v>
                </c:pt>
                <c:pt idx="300">
                  <c:v>1.5014399999999997</c:v>
                </c:pt>
                <c:pt idx="301">
                  <c:v>1.5064440000000001</c:v>
                </c:pt>
                <c:pt idx="302">
                  <c:v>1.5114489999999998</c:v>
                </c:pt>
                <c:pt idx="303">
                  <c:v>1.5164540000000004</c:v>
                </c:pt>
                <c:pt idx="304">
                  <c:v>1.5214590000000001</c:v>
                </c:pt>
                <c:pt idx="305">
                  <c:v>1.5264639999999998</c:v>
                </c:pt>
                <c:pt idx="306">
                  <c:v>1.5314680000000003</c:v>
                </c:pt>
                <c:pt idx="307">
                  <c:v>1.536473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8</c:v>
                </c:pt>
                <c:pt idx="311">
                  <c:v>1.5564920000000004</c:v>
                </c:pt>
                <c:pt idx="312">
                  <c:v>1.5614970000000001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20000000001</c:v>
                </c:pt>
                <c:pt idx="316">
                  <c:v>1.5815159999999997</c:v>
                </c:pt>
                <c:pt idx="317">
                  <c:v>1.5865210000000003</c:v>
                </c:pt>
                <c:pt idx="318">
                  <c:v>1.591526</c:v>
                </c:pt>
                <c:pt idx="319">
                  <c:v>1.5965309999999997</c:v>
                </c:pt>
                <c:pt idx="320">
                  <c:v>1.6015360000000003</c:v>
                </c:pt>
                <c:pt idx="321">
                  <c:v>1.6065399999999999</c:v>
                </c:pt>
                <c:pt idx="322">
                  <c:v>1.6115450000000004</c:v>
                </c:pt>
                <c:pt idx="323">
                  <c:v>1.6165500000000002</c:v>
                </c:pt>
                <c:pt idx="324">
                  <c:v>1.6215549999999999</c:v>
                </c:pt>
                <c:pt idx="325">
                  <c:v>1.6265600000000004</c:v>
                </c:pt>
                <c:pt idx="326">
                  <c:v>1.631564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9</c:v>
                </c:pt>
                <c:pt idx="330">
                  <c:v>1.6515839999999997</c:v>
                </c:pt>
                <c:pt idx="331">
                  <c:v>1.6565880000000002</c:v>
                </c:pt>
                <c:pt idx="332">
                  <c:v>1.6615929999999999</c:v>
                </c:pt>
                <c:pt idx="333">
                  <c:v>1.6665980000000005</c:v>
                </c:pt>
                <c:pt idx="334">
                  <c:v>1.6716030000000002</c:v>
                </c:pt>
                <c:pt idx="335">
                  <c:v>1.6766079999999999</c:v>
                </c:pt>
                <c:pt idx="336">
                  <c:v>1.6816120000000003</c:v>
                </c:pt>
                <c:pt idx="337">
                  <c:v>1.686617</c:v>
                </c:pt>
                <c:pt idx="338">
                  <c:v>1.6916219999999997</c:v>
                </c:pt>
                <c:pt idx="339">
                  <c:v>1.6966270000000003</c:v>
                </c:pt>
                <c:pt idx="340">
                  <c:v>1.701632</c:v>
                </c:pt>
                <c:pt idx="341">
                  <c:v>1.7066359999999996</c:v>
                </c:pt>
                <c:pt idx="342">
                  <c:v>1.7116410000000002</c:v>
                </c:pt>
                <c:pt idx="343">
                  <c:v>1.7166459999999999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599999999998</c:v>
                </c:pt>
                <c:pt idx="347">
                  <c:v>1.7366650000000003</c:v>
                </c:pt>
                <c:pt idx="348">
                  <c:v>1.7416700000000001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39999999999</c:v>
                </c:pt>
                <c:pt idx="352">
                  <c:v>1.7616889999999996</c:v>
                </c:pt>
                <c:pt idx="353">
                  <c:v>1.7666940000000002</c:v>
                </c:pt>
                <c:pt idx="354">
                  <c:v>1.7716989999999999</c:v>
                </c:pt>
                <c:pt idx="355">
                  <c:v>1.7767039999999996</c:v>
                </c:pt>
                <c:pt idx="356">
                  <c:v>1.7817080000000001</c:v>
                </c:pt>
                <c:pt idx="357">
                  <c:v>1.7867129999999998</c:v>
                </c:pt>
                <c:pt idx="358">
                  <c:v>1.7917180000000004</c:v>
                </c:pt>
                <c:pt idx="359">
                  <c:v>1.7967230000000001</c:v>
                </c:pt>
                <c:pt idx="360">
                  <c:v>1.8017279999999998</c:v>
                </c:pt>
                <c:pt idx="361">
                  <c:v>1.8067320000000002</c:v>
                </c:pt>
                <c:pt idx="362">
                  <c:v>1.8117369999999999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19999999999</c:v>
                </c:pt>
                <c:pt idx="366">
                  <c:v>1.8317560000000004</c:v>
                </c:pt>
                <c:pt idx="367">
                  <c:v>1.8367610000000001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60000000001</c:v>
                </c:pt>
                <c:pt idx="371">
                  <c:v>1.8567799999999997</c:v>
                </c:pt>
                <c:pt idx="372">
                  <c:v>1.8617850000000002</c:v>
                </c:pt>
                <c:pt idx="373">
                  <c:v>1.8667899999999999</c:v>
                </c:pt>
                <c:pt idx="374">
                  <c:v>1.8717949999999997</c:v>
                </c:pt>
                <c:pt idx="375">
                  <c:v>1.8768000000000002</c:v>
                </c:pt>
                <c:pt idx="376">
                  <c:v>1.8818039999999998</c:v>
                </c:pt>
                <c:pt idx="377">
                  <c:v>1.8868090000000004</c:v>
                </c:pt>
                <c:pt idx="378">
                  <c:v>1.8918140000000001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8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3</c:v>
                </c:pt>
                <c:pt idx="385">
                  <c:v>1.9268480000000006</c:v>
                </c:pt>
                <c:pt idx="386">
                  <c:v>1.9318520000000001</c:v>
                </c:pt>
                <c:pt idx="387">
                  <c:v>1.9368570000000007</c:v>
                </c:pt>
                <c:pt idx="388">
                  <c:v>1.9418619999999995</c:v>
                </c:pt>
                <c:pt idx="389">
                  <c:v>1.9468670000000001</c:v>
                </c:pt>
                <c:pt idx="390">
                  <c:v>1.9518720000000007</c:v>
                </c:pt>
                <c:pt idx="391">
                  <c:v>1.9568760000000003</c:v>
                </c:pt>
                <c:pt idx="392">
                  <c:v>1.9618810000000009</c:v>
                </c:pt>
                <c:pt idx="393">
                  <c:v>1.9668859999999997</c:v>
                </c:pt>
                <c:pt idx="394">
                  <c:v>1.9718910000000003</c:v>
                </c:pt>
                <c:pt idx="395">
                  <c:v>1.9768960000000009</c:v>
                </c:pt>
                <c:pt idx="396">
                  <c:v>1.9819000000000004</c:v>
                </c:pt>
                <c:pt idx="397">
                  <c:v>1.9869049999999993</c:v>
                </c:pt>
                <c:pt idx="398">
                  <c:v>1.9919099999999998</c:v>
                </c:pt>
                <c:pt idx="399">
                  <c:v>1.9969150000000004</c:v>
                </c:pt>
                <c:pt idx="400">
                  <c:v>2.0019199999999993</c:v>
                </c:pt>
                <c:pt idx="401">
                  <c:v>2.0069240000000006</c:v>
                </c:pt>
                <c:pt idx="402">
                  <c:v>2.0119289999999994</c:v>
                </c:pt>
                <c:pt idx="403">
                  <c:v>2.016934</c:v>
                </c:pt>
                <c:pt idx="404">
                  <c:v>2.0219390000000006</c:v>
                </c:pt>
                <c:pt idx="405">
                  <c:v>2.0269439999999994</c:v>
                </c:pt>
                <c:pt idx="406">
                  <c:v>2.0319480000000008</c:v>
                </c:pt>
                <c:pt idx="407">
                  <c:v>2.0369529999999996</c:v>
                </c:pt>
              </c:numCache>
            </c:numRef>
          </c:xVal>
          <c:yVal>
            <c:numRef>
              <c:f>'Multi-20-3s(7)'!$E$2:$E$2664</c:f>
              <c:numCache>
                <c:formatCode>General</c:formatCode>
                <c:ptCount val="2663"/>
                <c:pt idx="0">
                  <c:v>0</c:v>
                </c:pt>
                <c:pt idx="1">
                  <c:v>1.8610740000003716</c:v>
                </c:pt>
                <c:pt idx="2">
                  <c:v>3.8445480000000316</c:v>
                </c:pt>
                <c:pt idx="3">
                  <c:v>5.5994000000000597</c:v>
                </c:pt>
                <c:pt idx="4">
                  <c:v>7.5705230000003212</c:v>
                </c:pt>
                <c:pt idx="5">
                  <c:v>9.7024320000000444</c:v>
                </c:pt>
                <c:pt idx="6">
                  <c:v>11.214926000000105</c:v>
                </c:pt>
                <c:pt idx="7">
                  <c:v>12.737712000000101</c:v>
                </c:pt>
                <c:pt idx="8">
                  <c:v>15.116578000000118</c:v>
                </c:pt>
                <c:pt idx="9">
                  <c:v>17.330209000000195</c:v>
                </c:pt>
                <c:pt idx="10">
                  <c:v>19.094166000000314</c:v>
                </c:pt>
                <c:pt idx="11">
                  <c:v>20.355713000000378</c:v>
                </c:pt>
                <c:pt idx="12">
                  <c:v>21.578445999999985</c:v>
                </c:pt>
                <c:pt idx="13">
                  <c:v>22.645312000000104</c:v>
                </c:pt>
                <c:pt idx="14">
                  <c:v>23.920788000000357</c:v>
                </c:pt>
                <c:pt idx="15">
                  <c:v>25.454205000000002</c:v>
                </c:pt>
                <c:pt idx="16">
                  <c:v>26.418231999999989</c:v>
                </c:pt>
                <c:pt idx="17">
                  <c:v>26.460296000000199</c:v>
                </c:pt>
                <c:pt idx="18">
                  <c:v>26.013569000000189</c:v>
                </c:pt>
                <c:pt idx="19">
                  <c:v>25.813749000000371</c:v>
                </c:pt>
                <c:pt idx="20">
                  <c:v>25.624904000000242</c:v>
                </c:pt>
                <c:pt idx="21">
                  <c:v>26.030056999999942</c:v>
                </c:pt>
                <c:pt idx="22">
                  <c:v>26.375370000000203</c:v>
                </c:pt>
                <c:pt idx="23">
                  <c:v>26.825949000000037</c:v>
                </c:pt>
                <c:pt idx="24">
                  <c:v>27.176466000000346</c:v>
                </c:pt>
                <c:pt idx="25">
                  <c:v>28.003567000000203</c:v>
                </c:pt>
                <c:pt idx="26">
                  <c:v>29.590945000000374</c:v>
                </c:pt>
                <c:pt idx="27">
                  <c:v>31.361615000000256</c:v>
                </c:pt>
                <c:pt idx="28">
                  <c:v>32.776936000000205</c:v>
                </c:pt>
                <c:pt idx="29">
                  <c:v>33.788574000000153</c:v>
                </c:pt>
                <c:pt idx="30">
                  <c:v>34.82319200000029</c:v>
                </c:pt>
                <c:pt idx="31">
                  <c:v>35.427996000000348</c:v>
                </c:pt>
                <c:pt idx="32">
                  <c:v>35.91422700000021</c:v>
                </c:pt>
                <c:pt idx="33">
                  <c:v>36.892611000000215</c:v>
                </c:pt>
                <c:pt idx="34">
                  <c:v>37.850262000000384</c:v>
                </c:pt>
                <c:pt idx="35">
                  <c:v>38.33211700000038</c:v>
                </c:pt>
                <c:pt idx="36">
                  <c:v>38.496442000000116</c:v>
                </c:pt>
                <c:pt idx="37">
                  <c:v>37.984677000000374</c:v>
                </c:pt>
                <c:pt idx="38">
                  <c:v>37.625872000000072</c:v>
                </c:pt>
                <c:pt idx="39">
                  <c:v>37.976850000000013</c:v>
                </c:pt>
                <c:pt idx="40">
                  <c:v>37.99138800000037</c:v>
                </c:pt>
                <c:pt idx="41">
                  <c:v>37.804881000000023</c:v>
                </c:pt>
                <c:pt idx="42">
                  <c:v>38.18604200000027</c:v>
                </c:pt>
                <c:pt idx="43">
                  <c:v>39.337132000000111</c:v>
                </c:pt>
                <c:pt idx="44">
                  <c:v>40.259406000000126</c:v>
                </c:pt>
                <c:pt idx="45">
                  <c:v>40.925537000000077</c:v>
                </c:pt>
                <c:pt idx="46">
                  <c:v>42.114579999999933</c:v>
                </c:pt>
                <c:pt idx="47">
                  <c:v>43.709392000000207</c:v>
                </c:pt>
                <c:pt idx="48">
                  <c:v>45.735838000000058</c:v>
                </c:pt>
                <c:pt idx="49">
                  <c:v>47.98795599999994</c:v>
                </c:pt>
                <c:pt idx="50">
                  <c:v>49.974081000000297</c:v>
                </c:pt>
                <c:pt idx="51">
                  <c:v>51.836066000000301</c:v>
                </c:pt>
                <c:pt idx="52">
                  <c:v>53.161922000000231</c:v>
                </c:pt>
                <c:pt idx="53">
                  <c:v>54.068721000000096</c:v>
                </c:pt>
                <c:pt idx="54">
                  <c:v>54.756012000000283</c:v>
                </c:pt>
                <c:pt idx="55">
                  <c:v>55.409261000000242</c:v>
                </c:pt>
                <c:pt idx="56">
                  <c:v>55.46185400000013</c:v>
                </c:pt>
                <c:pt idx="57">
                  <c:v>54.561392000000069</c:v>
                </c:pt>
                <c:pt idx="58">
                  <c:v>53.517471000000114</c:v>
                </c:pt>
                <c:pt idx="59">
                  <c:v>52.671079000000191</c:v>
                </c:pt>
                <c:pt idx="60">
                  <c:v>52.559204000000136</c:v>
                </c:pt>
                <c:pt idx="61">
                  <c:v>51.99735899999996</c:v>
                </c:pt>
                <c:pt idx="62">
                  <c:v>51.345972000000074</c:v>
                </c:pt>
                <c:pt idx="63">
                  <c:v>51.132907000000159</c:v>
                </c:pt>
                <c:pt idx="64">
                  <c:v>51.229311999999936</c:v>
                </c:pt>
                <c:pt idx="65">
                  <c:v>51.4986600000002</c:v>
                </c:pt>
                <c:pt idx="66">
                  <c:v>51.839036000000306</c:v>
                </c:pt>
                <c:pt idx="67">
                  <c:v>51.940344999999979</c:v>
                </c:pt>
                <c:pt idx="68">
                  <c:v>52.117717000000084</c:v>
                </c:pt>
                <c:pt idx="69">
                  <c:v>52.444310000000314</c:v>
                </c:pt>
                <c:pt idx="70">
                  <c:v>53.164359000000331</c:v>
                </c:pt>
                <c:pt idx="71">
                  <c:v>53.89218400000027</c:v>
                </c:pt>
                <c:pt idx="72">
                  <c:v>54.545051000000058</c:v>
                </c:pt>
                <c:pt idx="73">
                  <c:v>55.956327000000329</c:v>
                </c:pt>
                <c:pt idx="74">
                  <c:v>58.612202000000252</c:v>
                </c:pt>
                <c:pt idx="75">
                  <c:v>61.671348000000307</c:v>
                </c:pt>
                <c:pt idx="76">
                  <c:v>64.036309999999958</c:v>
                </c:pt>
                <c:pt idx="77">
                  <c:v>65.506648000000041</c:v>
                </c:pt>
                <c:pt idx="78">
                  <c:v>66.42846099999997</c:v>
                </c:pt>
                <c:pt idx="79">
                  <c:v>67.589480000000094</c:v>
                </c:pt>
                <c:pt idx="80">
                  <c:v>68.391145999999935</c:v>
                </c:pt>
                <c:pt idx="81">
                  <c:v>68.240787000000182</c:v>
                </c:pt>
                <c:pt idx="82">
                  <c:v>67.221156000000065</c:v>
                </c:pt>
                <c:pt idx="83">
                  <c:v>65.953022000000146</c:v>
                </c:pt>
                <c:pt idx="84">
                  <c:v>64.479984000000059</c:v>
                </c:pt>
                <c:pt idx="85">
                  <c:v>63.417570000000069</c:v>
                </c:pt>
                <c:pt idx="86">
                  <c:v>62.775758000000224</c:v>
                </c:pt>
                <c:pt idx="87">
                  <c:v>62.289831999999933</c:v>
                </c:pt>
                <c:pt idx="88">
                  <c:v>61.247291000000132</c:v>
                </c:pt>
                <c:pt idx="89">
                  <c:v>60.121389000000363</c:v>
                </c:pt>
                <c:pt idx="90">
                  <c:v>59.38521000000037</c:v>
                </c:pt>
                <c:pt idx="91">
                  <c:v>58.730859000000237</c:v>
                </c:pt>
                <c:pt idx="92">
                  <c:v>58.815487000000303</c:v>
                </c:pt>
                <c:pt idx="93">
                  <c:v>59.586744000000181</c:v>
                </c:pt>
                <c:pt idx="94">
                  <c:v>60.624782000000323</c:v>
                </c:pt>
                <c:pt idx="95">
                  <c:v>61.029046000000108</c:v>
                </c:pt>
                <c:pt idx="96">
                  <c:v>61.964722000000165</c:v>
                </c:pt>
                <c:pt idx="97">
                  <c:v>63.492784000000029</c:v>
                </c:pt>
                <c:pt idx="98">
                  <c:v>65.523993000000246</c:v>
                </c:pt>
                <c:pt idx="99">
                  <c:v>67.445447000000058</c:v>
                </c:pt>
                <c:pt idx="100">
                  <c:v>69.403920000000198</c:v>
                </c:pt>
                <c:pt idx="101">
                  <c:v>71.048686000000089</c:v>
                </c:pt>
                <c:pt idx="102">
                  <c:v>72.550748999999996</c:v>
                </c:pt>
                <c:pt idx="103">
                  <c:v>74.136970000000019</c:v>
                </c:pt>
                <c:pt idx="104">
                  <c:v>75.725577000000158</c:v>
                </c:pt>
                <c:pt idx="105">
                  <c:v>77.414539000000332</c:v>
                </c:pt>
                <c:pt idx="106">
                  <c:v>77.920953000000281</c:v>
                </c:pt>
                <c:pt idx="107">
                  <c:v>77.031228000000283</c:v>
                </c:pt>
                <c:pt idx="108">
                  <c:v>75.456343000000288</c:v>
                </c:pt>
                <c:pt idx="109">
                  <c:v>74.118451000000277</c:v>
                </c:pt>
                <c:pt idx="110">
                  <c:v>72.537747000000309</c:v>
                </c:pt>
                <c:pt idx="111">
                  <c:v>70.838784000000032</c:v>
                </c:pt>
                <c:pt idx="112">
                  <c:v>69.55551800000012</c:v>
                </c:pt>
                <c:pt idx="113">
                  <c:v>69.011966000000029</c:v>
                </c:pt>
                <c:pt idx="114">
                  <c:v>69.002032000000327</c:v>
                </c:pt>
                <c:pt idx="115">
                  <c:v>69.065974000000097</c:v>
                </c:pt>
                <c:pt idx="116">
                  <c:v>69.604107999999997</c:v>
                </c:pt>
                <c:pt idx="117">
                  <c:v>70.746281000000181</c:v>
                </c:pt>
                <c:pt idx="118">
                  <c:v>71.803311000000122</c:v>
                </c:pt>
                <c:pt idx="119">
                  <c:v>72.706255000000056</c:v>
                </c:pt>
                <c:pt idx="120">
                  <c:v>73.499487000000045</c:v>
                </c:pt>
                <c:pt idx="121">
                  <c:v>74.47248800000034</c:v>
                </c:pt>
                <c:pt idx="122">
                  <c:v>75.519317000000228</c:v>
                </c:pt>
                <c:pt idx="123">
                  <c:v>76.345847000000049</c:v>
                </c:pt>
                <c:pt idx="124">
                  <c:v>76.94332600000007</c:v>
                </c:pt>
                <c:pt idx="125">
                  <c:v>77.939213000000109</c:v>
                </c:pt>
                <c:pt idx="126">
                  <c:v>78.840347000000293</c:v>
                </c:pt>
                <c:pt idx="127">
                  <c:v>79.247404000000188</c:v>
                </c:pt>
                <c:pt idx="128">
                  <c:v>79.793410000000222</c:v>
                </c:pt>
                <c:pt idx="129">
                  <c:v>80.297369000000344</c:v>
                </c:pt>
                <c:pt idx="130">
                  <c:v>81.297030000000177</c:v>
                </c:pt>
                <c:pt idx="131">
                  <c:v>81.803634000000329</c:v>
                </c:pt>
                <c:pt idx="132">
                  <c:v>81.965691000000334</c:v>
                </c:pt>
                <c:pt idx="133">
                  <c:v>81.872105000000374</c:v>
                </c:pt>
                <c:pt idx="134">
                  <c:v>81.472433000000365</c:v>
                </c:pt>
                <c:pt idx="135">
                  <c:v>80.532971000000089</c:v>
                </c:pt>
                <c:pt idx="136">
                  <c:v>79.179975000000013</c:v>
                </c:pt>
                <c:pt idx="137">
                  <c:v>78.210712000000058</c:v>
                </c:pt>
                <c:pt idx="138">
                  <c:v>77.237513000000035</c:v>
                </c:pt>
                <c:pt idx="139">
                  <c:v>75.990274000000227</c:v>
                </c:pt>
                <c:pt idx="140">
                  <c:v>74.979435000000194</c:v>
                </c:pt>
                <c:pt idx="141">
                  <c:v>74.666744000000108</c:v>
                </c:pt>
                <c:pt idx="142">
                  <c:v>74.922274000000016</c:v>
                </c:pt>
                <c:pt idx="143">
                  <c:v>75.821119000000181</c:v>
                </c:pt>
                <c:pt idx="144">
                  <c:v>77.299217000000226</c:v>
                </c:pt>
                <c:pt idx="145">
                  <c:v>79.299293000000034</c:v>
                </c:pt>
                <c:pt idx="146">
                  <c:v>81.685225000000173</c:v>
                </c:pt>
                <c:pt idx="147">
                  <c:v>84.125688000000082</c:v>
                </c:pt>
                <c:pt idx="148">
                  <c:v>86.191072000000077</c:v>
                </c:pt>
                <c:pt idx="149">
                  <c:v>87.961148000000321</c:v>
                </c:pt>
                <c:pt idx="150">
                  <c:v>89.742510000000038</c:v>
                </c:pt>
                <c:pt idx="151">
                  <c:v>91.166411000000153</c:v>
                </c:pt>
                <c:pt idx="152">
                  <c:v>91.423653000000286</c:v>
                </c:pt>
                <c:pt idx="153">
                  <c:v>91.778778000000329</c:v>
                </c:pt>
                <c:pt idx="154">
                  <c:v>92.364127000000281</c:v>
                </c:pt>
                <c:pt idx="155">
                  <c:v>92.58861300000035</c:v>
                </c:pt>
                <c:pt idx="156">
                  <c:v>91.58297900000025</c:v>
                </c:pt>
                <c:pt idx="157">
                  <c:v>90.087072000000262</c:v>
                </c:pt>
                <c:pt idx="158">
                  <c:v>88.23236900000029</c:v>
                </c:pt>
                <c:pt idx="159">
                  <c:v>86.62762100000009</c:v>
                </c:pt>
                <c:pt idx="160">
                  <c:v>85.113419000000249</c:v>
                </c:pt>
                <c:pt idx="161">
                  <c:v>83.957884000000377</c:v>
                </c:pt>
                <c:pt idx="162">
                  <c:v>83.277297999999973</c:v>
                </c:pt>
                <c:pt idx="163">
                  <c:v>82.777340999999979</c:v>
                </c:pt>
                <c:pt idx="164">
                  <c:v>82.21382100000028</c:v>
                </c:pt>
                <c:pt idx="165">
                  <c:v>81.987328000000161</c:v>
                </c:pt>
                <c:pt idx="166">
                  <c:v>81.922897000000376</c:v>
                </c:pt>
                <c:pt idx="167">
                  <c:v>82.36211000000003</c:v>
                </c:pt>
                <c:pt idx="168">
                  <c:v>83.398211000000174</c:v>
                </c:pt>
                <c:pt idx="169">
                  <c:v>84.485030000000279</c:v>
                </c:pt>
                <c:pt idx="170">
                  <c:v>85.309548000000177</c:v>
                </c:pt>
                <c:pt idx="171">
                  <c:v>86.101397000000361</c:v>
                </c:pt>
                <c:pt idx="172">
                  <c:v>87.093523000000005</c:v>
                </c:pt>
                <c:pt idx="173">
                  <c:v>88.830189000000246</c:v>
                </c:pt>
                <c:pt idx="174">
                  <c:v>90.898134000000027</c:v>
                </c:pt>
                <c:pt idx="175">
                  <c:v>92.527544000000034</c:v>
                </c:pt>
                <c:pt idx="176">
                  <c:v>93.869693999999981</c:v>
                </c:pt>
                <c:pt idx="177">
                  <c:v>94.274364000000332</c:v>
                </c:pt>
                <c:pt idx="178">
                  <c:v>94.238254000000325</c:v>
                </c:pt>
                <c:pt idx="179">
                  <c:v>94.110429000000295</c:v>
                </c:pt>
                <c:pt idx="180">
                  <c:v>94.019435000000158</c:v>
                </c:pt>
                <c:pt idx="181">
                  <c:v>93.886848999999984</c:v>
                </c:pt>
                <c:pt idx="182">
                  <c:v>93.859554000000117</c:v>
                </c:pt>
                <c:pt idx="183">
                  <c:v>93.14490300000034</c:v>
                </c:pt>
                <c:pt idx="184">
                  <c:v>91.729350999999951</c:v>
                </c:pt>
                <c:pt idx="185">
                  <c:v>90.371562000000267</c:v>
                </c:pt>
                <c:pt idx="186">
                  <c:v>89.862914000000274</c:v>
                </c:pt>
                <c:pt idx="187">
                  <c:v>89.433605000000171</c:v>
                </c:pt>
                <c:pt idx="188">
                  <c:v>89.126410000000305</c:v>
                </c:pt>
                <c:pt idx="189">
                  <c:v>88.931286</c:v>
                </c:pt>
                <c:pt idx="190">
                  <c:v>88.755497999999989</c:v>
                </c:pt>
                <c:pt idx="191">
                  <c:v>88.843928000000233</c:v>
                </c:pt>
                <c:pt idx="192">
                  <c:v>88.666455000000042</c:v>
                </c:pt>
                <c:pt idx="193">
                  <c:v>89.774617000000035</c:v>
                </c:pt>
                <c:pt idx="194">
                  <c:v>91.072112000000288</c:v>
                </c:pt>
                <c:pt idx="195">
                  <c:v>92.286509000000024</c:v>
                </c:pt>
                <c:pt idx="196">
                  <c:v>93.72305600000027</c:v>
                </c:pt>
                <c:pt idx="197">
                  <c:v>95.339128999999957</c:v>
                </c:pt>
                <c:pt idx="198">
                  <c:v>96.475831000000198</c:v>
                </c:pt>
                <c:pt idx="199">
                  <c:v>96.085042000000158</c:v>
                </c:pt>
                <c:pt idx="200">
                  <c:v>95.473491000000195</c:v>
                </c:pt>
                <c:pt idx="201">
                  <c:v>95.745802000000367</c:v>
                </c:pt>
                <c:pt idx="202">
                  <c:v>96.465962000000218</c:v>
                </c:pt>
                <c:pt idx="203">
                  <c:v>97.057216000000153</c:v>
                </c:pt>
                <c:pt idx="204">
                  <c:v>97.687993000000006</c:v>
                </c:pt>
                <c:pt idx="205">
                  <c:v>97.539367000000311</c:v>
                </c:pt>
                <c:pt idx="206">
                  <c:v>96.650450000000092</c:v>
                </c:pt>
                <c:pt idx="207">
                  <c:v>95.550051000000167</c:v>
                </c:pt>
                <c:pt idx="208">
                  <c:v>94.583313999999973</c:v>
                </c:pt>
                <c:pt idx="209">
                  <c:v>93.975570000000062</c:v>
                </c:pt>
                <c:pt idx="210">
                  <c:v>94.124526999999944</c:v>
                </c:pt>
                <c:pt idx="211">
                  <c:v>93.952590000000328</c:v>
                </c:pt>
                <c:pt idx="212">
                  <c:v>93.081537000000026</c:v>
                </c:pt>
                <c:pt idx="213">
                  <c:v>92.415074000000004</c:v>
                </c:pt>
                <c:pt idx="214">
                  <c:v>92.465059999999994</c:v>
                </c:pt>
                <c:pt idx="215">
                  <c:v>93.09871000000021</c:v>
                </c:pt>
                <c:pt idx="216">
                  <c:v>94.137865000000147</c:v>
                </c:pt>
                <c:pt idx="217">
                  <c:v>95.322136000000228</c:v>
                </c:pt>
                <c:pt idx="218">
                  <c:v>95.848293000000012</c:v>
                </c:pt>
                <c:pt idx="219">
                  <c:v>95.773811000000023</c:v>
                </c:pt>
                <c:pt idx="220">
                  <c:v>95.730199000000084</c:v>
                </c:pt>
                <c:pt idx="221">
                  <c:v>96.289663000000019</c:v>
                </c:pt>
                <c:pt idx="222">
                  <c:v>97.049183999999968</c:v>
                </c:pt>
                <c:pt idx="223">
                  <c:v>97.407826000000114</c:v>
                </c:pt>
                <c:pt idx="224">
                  <c:v>97.550725000000057</c:v>
                </c:pt>
                <c:pt idx="225">
                  <c:v>97.968073000000004</c:v>
                </c:pt>
                <c:pt idx="226">
                  <c:v>98.062518000000182</c:v>
                </c:pt>
                <c:pt idx="227">
                  <c:v>97.698147999999946</c:v>
                </c:pt>
                <c:pt idx="228">
                  <c:v>97.128721000000041</c:v>
                </c:pt>
                <c:pt idx="229">
                  <c:v>96.884103000000323</c:v>
                </c:pt>
                <c:pt idx="230">
                  <c:v>97.070497000000159</c:v>
                </c:pt>
                <c:pt idx="231">
                  <c:v>97.531398000000081</c:v>
                </c:pt>
                <c:pt idx="232">
                  <c:v>97.714887999999974</c:v>
                </c:pt>
                <c:pt idx="233">
                  <c:v>97.949888999999985</c:v>
                </c:pt>
                <c:pt idx="234">
                  <c:v>98.192361000000346</c:v>
                </c:pt>
                <c:pt idx="235">
                  <c:v>98.002898000000187</c:v>
                </c:pt>
                <c:pt idx="236">
                  <c:v>97.267902000000049</c:v>
                </c:pt>
                <c:pt idx="237">
                  <c:v>96.217669999999998</c:v>
                </c:pt>
                <c:pt idx="238">
                  <c:v>95.160073000000011</c:v>
                </c:pt>
                <c:pt idx="239">
                  <c:v>94.042971000000307</c:v>
                </c:pt>
                <c:pt idx="240">
                  <c:v>93.578751000000011</c:v>
                </c:pt>
                <c:pt idx="241">
                  <c:v>94.26633400000037</c:v>
                </c:pt>
                <c:pt idx="242">
                  <c:v>95.616598999999951</c:v>
                </c:pt>
                <c:pt idx="243">
                  <c:v>96.487162000000353</c:v>
                </c:pt>
                <c:pt idx="244">
                  <c:v>97.55851900000016</c:v>
                </c:pt>
                <c:pt idx="245">
                  <c:v>98.926854000000276</c:v>
                </c:pt>
                <c:pt idx="246">
                  <c:v>100.18040199999996</c:v>
                </c:pt>
                <c:pt idx="247">
                  <c:v>100.79459100000031</c:v>
                </c:pt>
                <c:pt idx="248">
                  <c:v>101.07987200000025</c:v>
                </c:pt>
                <c:pt idx="249">
                  <c:v>101.01477000000023</c:v>
                </c:pt>
                <c:pt idx="250">
                  <c:v>100.41849100000036</c:v>
                </c:pt>
                <c:pt idx="251">
                  <c:v>99.918331000000308</c:v>
                </c:pt>
                <c:pt idx="252">
                  <c:v>99.793286999999964</c:v>
                </c:pt>
                <c:pt idx="253">
                  <c:v>99.317815000000337</c:v>
                </c:pt>
                <c:pt idx="254">
                  <c:v>99.029359999999997</c:v>
                </c:pt>
                <c:pt idx="255">
                  <c:v>98.373221000000285</c:v>
                </c:pt>
                <c:pt idx="256">
                  <c:v>97.824031000000105</c:v>
                </c:pt>
                <c:pt idx="257">
                  <c:v>97.608177999999953</c:v>
                </c:pt>
                <c:pt idx="258">
                  <c:v>97.616623000000345</c:v>
                </c:pt>
                <c:pt idx="259">
                  <c:v>97.722097000000304</c:v>
                </c:pt>
                <c:pt idx="260">
                  <c:v>97.92032700000027</c:v>
                </c:pt>
                <c:pt idx="261">
                  <c:v>97.867108000000371</c:v>
                </c:pt>
                <c:pt idx="262">
                  <c:v>97.666907000000265</c:v>
                </c:pt>
                <c:pt idx="263">
                  <c:v>97.676433999999972</c:v>
                </c:pt>
                <c:pt idx="264">
                  <c:v>97.999803000000156</c:v>
                </c:pt>
                <c:pt idx="265">
                  <c:v>98.659198000000288</c:v>
                </c:pt>
                <c:pt idx="266">
                  <c:v>98.990711000000374</c:v>
                </c:pt>
                <c:pt idx="267">
                  <c:v>99.475623000000269</c:v>
                </c:pt>
                <c:pt idx="268">
                  <c:v>100.05185100000017</c:v>
                </c:pt>
                <c:pt idx="269">
                  <c:v>100.74016700000038</c:v>
                </c:pt>
                <c:pt idx="270">
                  <c:v>100.83005400000002</c:v>
                </c:pt>
                <c:pt idx="271">
                  <c:v>101.24039300000004</c:v>
                </c:pt>
                <c:pt idx="272">
                  <c:v>102.73464200000035</c:v>
                </c:pt>
                <c:pt idx="273">
                  <c:v>104.08092800000031</c:v>
                </c:pt>
                <c:pt idx="274">
                  <c:v>104.51710600000024</c:v>
                </c:pt>
                <c:pt idx="275">
                  <c:v>104.23112000000037</c:v>
                </c:pt>
                <c:pt idx="276">
                  <c:v>103.87797900000032</c:v>
                </c:pt>
                <c:pt idx="277">
                  <c:v>102.70911700000033</c:v>
                </c:pt>
                <c:pt idx="278">
                  <c:v>101.58476500000006</c:v>
                </c:pt>
                <c:pt idx="279">
                  <c:v>100.00911700000006</c:v>
                </c:pt>
                <c:pt idx="280">
                  <c:v>99.704603000000134</c:v>
                </c:pt>
                <c:pt idx="281">
                  <c:v>99.6836330000001</c:v>
                </c:pt>
                <c:pt idx="282">
                  <c:v>99.488004000000274</c:v>
                </c:pt>
                <c:pt idx="283">
                  <c:v>98.99990600000001</c:v>
                </c:pt>
                <c:pt idx="284">
                  <c:v>98.943375000000287</c:v>
                </c:pt>
                <c:pt idx="285">
                  <c:v>100.15823799999998</c:v>
                </c:pt>
                <c:pt idx="286">
                  <c:v>101.41988300000003</c:v>
                </c:pt>
                <c:pt idx="287">
                  <c:v>102.59590600000001</c:v>
                </c:pt>
                <c:pt idx="288">
                  <c:v>103.9814150000002</c:v>
                </c:pt>
                <c:pt idx="289">
                  <c:v>105.51220300000023</c:v>
                </c:pt>
                <c:pt idx="290">
                  <c:v>106.26557900000034</c:v>
                </c:pt>
                <c:pt idx="291">
                  <c:v>106.49806699999999</c:v>
                </c:pt>
                <c:pt idx="292">
                  <c:v>106.73393600000009</c:v>
                </c:pt>
                <c:pt idx="293">
                  <c:v>106.51617299999998</c:v>
                </c:pt>
                <c:pt idx="294">
                  <c:v>106.2464130000003</c:v>
                </c:pt>
                <c:pt idx="295">
                  <c:v>105.47291799999994</c:v>
                </c:pt>
                <c:pt idx="296">
                  <c:v>104.71008600000005</c:v>
                </c:pt>
                <c:pt idx="297">
                  <c:v>104.09333700000025</c:v>
                </c:pt>
                <c:pt idx="298">
                  <c:v>102.93702100000019</c:v>
                </c:pt>
                <c:pt idx="299">
                  <c:v>101.63862599999993</c:v>
                </c:pt>
                <c:pt idx="300">
                  <c:v>101.03307100000029</c:v>
                </c:pt>
                <c:pt idx="301">
                  <c:v>101.63221000000021</c:v>
                </c:pt>
                <c:pt idx="302">
                  <c:v>102.31236800000033</c:v>
                </c:pt>
                <c:pt idx="303">
                  <c:v>103.56369300000006</c:v>
                </c:pt>
                <c:pt idx="304">
                  <c:v>104.6748620000003</c:v>
                </c:pt>
                <c:pt idx="305">
                  <c:v>105.33774900000026</c:v>
                </c:pt>
                <c:pt idx="306">
                  <c:v>105.3509710000003</c:v>
                </c:pt>
                <c:pt idx="307">
                  <c:v>104.71218799999997</c:v>
                </c:pt>
                <c:pt idx="308">
                  <c:v>103.98218799999995</c:v>
                </c:pt>
                <c:pt idx="309">
                  <c:v>103.761348</c:v>
                </c:pt>
                <c:pt idx="310">
                  <c:v>103.61172699999997</c:v>
                </c:pt>
                <c:pt idx="311">
                  <c:v>103.52313100000038</c:v>
                </c:pt>
                <c:pt idx="312">
                  <c:v>103.30290400000013</c:v>
                </c:pt>
                <c:pt idx="313">
                  <c:v>103.13490100000035</c:v>
                </c:pt>
                <c:pt idx="314">
                  <c:v>103.21565200000032</c:v>
                </c:pt>
                <c:pt idx="315">
                  <c:v>104.11644999999999</c:v>
                </c:pt>
                <c:pt idx="316">
                  <c:v>105.59487000000036</c:v>
                </c:pt>
                <c:pt idx="317">
                  <c:v>106.84035900000026</c:v>
                </c:pt>
                <c:pt idx="318">
                  <c:v>107.53867100000025</c:v>
                </c:pt>
                <c:pt idx="319">
                  <c:v>107.58501000000024</c:v>
                </c:pt>
                <c:pt idx="320">
                  <c:v>107.8626720000002</c:v>
                </c:pt>
                <c:pt idx="321">
                  <c:v>107.83690900000011</c:v>
                </c:pt>
                <c:pt idx="322">
                  <c:v>107.20694300000014</c:v>
                </c:pt>
                <c:pt idx="323">
                  <c:v>106.4797410000001</c:v>
                </c:pt>
                <c:pt idx="324">
                  <c:v>105.99593000000004</c:v>
                </c:pt>
                <c:pt idx="325">
                  <c:v>104.827988</c:v>
                </c:pt>
                <c:pt idx="326">
                  <c:v>103.60877800000026</c:v>
                </c:pt>
                <c:pt idx="327">
                  <c:v>102.81688500000018</c:v>
                </c:pt>
                <c:pt idx="328">
                  <c:v>102.63467700000001</c:v>
                </c:pt>
                <c:pt idx="329">
                  <c:v>103.18798400000014</c:v>
                </c:pt>
                <c:pt idx="330">
                  <c:v>103.15335700000014</c:v>
                </c:pt>
                <c:pt idx="331">
                  <c:v>103.00567100000035</c:v>
                </c:pt>
                <c:pt idx="332">
                  <c:v>102.93495299999995</c:v>
                </c:pt>
                <c:pt idx="333">
                  <c:v>103.63256100000035</c:v>
                </c:pt>
                <c:pt idx="334">
                  <c:v>104.71264599999995</c:v>
                </c:pt>
                <c:pt idx="335">
                  <c:v>106.50684300000012</c:v>
                </c:pt>
                <c:pt idx="336">
                  <c:v>108.01507900000024</c:v>
                </c:pt>
                <c:pt idx="337">
                  <c:v>109.04403300000013</c:v>
                </c:pt>
                <c:pt idx="338">
                  <c:v>108.86308700000018</c:v>
                </c:pt>
                <c:pt idx="339">
                  <c:v>108.52201400000013</c:v>
                </c:pt>
                <c:pt idx="340">
                  <c:v>108.42733200000021</c:v>
                </c:pt>
                <c:pt idx="341">
                  <c:v>109.17848200000026</c:v>
                </c:pt>
                <c:pt idx="342">
                  <c:v>110.08822800000007</c:v>
                </c:pt>
                <c:pt idx="343">
                  <c:v>110.1141590000002</c:v>
                </c:pt>
                <c:pt idx="344">
                  <c:v>110.33815400000003</c:v>
                </c:pt>
                <c:pt idx="345">
                  <c:v>110.97411499999998</c:v>
                </c:pt>
                <c:pt idx="346">
                  <c:v>111.0888030000001</c:v>
                </c:pt>
                <c:pt idx="347">
                  <c:v>111.22814700000026</c:v>
                </c:pt>
                <c:pt idx="348">
                  <c:v>111.85388200000034</c:v>
                </c:pt>
                <c:pt idx="349">
                  <c:v>112.08586100000002</c:v>
                </c:pt>
                <c:pt idx="350">
                  <c:v>111.68251899999996</c:v>
                </c:pt>
                <c:pt idx="351">
                  <c:v>110.98882300000014</c:v>
                </c:pt>
                <c:pt idx="352">
                  <c:v>110.29686200000015</c:v>
                </c:pt>
                <c:pt idx="353">
                  <c:v>109.9419740000003</c:v>
                </c:pt>
                <c:pt idx="354">
                  <c:v>109.1347780000001</c:v>
                </c:pt>
                <c:pt idx="355">
                  <c:v>108.04179000000022</c:v>
                </c:pt>
                <c:pt idx="356">
                  <c:v>106.65083800000002</c:v>
                </c:pt>
                <c:pt idx="357">
                  <c:v>105.6332110000003</c:v>
                </c:pt>
                <c:pt idx="358">
                  <c:v>104.77092500000026</c:v>
                </c:pt>
                <c:pt idx="359">
                  <c:v>103.85354300000017</c:v>
                </c:pt>
                <c:pt idx="360">
                  <c:v>104.36502700000028</c:v>
                </c:pt>
                <c:pt idx="361">
                  <c:v>105.42872699999998</c:v>
                </c:pt>
                <c:pt idx="362">
                  <c:v>106.69258200000013</c:v>
                </c:pt>
                <c:pt idx="363">
                  <c:v>108.09646599999996</c:v>
                </c:pt>
                <c:pt idx="364">
                  <c:v>109.58529700000008</c:v>
                </c:pt>
                <c:pt idx="365">
                  <c:v>110.97297700000036</c:v>
                </c:pt>
                <c:pt idx="366">
                  <c:v>112.53691000000026</c:v>
                </c:pt>
                <c:pt idx="367">
                  <c:v>114.43394200000012</c:v>
                </c:pt>
                <c:pt idx="368">
                  <c:v>116.13783600000033</c:v>
                </c:pt>
                <c:pt idx="369">
                  <c:v>117.20741700000008</c:v>
                </c:pt>
                <c:pt idx="370">
                  <c:v>117.14486699999998</c:v>
                </c:pt>
                <c:pt idx="371">
                  <c:v>116.02222200000006</c:v>
                </c:pt>
                <c:pt idx="372">
                  <c:v>115.02290900000025</c:v>
                </c:pt>
                <c:pt idx="373">
                  <c:v>113.65697900000032</c:v>
                </c:pt>
                <c:pt idx="374">
                  <c:v>111.81630100000029</c:v>
                </c:pt>
                <c:pt idx="375">
                  <c:v>110.09692799999993</c:v>
                </c:pt>
                <c:pt idx="376">
                  <c:v>108.92005300000028</c:v>
                </c:pt>
                <c:pt idx="377">
                  <c:v>107.95243200000004</c:v>
                </c:pt>
                <c:pt idx="378">
                  <c:v>107.09790000000021</c:v>
                </c:pt>
                <c:pt idx="379">
                  <c:v>106.56229100000019</c:v>
                </c:pt>
                <c:pt idx="380">
                  <c:v>106.59144800000013</c:v>
                </c:pt>
                <c:pt idx="381">
                  <c:v>107.67378099999996</c:v>
                </c:pt>
                <c:pt idx="382">
                  <c:v>108.69420400000035</c:v>
                </c:pt>
                <c:pt idx="383">
                  <c:v>108.78406300000006</c:v>
                </c:pt>
                <c:pt idx="384">
                  <c:v>108.85980000000018</c:v>
                </c:pt>
                <c:pt idx="385">
                  <c:v>109.21795100000008</c:v>
                </c:pt>
                <c:pt idx="386">
                  <c:v>109.56577800000014</c:v>
                </c:pt>
                <c:pt idx="387">
                  <c:v>109.67422400000032</c:v>
                </c:pt>
                <c:pt idx="388">
                  <c:v>110.100234</c:v>
                </c:pt>
                <c:pt idx="389">
                  <c:v>110.69603000000006</c:v>
                </c:pt>
                <c:pt idx="390">
                  <c:v>110.81485999999995</c:v>
                </c:pt>
                <c:pt idx="391">
                  <c:v>110.85102600000027</c:v>
                </c:pt>
                <c:pt idx="392">
                  <c:v>111.69318800000019</c:v>
                </c:pt>
                <c:pt idx="393">
                  <c:v>113.11097599999994</c:v>
                </c:pt>
                <c:pt idx="394">
                  <c:v>114.04633200000035</c:v>
                </c:pt>
                <c:pt idx="395">
                  <c:v>114.87580200000002</c:v>
                </c:pt>
                <c:pt idx="396">
                  <c:v>115.51228700000001</c:v>
                </c:pt>
                <c:pt idx="397">
                  <c:v>115.43914600000016</c:v>
                </c:pt>
                <c:pt idx="398">
                  <c:v>115.31836500000009</c:v>
                </c:pt>
                <c:pt idx="399">
                  <c:v>114.88551700000016</c:v>
                </c:pt>
                <c:pt idx="400">
                  <c:v>114.31876300000022</c:v>
                </c:pt>
                <c:pt idx="401">
                  <c:v>113.42180400000007</c:v>
                </c:pt>
                <c:pt idx="402">
                  <c:v>112.29512599999998</c:v>
                </c:pt>
                <c:pt idx="403">
                  <c:v>109.91732600000023</c:v>
                </c:pt>
                <c:pt idx="404">
                  <c:v>107.44114400000035</c:v>
                </c:pt>
                <c:pt idx="405">
                  <c:v>105.46036200000026</c:v>
                </c:pt>
                <c:pt idx="406">
                  <c:v>103.32814600000029</c:v>
                </c:pt>
                <c:pt idx="407">
                  <c:v>101.5510100000001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FD9C-4380-A7AF-03A8923F415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ulti-150-3s(15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Multi-150-3s(15)'!$D$2:$D$413</c:f>
              <c:numCache>
                <c:formatCode>General</c:formatCode>
                <c:ptCount val="412"/>
                <c:pt idx="0">
                  <c:v>0</c:v>
                </c:pt>
                <c:pt idx="1">
                  <c:v>5.0049999999997041E-3</c:v>
                </c:pt>
                <c:pt idx="2">
                  <c:v>1.0009000000000157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3000000000314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6999999999583E-2</c:v>
                </c:pt>
                <c:pt idx="13">
                  <c:v>6.5062000000000175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7000000000176E-2</c:v>
                </c:pt>
                <c:pt idx="17">
                  <c:v>8.508099999999974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974</c:v>
                </c:pt>
                <c:pt idx="21">
                  <c:v>0.10510099999999944</c:v>
                </c:pt>
                <c:pt idx="22">
                  <c:v>0.1101049999999999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49999999996</c:v>
                </c:pt>
                <c:pt idx="27">
                  <c:v>0.13512900000000005</c:v>
                </c:pt>
                <c:pt idx="28">
                  <c:v>0.14013399999999976</c:v>
                </c:pt>
                <c:pt idx="29">
                  <c:v>0.14513899999999946</c:v>
                </c:pt>
                <c:pt idx="30">
                  <c:v>0.15014400000000006</c:v>
                </c:pt>
                <c:pt idx="31">
                  <c:v>0.15514899999999976</c:v>
                </c:pt>
                <c:pt idx="32">
                  <c:v>0.16015300000000021</c:v>
                </c:pt>
                <c:pt idx="33">
                  <c:v>0.16515799999999992</c:v>
                </c:pt>
                <c:pt idx="34">
                  <c:v>0.17016299999999962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699999999978</c:v>
                </c:pt>
                <c:pt idx="40">
                  <c:v>0.20019199999999948</c:v>
                </c:pt>
                <c:pt idx="41">
                  <c:v>0.20519700000000007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099999999993</c:v>
                </c:pt>
                <c:pt idx="45">
                  <c:v>0.22521599999999964</c:v>
                </c:pt>
                <c:pt idx="46">
                  <c:v>0.23022100000000023</c:v>
                </c:pt>
                <c:pt idx="47">
                  <c:v>0.2352249999999998</c:v>
                </c:pt>
                <c:pt idx="48">
                  <c:v>0.2402299999999995</c:v>
                </c:pt>
                <c:pt idx="49">
                  <c:v>0.24523500000000009</c:v>
                </c:pt>
                <c:pt idx="50">
                  <c:v>0.2502399999999998</c:v>
                </c:pt>
                <c:pt idx="51">
                  <c:v>0.2552449999999995</c:v>
                </c:pt>
                <c:pt idx="52">
                  <c:v>0.26024899999999995</c:v>
                </c:pt>
                <c:pt idx="53">
                  <c:v>0.26525399999999966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899999999966</c:v>
                </c:pt>
                <c:pt idx="57">
                  <c:v>0.28527300000000011</c:v>
                </c:pt>
                <c:pt idx="58">
                  <c:v>0.29027799999999981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299999999981</c:v>
                </c:pt>
                <c:pt idx="62">
                  <c:v>0.31029700000000027</c:v>
                </c:pt>
                <c:pt idx="63">
                  <c:v>0.31530199999999997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099999999954</c:v>
                </c:pt>
                <c:pt idx="68">
                  <c:v>0.34032600000000013</c:v>
                </c:pt>
                <c:pt idx="69">
                  <c:v>0.34533099999999983</c:v>
                </c:pt>
                <c:pt idx="70">
                  <c:v>0.35033599999999954</c:v>
                </c:pt>
                <c:pt idx="71">
                  <c:v>0.35534100000000013</c:v>
                </c:pt>
                <c:pt idx="72">
                  <c:v>0.36034499999999969</c:v>
                </c:pt>
                <c:pt idx="73">
                  <c:v>0.36535000000000029</c:v>
                </c:pt>
                <c:pt idx="74">
                  <c:v>0.37035499999999999</c:v>
                </c:pt>
                <c:pt idx="75">
                  <c:v>0.37535999999999969</c:v>
                </c:pt>
                <c:pt idx="76">
                  <c:v>0.38036500000000029</c:v>
                </c:pt>
                <c:pt idx="77">
                  <c:v>0.38536899999999985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399999999985</c:v>
                </c:pt>
                <c:pt idx="81">
                  <c:v>0.40538899999999956</c:v>
                </c:pt>
                <c:pt idx="82">
                  <c:v>0.41039300000000001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299999999971</c:v>
                </c:pt>
                <c:pt idx="87">
                  <c:v>0.43541700000000017</c:v>
                </c:pt>
                <c:pt idx="88">
                  <c:v>0.44042199999999987</c:v>
                </c:pt>
                <c:pt idx="89">
                  <c:v>0.44542699999999957</c:v>
                </c:pt>
                <c:pt idx="90">
                  <c:v>0.45043200000000017</c:v>
                </c:pt>
                <c:pt idx="91">
                  <c:v>0.45543699999999987</c:v>
                </c:pt>
                <c:pt idx="92">
                  <c:v>0.46044100000000032</c:v>
                </c:pt>
                <c:pt idx="93">
                  <c:v>0.46544600000000003</c:v>
                </c:pt>
                <c:pt idx="94">
                  <c:v>0.47045099999999973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499999999989</c:v>
                </c:pt>
                <c:pt idx="100">
                  <c:v>0.50047999999999959</c:v>
                </c:pt>
                <c:pt idx="101">
                  <c:v>0.50548500000000018</c:v>
                </c:pt>
                <c:pt idx="102">
                  <c:v>0.51048899999999975</c:v>
                </c:pt>
                <c:pt idx="103">
                  <c:v>0.51549399999999945</c:v>
                </c:pt>
                <c:pt idx="104">
                  <c:v>0.52049900000000004</c:v>
                </c:pt>
                <c:pt idx="105">
                  <c:v>0.52550399999999975</c:v>
                </c:pt>
                <c:pt idx="106">
                  <c:v>0.53050899999999945</c:v>
                </c:pt>
                <c:pt idx="107">
                  <c:v>0.53551299999999991</c:v>
                </c:pt>
                <c:pt idx="108">
                  <c:v>0.54051799999999961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299999999961</c:v>
                </c:pt>
                <c:pt idx="112">
                  <c:v>0.56053700000000006</c:v>
                </c:pt>
                <c:pt idx="113">
                  <c:v>0.56554199999999977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699999999977</c:v>
                </c:pt>
                <c:pt idx="117">
                  <c:v>0.58556100000000022</c:v>
                </c:pt>
                <c:pt idx="118">
                  <c:v>0.59056599999999992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499999999949</c:v>
                </c:pt>
                <c:pt idx="123">
                  <c:v>0.61559000000000008</c:v>
                </c:pt>
                <c:pt idx="124">
                  <c:v>0.62059499999999979</c:v>
                </c:pt>
                <c:pt idx="125">
                  <c:v>0.62559999999999949</c:v>
                </c:pt>
                <c:pt idx="126">
                  <c:v>0.63060500000000008</c:v>
                </c:pt>
                <c:pt idx="127">
                  <c:v>0.63560899999999965</c:v>
                </c:pt>
                <c:pt idx="128">
                  <c:v>0.64061400000000024</c:v>
                </c:pt>
                <c:pt idx="129">
                  <c:v>0.64561899999999994</c:v>
                </c:pt>
                <c:pt idx="130">
                  <c:v>0.65062399999999965</c:v>
                </c:pt>
                <c:pt idx="131">
                  <c:v>0.65562900000000024</c:v>
                </c:pt>
                <c:pt idx="132">
                  <c:v>0.6606329999999998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79999999998</c:v>
                </c:pt>
                <c:pt idx="136">
                  <c:v>0.68065299999999951</c:v>
                </c:pt>
                <c:pt idx="137">
                  <c:v>0.68565699999999996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699999999967</c:v>
                </c:pt>
                <c:pt idx="142">
                  <c:v>0.71068100000000012</c:v>
                </c:pt>
                <c:pt idx="143">
                  <c:v>0.71568599999999982</c:v>
                </c:pt>
                <c:pt idx="144">
                  <c:v>0.72069099999999953</c:v>
                </c:pt>
                <c:pt idx="145">
                  <c:v>0.72569600000000012</c:v>
                </c:pt>
                <c:pt idx="146">
                  <c:v>0.73070099999999982</c:v>
                </c:pt>
                <c:pt idx="147">
                  <c:v>0.73570500000000028</c:v>
                </c:pt>
                <c:pt idx="148">
                  <c:v>0.74070999999999998</c:v>
                </c:pt>
                <c:pt idx="149">
                  <c:v>0.74571499999999968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899999999984</c:v>
                </c:pt>
                <c:pt idx="155">
                  <c:v>0.77574399999999955</c:v>
                </c:pt>
                <c:pt idx="156">
                  <c:v>0.78074900000000014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3</c:v>
                </c:pt>
                <c:pt idx="160">
                  <c:v>0.8007679999999997</c:v>
                </c:pt>
                <c:pt idx="161">
                  <c:v>0.80577300000000029</c:v>
                </c:pt>
                <c:pt idx="162">
                  <c:v>0.81077699999999986</c:v>
                </c:pt>
                <c:pt idx="163">
                  <c:v>0.81578199999999956</c:v>
                </c:pt>
                <c:pt idx="164">
                  <c:v>0.82078700000000016</c:v>
                </c:pt>
                <c:pt idx="165">
                  <c:v>0.82579199999999986</c:v>
                </c:pt>
                <c:pt idx="166">
                  <c:v>0.83079699999999956</c:v>
                </c:pt>
                <c:pt idx="167">
                  <c:v>0.83580100000000002</c:v>
                </c:pt>
                <c:pt idx="168">
                  <c:v>0.84080599999999972</c:v>
                </c:pt>
                <c:pt idx="169">
                  <c:v>0.84581100000000031</c:v>
                </c:pt>
                <c:pt idx="170">
                  <c:v>0.85081600000000002</c:v>
                </c:pt>
                <c:pt idx="171">
                  <c:v>0.85582099999999972</c:v>
                </c:pt>
                <c:pt idx="172">
                  <c:v>0.86082500000000017</c:v>
                </c:pt>
                <c:pt idx="173">
                  <c:v>0.86582999999999988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499999999988</c:v>
                </c:pt>
                <c:pt idx="177">
                  <c:v>0.88584900000000033</c:v>
                </c:pt>
                <c:pt idx="178">
                  <c:v>0.89085400000000003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900000000004</c:v>
                </c:pt>
                <c:pt idx="182">
                  <c:v>0.9108729999999996</c:v>
                </c:pt>
                <c:pt idx="183">
                  <c:v>0.91587800000000019</c:v>
                </c:pt>
                <c:pt idx="184">
                  <c:v>0.9208829999999999</c:v>
                </c:pt>
                <c:pt idx="185">
                  <c:v>0.9258879999999996</c:v>
                </c:pt>
                <c:pt idx="186">
                  <c:v>0.93089300000000019</c:v>
                </c:pt>
                <c:pt idx="187">
                  <c:v>0.93589699999999976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976</c:v>
                </c:pt>
                <c:pt idx="191">
                  <c:v>0.95591699999999946</c:v>
                </c:pt>
                <c:pt idx="192">
                  <c:v>0.96092099999999991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599999999991</c:v>
                </c:pt>
                <c:pt idx="196">
                  <c:v>0.98094099999999962</c:v>
                </c:pt>
                <c:pt idx="197">
                  <c:v>0.98594500000000007</c:v>
                </c:pt>
                <c:pt idx="198">
                  <c:v>0.99094999999999978</c:v>
                </c:pt>
                <c:pt idx="199">
                  <c:v>0.99595499999999948</c:v>
                </c:pt>
                <c:pt idx="200">
                  <c:v>1.0009600000000001</c:v>
                </c:pt>
                <c:pt idx="201">
                  <c:v>1.0059649999999998</c:v>
                </c:pt>
                <c:pt idx="202">
                  <c:v>1.0109690000000002</c:v>
                </c:pt>
                <c:pt idx="203">
                  <c:v>1.0159739999999999</c:v>
                </c:pt>
                <c:pt idx="204">
                  <c:v>1.0209789999999996</c:v>
                </c:pt>
                <c:pt idx="205">
                  <c:v>1.0259840000000002</c:v>
                </c:pt>
                <c:pt idx="206">
                  <c:v>1.030988999999999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29999999998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09999999998</c:v>
                </c:pt>
                <c:pt idx="218">
                  <c:v>1.0910459999999995</c:v>
                </c:pt>
                <c:pt idx="219">
                  <c:v>1.0960510000000001</c:v>
                </c:pt>
                <c:pt idx="220">
                  <c:v>1.1010559999999998</c:v>
                </c:pt>
                <c:pt idx="221">
                  <c:v>1.1060609999999995</c:v>
                </c:pt>
                <c:pt idx="222">
                  <c:v>1.111065</c:v>
                </c:pt>
                <c:pt idx="223">
                  <c:v>1.1160699999999997</c:v>
                </c:pt>
                <c:pt idx="224">
                  <c:v>1.1210750000000003</c:v>
                </c:pt>
                <c:pt idx="225">
                  <c:v>1.12608</c:v>
                </c:pt>
                <c:pt idx="226">
                  <c:v>1.1310849999999997</c:v>
                </c:pt>
                <c:pt idx="227">
                  <c:v>1.1360890000000001</c:v>
                </c:pt>
                <c:pt idx="228">
                  <c:v>1.1410939999999998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89999999998</c:v>
                </c:pt>
                <c:pt idx="232">
                  <c:v>1.1611130000000003</c:v>
                </c:pt>
                <c:pt idx="233">
                  <c:v>1.166118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3</c:v>
                </c:pt>
                <c:pt idx="237">
                  <c:v>1.1861369999999996</c:v>
                </c:pt>
                <c:pt idx="238">
                  <c:v>1.1911420000000001</c:v>
                </c:pt>
                <c:pt idx="239">
                  <c:v>1.1961469999999998</c:v>
                </c:pt>
                <c:pt idx="240">
                  <c:v>1.2011519999999996</c:v>
                </c:pt>
                <c:pt idx="241">
                  <c:v>1.2061570000000001</c:v>
                </c:pt>
                <c:pt idx="242">
                  <c:v>1.2111609999999997</c:v>
                </c:pt>
                <c:pt idx="243">
                  <c:v>1.2161660000000003</c:v>
                </c:pt>
                <c:pt idx="244">
                  <c:v>1.221171</c:v>
                </c:pt>
                <c:pt idx="245">
                  <c:v>1.2261759999999997</c:v>
                </c:pt>
                <c:pt idx="246">
                  <c:v>1.2311810000000003</c:v>
                </c:pt>
                <c:pt idx="247">
                  <c:v>1.2361849999999999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1999999999999</c:v>
                </c:pt>
                <c:pt idx="251">
                  <c:v>1.2562049999999996</c:v>
                </c:pt>
                <c:pt idx="252">
                  <c:v>1.261209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4</c:v>
                </c:pt>
                <c:pt idx="256">
                  <c:v>1.2812289999999997</c:v>
                </c:pt>
                <c:pt idx="257">
                  <c:v>1.2862330000000002</c:v>
                </c:pt>
                <c:pt idx="258">
                  <c:v>1.2912379999999999</c:v>
                </c:pt>
                <c:pt idx="259">
                  <c:v>1.2962429999999996</c:v>
                </c:pt>
                <c:pt idx="260">
                  <c:v>1.3012480000000002</c:v>
                </c:pt>
                <c:pt idx="261">
                  <c:v>1.306252999999999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69999999997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09999999999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49999999998</c:v>
                </c:pt>
                <c:pt idx="273">
                  <c:v>1.3663099999999995</c:v>
                </c:pt>
                <c:pt idx="274">
                  <c:v>1.3713150000000001</c:v>
                </c:pt>
                <c:pt idx="275">
                  <c:v>1.3763199999999998</c:v>
                </c:pt>
                <c:pt idx="276">
                  <c:v>1.3813249999999995</c:v>
                </c:pt>
                <c:pt idx="277">
                  <c:v>1.3863289999999999</c:v>
                </c:pt>
                <c:pt idx="278">
                  <c:v>1.3913339999999996</c:v>
                </c:pt>
                <c:pt idx="279">
                  <c:v>1.3963390000000002</c:v>
                </c:pt>
                <c:pt idx="280">
                  <c:v>1.4013439999999999</c:v>
                </c:pt>
                <c:pt idx="281">
                  <c:v>1.4063489999999996</c:v>
                </c:pt>
                <c:pt idx="282">
                  <c:v>1.4113530000000001</c:v>
                </c:pt>
                <c:pt idx="283">
                  <c:v>1.4163579999999998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29999999998</c:v>
                </c:pt>
                <c:pt idx="287">
                  <c:v>1.4363770000000002</c:v>
                </c:pt>
                <c:pt idx="288">
                  <c:v>1.4413819999999999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69999999999</c:v>
                </c:pt>
                <c:pt idx="292">
                  <c:v>1.4614009999999995</c:v>
                </c:pt>
                <c:pt idx="293">
                  <c:v>1.4664060000000001</c:v>
                </c:pt>
                <c:pt idx="294">
                  <c:v>1.4714109999999998</c:v>
                </c:pt>
                <c:pt idx="295">
                  <c:v>1.4764159999999995</c:v>
                </c:pt>
                <c:pt idx="296">
                  <c:v>1.4814210000000001</c:v>
                </c:pt>
                <c:pt idx="297">
                  <c:v>1.4864249999999997</c:v>
                </c:pt>
                <c:pt idx="298">
                  <c:v>1.4914300000000003</c:v>
                </c:pt>
                <c:pt idx="299">
                  <c:v>1.496435</c:v>
                </c:pt>
                <c:pt idx="300">
                  <c:v>1.5014399999999997</c:v>
                </c:pt>
                <c:pt idx="301">
                  <c:v>1.5064450000000003</c:v>
                </c:pt>
                <c:pt idx="302">
                  <c:v>1.5114489999999998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39999999998</c:v>
                </c:pt>
                <c:pt idx="306">
                  <c:v>1.5314689999999995</c:v>
                </c:pt>
                <c:pt idx="307">
                  <c:v>1.536473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8</c:v>
                </c:pt>
                <c:pt idx="311">
                  <c:v>1.5564929999999997</c:v>
                </c:pt>
                <c:pt idx="312">
                  <c:v>1.5614970000000001</c:v>
                </c:pt>
                <c:pt idx="313">
                  <c:v>1.5665019999999998</c:v>
                </c:pt>
                <c:pt idx="314">
                  <c:v>1.5715069999999995</c:v>
                </c:pt>
                <c:pt idx="315">
                  <c:v>1.5765120000000001</c:v>
                </c:pt>
                <c:pt idx="316">
                  <c:v>1.5815169999999998</c:v>
                </c:pt>
                <c:pt idx="317">
                  <c:v>1.5865210000000003</c:v>
                </c:pt>
                <c:pt idx="318">
                  <c:v>1.591526</c:v>
                </c:pt>
                <c:pt idx="319">
                  <c:v>1.5965309999999997</c:v>
                </c:pt>
                <c:pt idx="320">
                  <c:v>1.6015360000000003</c:v>
                </c:pt>
                <c:pt idx="321">
                  <c:v>1.606541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49999999999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689999999997</c:v>
                </c:pt>
                <c:pt idx="328">
                  <c:v>1.6415739999999994</c:v>
                </c:pt>
                <c:pt idx="329">
                  <c:v>1.646579</c:v>
                </c:pt>
                <c:pt idx="330">
                  <c:v>1.6515840000000006</c:v>
                </c:pt>
                <c:pt idx="331">
                  <c:v>1.6565889999999994</c:v>
                </c:pt>
                <c:pt idx="332">
                  <c:v>1.6615930000000008</c:v>
                </c:pt>
                <c:pt idx="333">
                  <c:v>1.6665979999999996</c:v>
                </c:pt>
                <c:pt idx="334">
                  <c:v>1.6716030000000002</c:v>
                </c:pt>
                <c:pt idx="335">
                  <c:v>1.6766080000000008</c:v>
                </c:pt>
                <c:pt idx="336">
                  <c:v>1.6816129999999996</c:v>
                </c:pt>
                <c:pt idx="337">
                  <c:v>1.6866169999999991</c:v>
                </c:pt>
                <c:pt idx="338">
                  <c:v>1.6916219999999997</c:v>
                </c:pt>
                <c:pt idx="339">
                  <c:v>1.6966270000000003</c:v>
                </c:pt>
                <c:pt idx="340">
                  <c:v>1.7016319999999991</c:v>
                </c:pt>
                <c:pt idx="341">
                  <c:v>1.7066369999999997</c:v>
                </c:pt>
                <c:pt idx="342">
                  <c:v>1.7116409999999993</c:v>
                </c:pt>
                <c:pt idx="343">
                  <c:v>1.7166459999999999</c:v>
                </c:pt>
                <c:pt idx="344">
                  <c:v>1.7216510000000005</c:v>
                </c:pt>
                <c:pt idx="345">
                  <c:v>1.7266559999999993</c:v>
                </c:pt>
                <c:pt idx="346">
                  <c:v>1.7316609999999999</c:v>
                </c:pt>
                <c:pt idx="347">
                  <c:v>1.7366649999999995</c:v>
                </c:pt>
                <c:pt idx="348">
                  <c:v>1.7416700000000001</c:v>
                </c:pt>
                <c:pt idx="349">
                  <c:v>1.7466750000000006</c:v>
                </c:pt>
                <c:pt idx="350">
                  <c:v>1.7516799999999995</c:v>
                </c:pt>
                <c:pt idx="351">
                  <c:v>1.7566850000000001</c:v>
                </c:pt>
                <c:pt idx="352">
                  <c:v>1.7616889999999996</c:v>
                </c:pt>
                <c:pt idx="353">
                  <c:v>1.7666940000000002</c:v>
                </c:pt>
                <c:pt idx="354">
                  <c:v>1.771698999999999</c:v>
                </c:pt>
                <c:pt idx="355">
                  <c:v>1.7767039999999996</c:v>
                </c:pt>
                <c:pt idx="356">
                  <c:v>1.7817090000000002</c:v>
                </c:pt>
                <c:pt idx="357">
                  <c:v>1.7867129999999998</c:v>
                </c:pt>
                <c:pt idx="358">
                  <c:v>1.7917180000000004</c:v>
                </c:pt>
                <c:pt idx="359">
                  <c:v>1.7967229999999992</c:v>
                </c:pt>
                <c:pt idx="360">
                  <c:v>1.8017279999999998</c:v>
                </c:pt>
                <c:pt idx="361">
                  <c:v>1.8067330000000004</c:v>
                </c:pt>
                <c:pt idx="362">
                  <c:v>1.8117369999999999</c:v>
                </c:pt>
                <c:pt idx="363">
                  <c:v>1.8167420000000005</c:v>
                </c:pt>
                <c:pt idx="364">
                  <c:v>1.8217469999999993</c:v>
                </c:pt>
                <c:pt idx="365">
                  <c:v>1.8267519999999999</c:v>
                </c:pt>
                <c:pt idx="366">
                  <c:v>1.8317570000000005</c:v>
                </c:pt>
                <c:pt idx="367">
                  <c:v>1.8367610000000001</c:v>
                </c:pt>
                <c:pt idx="368">
                  <c:v>1.8417660000000007</c:v>
                </c:pt>
                <c:pt idx="369">
                  <c:v>1.8467709999999995</c:v>
                </c:pt>
                <c:pt idx="370">
                  <c:v>1.8517760000000001</c:v>
                </c:pt>
                <c:pt idx="371">
                  <c:v>1.8567810000000007</c:v>
                </c:pt>
                <c:pt idx="372">
                  <c:v>1.8617850000000002</c:v>
                </c:pt>
                <c:pt idx="373">
                  <c:v>1.8667899999999991</c:v>
                </c:pt>
                <c:pt idx="374">
                  <c:v>1.8717949999999997</c:v>
                </c:pt>
                <c:pt idx="375">
                  <c:v>1.8768000000000002</c:v>
                </c:pt>
                <c:pt idx="376">
                  <c:v>1.8818049999999991</c:v>
                </c:pt>
                <c:pt idx="377">
                  <c:v>1.8868090000000004</c:v>
                </c:pt>
                <c:pt idx="378">
                  <c:v>1.891813999999999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89999999992</c:v>
                </c:pt>
                <c:pt idx="382">
                  <c:v>1.9118330000000006</c:v>
                </c:pt>
                <c:pt idx="383">
                  <c:v>1.9168379999999994</c:v>
                </c:pt>
                <c:pt idx="384">
                  <c:v>1.921843</c:v>
                </c:pt>
                <c:pt idx="385">
                  <c:v>1.9268480000000006</c:v>
                </c:pt>
                <c:pt idx="386">
                  <c:v>1.9318529999999994</c:v>
                </c:pt>
                <c:pt idx="387">
                  <c:v>1.9368570000000007</c:v>
                </c:pt>
                <c:pt idx="388">
                  <c:v>1.9418619999999995</c:v>
                </c:pt>
                <c:pt idx="389">
                  <c:v>1.9468670000000001</c:v>
                </c:pt>
                <c:pt idx="390">
                  <c:v>1.9518720000000007</c:v>
                </c:pt>
                <c:pt idx="391">
                  <c:v>1.9568769999999995</c:v>
                </c:pt>
                <c:pt idx="392">
                  <c:v>1.9618809999999991</c:v>
                </c:pt>
                <c:pt idx="393">
                  <c:v>1.9668859999999997</c:v>
                </c:pt>
                <c:pt idx="394">
                  <c:v>1.9718910000000003</c:v>
                </c:pt>
                <c:pt idx="395">
                  <c:v>1.9768959999999991</c:v>
                </c:pt>
                <c:pt idx="396">
                  <c:v>1.9819009999999997</c:v>
                </c:pt>
                <c:pt idx="397">
                  <c:v>1.9869049999999993</c:v>
                </c:pt>
                <c:pt idx="398">
                  <c:v>1.9919099999999998</c:v>
                </c:pt>
                <c:pt idx="399">
                  <c:v>1.9969150000000004</c:v>
                </c:pt>
                <c:pt idx="400">
                  <c:v>2.0019199999999993</c:v>
                </c:pt>
                <c:pt idx="401">
                  <c:v>2.0069249999999998</c:v>
                </c:pt>
                <c:pt idx="402">
                  <c:v>2.0119289999999994</c:v>
                </c:pt>
                <c:pt idx="403">
                  <c:v>2.016934</c:v>
                </c:pt>
                <c:pt idx="404">
                  <c:v>2.0219390000000006</c:v>
                </c:pt>
                <c:pt idx="405">
                  <c:v>2.0269439999999994</c:v>
                </c:pt>
                <c:pt idx="406">
                  <c:v>2.031949</c:v>
                </c:pt>
              </c:numCache>
            </c:numRef>
          </c:xVal>
          <c:yVal>
            <c:numRef>
              <c:f>'Multi-150-3s(15)'!$F$2:$F$413</c:f>
              <c:numCache>
                <c:formatCode>General</c:formatCode>
                <c:ptCount val="412"/>
                <c:pt idx="1">
                  <c:v>0.18019088950270498</c:v>
                </c:pt>
                <c:pt idx="2">
                  <c:v>0.16317313550495588</c:v>
                </c:pt>
                <c:pt idx="3">
                  <c:v>0.16226686694217546</c:v>
                </c:pt>
                <c:pt idx="4">
                  <c:v>0.12802327066540695</c:v>
                </c:pt>
                <c:pt idx="5">
                  <c:v>0.12178345648050058</c:v>
                </c:pt>
                <c:pt idx="6">
                  <c:v>0.11001887079194125</c:v>
                </c:pt>
                <c:pt idx="7">
                  <c:v>9.8376600496298663E-2</c:v>
                </c:pt>
                <c:pt idx="8">
                  <c:v>9.2168224199503795E-2</c:v>
                </c:pt>
                <c:pt idx="9">
                  <c:v>8.2791209160210169E-2</c:v>
                </c:pt>
                <c:pt idx="10">
                  <c:v>7.8840838645677369E-2</c:v>
                </c:pt>
                <c:pt idx="11">
                  <c:v>7.6435214034875132E-2</c:v>
                </c:pt>
                <c:pt idx="12">
                  <c:v>6.9239394952697E-2</c:v>
                </c:pt>
                <c:pt idx="13">
                  <c:v>5.7424142976167117E-2</c:v>
                </c:pt>
                <c:pt idx="14">
                  <c:v>4.4725723334101443E-2</c:v>
                </c:pt>
                <c:pt idx="15">
                  <c:v>3.8546854466211165E-2</c:v>
                </c:pt>
                <c:pt idx="16">
                  <c:v>3.7549665539745501E-2</c:v>
                </c:pt>
                <c:pt idx="17">
                  <c:v>3.9796430196158125E-2</c:v>
                </c:pt>
                <c:pt idx="18">
                  <c:v>4.1586443683785029E-2</c:v>
                </c:pt>
                <c:pt idx="19">
                  <c:v>4.4549099935926352E-2</c:v>
                </c:pt>
                <c:pt idx="20">
                  <c:v>4.7691063819566455E-2</c:v>
                </c:pt>
                <c:pt idx="21">
                  <c:v>5.4000394177853218E-2</c:v>
                </c:pt>
                <c:pt idx="22">
                  <c:v>5.9257141959245863E-2</c:v>
                </c:pt>
                <c:pt idx="23">
                  <c:v>6.4194069849309518E-2</c:v>
                </c:pt>
                <c:pt idx="24">
                  <c:v>6.5913542068085973E-2</c:v>
                </c:pt>
                <c:pt idx="25">
                  <c:v>6.7110742917019614E-2</c:v>
                </c:pt>
                <c:pt idx="26">
                  <c:v>6.5384294841336468E-2</c:v>
                </c:pt>
                <c:pt idx="27">
                  <c:v>6.5581412128402822E-2</c:v>
                </c:pt>
                <c:pt idx="28">
                  <c:v>6.5869795164128109E-2</c:v>
                </c:pt>
                <c:pt idx="29">
                  <c:v>6.3219697772937955E-2</c:v>
                </c:pt>
                <c:pt idx="30">
                  <c:v>6.0142152904585147E-2</c:v>
                </c:pt>
                <c:pt idx="31">
                  <c:v>5.5404752375361591E-2</c:v>
                </c:pt>
                <c:pt idx="32">
                  <c:v>5.1790641409121908E-2</c:v>
                </c:pt>
                <c:pt idx="33">
                  <c:v>4.7459408246983692E-2</c:v>
                </c:pt>
                <c:pt idx="34">
                  <c:v>4.553128786600287E-2</c:v>
                </c:pt>
                <c:pt idx="35">
                  <c:v>4.465831680850417E-2</c:v>
                </c:pt>
                <c:pt idx="36">
                  <c:v>4.2517457965438175E-2</c:v>
                </c:pt>
                <c:pt idx="37">
                  <c:v>4.1276602150503133E-2</c:v>
                </c:pt>
                <c:pt idx="38">
                  <c:v>4.4422579963868121E-2</c:v>
                </c:pt>
                <c:pt idx="39">
                  <c:v>4.9154554839862467E-2</c:v>
                </c:pt>
                <c:pt idx="40">
                  <c:v>5.17634177501426E-2</c:v>
                </c:pt>
                <c:pt idx="41">
                  <c:v>5.5158017259172153E-2</c:v>
                </c:pt>
                <c:pt idx="42">
                  <c:v>5.9514619332556119E-2</c:v>
                </c:pt>
                <c:pt idx="43">
                  <c:v>6.3812634081345909E-2</c:v>
                </c:pt>
                <c:pt idx="44">
                  <c:v>6.5732472655998228E-2</c:v>
                </c:pt>
                <c:pt idx="45">
                  <c:v>6.5222413453620939E-2</c:v>
                </c:pt>
                <c:pt idx="46">
                  <c:v>6.2292743898821584E-2</c:v>
                </c:pt>
                <c:pt idx="47">
                  <c:v>5.9192410201393195E-2</c:v>
                </c:pt>
                <c:pt idx="48">
                  <c:v>5.5377319213296874E-2</c:v>
                </c:pt>
                <c:pt idx="49">
                  <c:v>4.938469136927387E-2</c:v>
                </c:pt>
                <c:pt idx="50">
                  <c:v>4.3402129200941789E-2</c:v>
                </c:pt>
                <c:pt idx="51">
                  <c:v>4.0170920277346485E-2</c:v>
                </c:pt>
                <c:pt idx="52">
                  <c:v>3.878614045217571E-2</c:v>
                </c:pt>
                <c:pt idx="53">
                  <c:v>3.8897619547970691E-2</c:v>
                </c:pt>
                <c:pt idx="54">
                  <c:v>3.8214983751140796E-2</c:v>
                </c:pt>
                <c:pt idx="55">
                  <c:v>3.8088916148137753E-2</c:v>
                </c:pt>
                <c:pt idx="56">
                  <c:v>3.9325593803549663E-2</c:v>
                </c:pt>
                <c:pt idx="57">
                  <c:v>4.0493262397524821E-2</c:v>
                </c:pt>
                <c:pt idx="58">
                  <c:v>4.168882462113032E-2</c:v>
                </c:pt>
                <c:pt idx="59">
                  <c:v>4.2171364791147893E-2</c:v>
                </c:pt>
                <c:pt idx="60">
                  <c:v>4.1286010408975185E-2</c:v>
                </c:pt>
                <c:pt idx="61">
                  <c:v>4.1491832140085082E-2</c:v>
                </c:pt>
                <c:pt idx="62">
                  <c:v>4.1787590564849118E-2</c:v>
                </c:pt>
                <c:pt idx="63">
                  <c:v>4.2633579058456064E-2</c:v>
                </c:pt>
                <c:pt idx="64">
                  <c:v>4.3473252006481687E-2</c:v>
                </c:pt>
                <c:pt idx="65">
                  <c:v>4.5066373744324192E-2</c:v>
                </c:pt>
                <c:pt idx="66">
                  <c:v>4.6522963955912509E-2</c:v>
                </c:pt>
                <c:pt idx="67">
                  <c:v>4.8184129317023185E-2</c:v>
                </c:pt>
                <c:pt idx="68">
                  <c:v>4.9243900947811489E-2</c:v>
                </c:pt>
                <c:pt idx="69">
                  <c:v>4.9570204264847796E-2</c:v>
                </c:pt>
                <c:pt idx="70">
                  <c:v>4.8594370929275037E-2</c:v>
                </c:pt>
                <c:pt idx="71">
                  <c:v>4.7666912789202383E-2</c:v>
                </c:pt>
                <c:pt idx="72">
                  <c:v>4.5731048709932956E-2</c:v>
                </c:pt>
                <c:pt idx="73">
                  <c:v>4.3596831129222843E-2</c:v>
                </c:pt>
                <c:pt idx="74">
                  <c:v>4.0839507411291311E-2</c:v>
                </c:pt>
                <c:pt idx="75">
                  <c:v>3.7671258939367271E-2</c:v>
                </c:pt>
                <c:pt idx="76">
                  <c:v>3.4533683277311301E-2</c:v>
                </c:pt>
                <c:pt idx="77">
                  <c:v>3.1405312660710276E-2</c:v>
                </c:pt>
                <c:pt idx="78">
                  <c:v>2.8824090380124127E-2</c:v>
                </c:pt>
                <c:pt idx="79">
                  <c:v>2.7146814500856081E-2</c:v>
                </c:pt>
                <c:pt idx="80">
                  <c:v>2.6303571607309874E-2</c:v>
                </c:pt>
                <c:pt idx="81">
                  <c:v>2.5969541501047945E-2</c:v>
                </c:pt>
                <c:pt idx="82">
                  <c:v>2.6376448088088714E-2</c:v>
                </c:pt>
                <c:pt idx="83">
                  <c:v>2.6593599492897191E-2</c:v>
                </c:pt>
                <c:pt idx="84">
                  <c:v>2.7447464333321629E-2</c:v>
                </c:pt>
                <c:pt idx="85">
                  <c:v>2.8793638630400836E-2</c:v>
                </c:pt>
                <c:pt idx="86">
                  <c:v>3.1059644447225122E-2</c:v>
                </c:pt>
                <c:pt idx="87">
                  <c:v>3.4184539589227243E-2</c:v>
                </c:pt>
                <c:pt idx="88">
                  <c:v>3.7026774489909549E-2</c:v>
                </c:pt>
                <c:pt idx="89">
                  <c:v>3.8815023718669871E-2</c:v>
                </c:pt>
                <c:pt idx="90">
                  <c:v>3.9885075998672248E-2</c:v>
                </c:pt>
                <c:pt idx="91">
                  <c:v>4.0795544639645041E-2</c:v>
                </c:pt>
                <c:pt idx="92">
                  <c:v>4.1802160206328209E-2</c:v>
                </c:pt>
                <c:pt idx="93">
                  <c:v>4.1631545286358457E-2</c:v>
                </c:pt>
                <c:pt idx="94">
                  <c:v>4.0874841503408268E-2</c:v>
                </c:pt>
                <c:pt idx="95">
                  <c:v>3.9563905582474579E-2</c:v>
                </c:pt>
                <c:pt idx="96">
                  <c:v>3.7631049831728332E-2</c:v>
                </c:pt>
                <c:pt idx="97">
                  <c:v>3.6151970515333344E-2</c:v>
                </c:pt>
                <c:pt idx="98">
                  <c:v>3.3948178469290477E-2</c:v>
                </c:pt>
                <c:pt idx="99">
                  <c:v>3.1855926722475267E-2</c:v>
                </c:pt>
                <c:pt idx="100">
                  <c:v>2.8977980988158032E-2</c:v>
                </c:pt>
                <c:pt idx="101">
                  <c:v>2.6541349131261296E-2</c:v>
                </c:pt>
                <c:pt idx="102">
                  <c:v>2.5229960830102142E-2</c:v>
                </c:pt>
                <c:pt idx="103">
                  <c:v>2.3700244065452857E-2</c:v>
                </c:pt>
                <c:pt idx="104">
                  <c:v>2.2633097275840428E-2</c:v>
                </c:pt>
                <c:pt idx="105">
                  <c:v>2.2578069921658461E-2</c:v>
                </c:pt>
                <c:pt idx="106">
                  <c:v>2.3730053460791392E-2</c:v>
                </c:pt>
                <c:pt idx="107">
                  <c:v>2.5387315517158171E-2</c:v>
                </c:pt>
                <c:pt idx="108">
                  <c:v>2.5970781099176669E-2</c:v>
                </c:pt>
                <c:pt idx="109">
                  <c:v>2.7092089043401924E-2</c:v>
                </c:pt>
                <c:pt idx="110">
                  <c:v>2.9365306012668919E-2</c:v>
                </c:pt>
                <c:pt idx="111">
                  <c:v>3.1577412383964019E-2</c:v>
                </c:pt>
                <c:pt idx="112">
                  <c:v>3.355803270921371E-2</c:v>
                </c:pt>
                <c:pt idx="113">
                  <c:v>3.5008786211442086E-2</c:v>
                </c:pt>
                <c:pt idx="114">
                  <c:v>3.5060124702520901E-2</c:v>
                </c:pt>
                <c:pt idx="115">
                  <c:v>3.4676932437096478E-2</c:v>
                </c:pt>
                <c:pt idx="116">
                  <c:v>3.4111553176244654E-2</c:v>
                </c:pt>
                <c:pt idx="117">
                  <c:v>3.2858894904701778E-2</c:v>
                </c:pt>
                <c:pt idx="118">
                  <c:v>3.1810597607236674E-2</c:v>
                </c:pt>
                <c:pt idx="119">
                  <c:v>3.0366608517480204E-2</c:v>
                </c:pt>
                <c:pt idx="120">
                  <c:v>2.8120838382595496E-2</c:v>
                </c:pt>
                <c:pt idx="121">
                  <c:v>2.5891727535282735E-2</c:v>
                </c:pt>
                <c:pt idx="122">
                  <c:v>2.3835976986323757E-2</c:v>
                </c:pt>
                <c:pt idx="123">
                  <c:v>2.2437946665507177E-2</c:v>
                </c:pt>
                <c:pt idx="124">
                  <c:v>2.0992871370253366E-2</c:v>
                </c:pt>
                <c:pt idx="125">
                  <c:v>2.0307001356283921E-2</c:v>
                </c:pt>
                <c:pt idx="126">
                  <c:v>2.0548491631568293E-2</c:v>
                </c:pt>
                <c:pt idx="127">
                  <c:v>2.1212065940417166E-2</c:v>
                </c:pt>
                <c:pt idx="128">
                  <c:v>2.2316762576176319E-2</c:v>
                </c:pt>
                <c:pt idx="129">
                  <c:v>2.3722209704741495E-2</c:v>
                </c:pt>
                <c:pt idx="130">
                  <c:v>2.5056752627157348E-2</c:v>
                </c:pt>
                <c:pt idx="131">
                  <c:v>2.64070176219235E-2</c:v>
                </c:pt>
                <c:pt idx="132">
                  <c:v>2.8065504266400979E-2</c:v>
                </c:pt>
                <c:pt idx="133">
                  <c:v>2.9945472409539899E-2</c:v>
                </c:pt>
                <c:pt idx="134">
                  <c:v>3.1264571395530905E-2</c:v>
                </c:pt>
                <c:pt idx="135">
                  <c:v>3.162514162126924E-2</c:v>
                </c:pt>
                <c:pt idx="136">
                  <c:v>3.1075754830464965E-2</c:v>
                </c:pt>
                <c:pt idx="137">
                  <c:v>3.0684237313149048E-2</c:v>
                </c:pt>
                <c:pt idx="138">
                  <c:v>2.9752800901313999E-2</c:v>
                </c:pt>
                <c:pt idx="139">
                  <c:v>2.8321796065156626E-2</c:v>
                </c:pt>
                <c:pt idx="140">
                  <c:v>2.6802315432279261E-2</c:v>
                </c:pt>
                <c:pt idx="141">
                  <c:v>2.5279859791927674E-2</c:v>
                </c:pt>
                <c:pt idx="142">
                  <c:v>2.3185860919165989E-2</c:v>
                </c:pt>
                <c:pt idx="143">
                  <c:v>2.1760941706766051E-2</c:v>
                </c:pt>
                <c:pt idx="144">
                  <c:v>2.0880326602249109E-2</c:v>
                </c:pt>
                <c:pt idx="145">
                  <c:v>2.0033838704835865E-2</c:v>
                </c:pt>
                <c:pt idx="146">
                  <c:v>1.914572144575687E-2</c:v>
                </c:pt>
                <c:pt idx="147">
                  <c:v>1.8197136423437722E-2</c:v>
                </c:pt>
                <c:pt idx="148">
                  <c:v>1.8112380054401786E-2</c:v>
                </c:pt>
                <c:pt idx="149">
                  <c:v>1.8631197193083281E-2</c:v>
                </c:pt>
                <c:pt idx="150">
                  <c:v>1.9340746802531589E-2</c:v>
                </c:pt>
                <c:pt idx="151">
                  <c:v>2.0050019525664261E-2</c:v>
                </c:pt>
                <c:pt idx="152">
                  <c:v>2.0802414200862138E-2</c:v>
                </c:pt>
                <c:pt idx="153">
                  <c:v>2.1876846065884435E-2</c:v>
                </c:pt>
                <c:pt idx="154">
                  <c:v>2.3496123523522143E-2</c:v>
                </c:pt>
                <c:pt idx="155">
                  <c:v>2.5142053120239843E-2</c:v>
                </c:pt>
                <c:pt idx="156">
                  <c:v>2.6395014311122827E-2</c:v>
                </c:pt>
                <c:pt idx="157">
                  <c:v>2.7858231321465147E-2</c:v>
                </c:pt>
                <c:pt idx="158">
                  <c:v>2.9289430781041445E-2</c:v>
                </c:pt>
                <c:pt idx="159">
                  <c:v>3.0108768588740859E-2</c:v>
                </c:pt>
                <c:pt idx="160">
                  <c:v>3.0094573667579547E-2</c:v>
                </c:pt>
                <c:pt idx="161">
                  <c:v>2.9901224985105616E-2</c:v>
                </c:pt>
                <c:pt idx="162">
                  <c:v>2.9353400336704267E-2</c:v>
                </c:pt>
                <c:pt idx="163">
                  <c:v>2.8075460711757254E-2</c:v>
                </c:pt>
                <c:pt idx="164">
                  <c:v>2.6239438735378092E-2</c:v>
                </c:pt>
                <c:pt idx="165">
                  <c:v>2.4539914796870288E-2</c:v>
                </c:pt>
                <c:pt idx="166">
                  <c:v>2.3348469440957257E-2</c:v>
                </c:pt>
                <c:pt idx="167">
                  <c:v>2.2123983316433917E-2</c:v>
                </c:pt>
                <c:pt idx="168">
                  <c:v>2.0707427545974967E-2</c:v>
                </c:pt>
                <c:pt idx="169">
                  <c:v>1.93250174646716E-2</c:v>
                </c:pt>
                <c:pt idx="170">
                  <c:v>1.8426741157336151E-2</c:v>
                </c:pt>
                <c:pt idx="171">
                  <c:v>1.7549569769263855E-2</c:v>
                </c:pt>
                <c:pt idx="172">
                  <c:v>1.6932698169896555E-2</c:v>
                </c:pt>
                <c:pt idx="173">
                  <c:v>1.705841930916659E-2</c:v>
                </c:pt>
                <c:pt idx="174">
                  <c:v>1.7678352599455698E-2</c:v>
                </c:pt>
                <c:pt idx="175">
                  <c:v>1.8466459712615717E-2</c:v>
                </c:pt>
                <c:pt idx="176">
                  <c:v>1.912400333823315E-2</c:v>
                </c:pt>
                <c:pt idx="177">
                  <c:v>2.0123331123964985E-2</c:v>
                </c:pt>
                <c:pt idx="178">
                  <c:v>2.1511905418214919E-2</c:v>
                </c:pt>
                <c:pt idx="179">
                  <c:v>2.2573757086111323E-2</c:v>
                </c:pt>
                <c:pt idx="180">
                  <c:v>2.3654449412719068E-2</c:v>
                </c:pt>
                <c:pt idx="181">
                  <c:v>2.4524424767365736E-2</c:v>
                </c:pt>
                <c:pt idx="182">
                  <c:v>2.5087836843634657E-2</c:v>
                </c:pt>
                <c:pt idx="183">
                  <c:v>2.5637652301623737E-2</c:v>
                </c:pt>
                <c:pt idx="184">
                  <c:v>2.5667603731445242E-2</c:v>
                </c:pt>
                <c:pt idx="185">
                  <c:v>2.5207553484875311E-2</c:v>
                </c:pt>
                <c:pt idx="186">
                  <c:v>2.4994838561799473E-2</c:v>
                </c:pt>
                <c:pt idx="187">
                  <c:v>2.5131662695461431E-2</c:v>
                </c:pt>
                <c:pt idx="188">
                  <c:v>2.5144034906400568E-2</c:v>
                </c:pt>
                <c:pt idx="189">
                  <c:v>2.5076992274378623E-2</c:v>
                </c:pt>
                <c:pt idx="190">
                  <c:v>2.4932504717792219E-2</c:v>
                </c:pt>
                <c:pt idx="191">
                  <c:v>2.4616013985568366E-2</c:v>
                </c:pt>
                <c:pt idx="192">
                  <c:v>2.3806224354501193E-2</c:v>
                </c:pt>
                <c:pt idx="193">
                  <c:v>2.3135160309245104E-2</c:v>
                </c:pt>
                <c:pt idx="194">
                  <c:v>2.2745895767878953E-2</c:v>
                </c:pt>
                <c:pt idx="195">
                  <c:v>2.2497159097113879E-2</c:v>
                </c:pt>
                <c:pt idx="196">
                  <c:v>2.2002991727302496E-2</c:v>
                </c:pt>
                <c:pt idx="197">
                  <c:v>2.1176925530304425E-2</c:v>
                </c:pt>
                <c:pt idx="198">
                  <c:v>2.0515774731473094E-2</c:v>
                </c:pt>
                <c:pt idx="199">
                  <c:v>2.0294347775342197E-2</c:v>
                </c:pt>
                <c:pt idx="200">
                  <c:v>2.0161906272313221E-2</c:v>
                </c:pt>
                <c:pt idx="201">
                  <c:v>2.0300452493170411E-2</c:v>
                </c:pt>
                <c:pt idx="202">
                  <c:v>2.0359785650277216E-2</c:v>
                </c:pt>
                <c:pt idx="203">
                  <c:v>2.046094871077446E-2</c:v>
                </c:pt>
                <c:pt idx="204">
                  <c:v>2.0509617790385428E-2</c:v>
                </c:pt>
                <c:pt idx="205">
                  <c:v>2.0549603208339137E-2</c:v>
                </c:pt>
                <c:pt idx="206">
                  <c:v>2.0787813078780693E-2</c:v>
                </c:pt>
                <c:pt idx="207">
                  <c:v>2.0889966598479158E-2</c:v>
                </c:pt>
                <c:pt idx="208">
                  <c:v>2.0866268176017388E-2</c:v>
                </c:pt>
                <c:pt idx="209">
                  <c:v>2.093019471534633E-2</c:v>
                </c:pt>
                <c:pt idx="210">
                  <c:v>2.0775005335660842E-2</c:v>
                </c:pt>
                <c:pt idx="211">
                  <c:v>2.0656622084227687E-2</c:v>
                </c:pt>
                <c:pt idx="212">
                  <c:v>2.0475494686765322E-2</c:v>
                </c:pt>
                <c:pt idx="213">
                  <c:v>2.0460865131201808E-2</c:v>
                </c:pt>
                <c:pt idx="214">
                  <c:v>2.0568801031694763E-2</c:v>
                </c:pt>
                <c:pt idx="215">
                  <c:v>2.0605453081972518E-2</c:v>
                </c:pt>
                <c:pt idx="216">
                  <c:v>2.0743516597120433E-2</c:v>
                </c:pt>
                <c:pt idx="217">
                  <c:v>2.0930321142573243E-2</c:v>
                </c:pt>
                <c:pt idx="218">
                  <c:v>2.0984064658585769E-2</c:v>
                </c:pt>
                <c:pt idx="219">
                  <c:v>2.1071650190790051E-2</c:v>
                </c:pt>
                <c:pt idx="220">
                  <c:v>2.1370195703968829E-2</c:v>
                </c:pt>
                <c:pt idx="221">
                  <c:v>2.1482297111627281E-2</c:v>
                </c:pt>
                <c:pt idx="222">
                  <c:v>2.1430324338216841E-2</c:v>
                </c:pt>
                <c:pt idx="223">
                  <c:v>2.1287403576978052E-2</c:v>
                </c:pt>
                <c:pt idx="224">
                  <c:v>2.0753895235296596E-2</c:v>
                </c:pt>
                <c:pt idx="225">
                  <c:v>2.0256653051582123E-2</c:v>
                </c:pt>
                <c:pt idx="226">
                  <c:v>1.9716600174412357E-2</c:v>
                </c:pt>
                <c:pt idx="227">
                  <c:v>1.9299438752634158E-2</c:v>
                </c:pt>
                <c:pt idx="228">
                  <c:v>1.915064107584236E-2</c:v>
                </c:pt>
                <c:pt idx="229">
                  <c:v>1.9031889930305829E-2</c:v>
                </c:pt>
                <c:pt idx="230">
                  <c:v>1.9127346927344944E-2</c:v>
                </c:pt>
                <c:pt idx="231">
                  <c:v>1.9205705118308384E-2</c:v>
                </c:pt>
                <c:pt idx="232">
                  <c:v>1.9266675023994009E-2</c:v>
                </c:pt>
                <c:pt idx="233">
                  <c:v>1.9133092623620111E-2</c:v>
                </c:pt>
                <c:pt idx="234">
                  <c:v>1.929517562115228E-2</c:v>
                </c:pt>
                <c:pt idx="235">
                  <c:v>1.9455147597451226E-2</c:v>
                </c:pt>
                <c:pt idx="236">
                  <c:v>1.9585173775949056E-2</c:v>
                </c:pt>
                <c:pt idx="237">
                  <c:v>1.9652169028152394E-2</c:v>
                </c:pt>
                <c:pt idx="238">
                  <c:v>1.9825303520996304E-2</c:v>
                </c:pt>
                <c:pt idx="239">
                  <c:v>2.0217583314725909E-2</c:v>
                </c:pt>
                <c:pt idx="240">
                  <c:v>2.0238506973251136E-2</c:v>
                </c:pt>
                <c:pt idx="241">
                  <c:v>2.0134254670474503E-2</c:v>
                </c:pt>
                <c:pt idx="242">
                  <c:v>2.0167984196574788E-2</c:v>
                </c:pt>
                <c:pt idx="243">
                  <c:v>2.0359627453167932E-2</c:v>
                </c:pt>
                <c:pt idx="244">
                  <c:v>2.0646428419845098E-2</c:v>
                </c:pt>
                <c:pt idx="245">
                  <c:v>2.0719101581304196E-2</c:v>
                </c:pt>
                <c:pt idx="246">
                  <c:v>2.0828921952950368E-2</c:v>
                </c:pt>
                <c:pt idx="247">
                  <c:v>2.0886109606680987E-2</c:v>
                </c:pt>
                <c:pt idx="248">
                  <c:v>2.0830161473422055E-2</c:v>
                </c:pt>
                <c:pt idx="249">
                  <c:v>2.0739625901651914E-2</c:v>
                </c:pt>
                <c:pt idx="250">
                  <c:v>2.0953591865294441E-2</c:v>
                </c:pt>
                <c:pt idx="251">
                  <c:v>2.0955151774813389E-2</c:v>
                </c:pt>
                <c:pt idx="252">
                  <c:v>2.0610334324892735E-2</c:v>
                </c:pt>
                <c:pt idx="253">
                  <c:v>2.0326863916652942E-2</c:v>
                </c:pt>
                <c:pt idx="254">
                  <c:v>1.9952104410254867E-2</c:v>
                </c:pt>
                <c:pt idx="255">
                  <c:v>1.9589529131901331E-2</c:v>
                </c:pt>
                <c:pt idx="256">
                  <c:v>1.9512805389453342E-2</c:v>
                </c:pt>
                <c:pt idx="257">
                  <c:v>1.9666353752600754E-2</c:v>
                </c:pt>
                <c:pt idx="258">
                  <c:v>1.9995352897203205E-2</c:v>
                </c:pt>
                <c:pt idx="259">
                  <c:v>2.0358194209388648E-2</c:v>
                </c:pt>
                <c:pt idx="260">
                  <c:v>2.0587793931058522E-2</c:v>
                </c:pt>
                <c:pt idx="261">
                  <c:v>2.0752647378986015E-2</c:v>
                </c:pt>
                <c:pt idx="262">
                  <c:v>2.1067758922650476E-2</c:v>
                </c:pt>
                <c:pt idx="263">
                  <c:v>2.1199458688732006E-2</c:v>
                </c:pt>
                <c:pt idx="264">
                  <c:v>2.1019646011921477E-2</c:v>
                </c:pt>
                <c:pt idx="265">
                  <c:v>2.0688631792166293E-2</c:v>
                </c:pt>
                <c:pt idx="266">
                  <c:v>2.0138169091065687E-2</c:v>
                </c:pt>
                <c:pt idx="267">
                  <c:v>1.9711655276794211E-2</c:v>
                </c:pt>
                <c:pt idx="268">
                  <c:v>1.935719929570974E-2</c:v>
                </c:pt>
                <c:pt idx="269">
                  <c:v>1.9062844782920134E-2</c:v>
                </c:pt>
                <c:pt idx="270">
                  <c:v>1.8645366075216861E-2</c:v>
                </c:pt>
                <c:pt idx="271">
                  <c:v>1.8082404261919035E-2</c:v>
                </c:pt>
                <c:pt idx="272">
                  <c:v>1.7762945707747571E-2</c:v>
                </c:pt>
                <c:pt idx="273">
                  <c:v>1.7395832797625521E-2</c:v>
                </c:pt>
                <c:pt idx="274">
                  <c:v>1.7021175806579424E-2</c:v>
                </c:pt>
                <c:pt idx="275">
                  <c:v>1.7133921403148993E-2</c:v>
                </c:pt>
                <c:pt idx="276">
                  <c:v>1.7367120953592392E-2</c:v>
                </c:pt>
                <c:pt idx="277">
                  <c:v>1.7817859885707728E-2</c:v>
                </c:pt>
                <c:pt idx="278">
                  <c:v>1.8542110501656064E-2</c:v>
                </c:pt>
                <c:pt idx="279">
                  <c:v>1.9092886820841665E-2</c:v>
                </c:pt>
                <c:pt idx="280">
                  <c:v>1.9582608440604086E-2</c:v>
                </c:pt>
                <c:pt idx="281">
                  <c:v>2.0104150702659088E-2</c:v>
                </c:pt>
                <c:pt idx="282">
                  <c:v>2.0498803354230606E-2</c:v>
                </c:pt>
                <c:pt idx="283">
                  <c:v>2.0820112156792008E-2</c:v>
                </c:pt>
                <c:pt idx="284">
                  <c:v>2.1275103266135399E-2</c:v>
                </c:pt>
                <c:pt idx="285">
                  <c:v>2.1411767186432014E-2</c:v>
                </c:pt>
                <c:pt idx="286">
                  <c:v>2.1461865460616413E-2</c:v>
                </c:pt>
                <c:pt idx="287">
                  <c:v>2.1177594354122427E-2</c:v>
                </c:pt>
                <c:pt idx="288">
                  <c:v>2.0466808947030558E-2</c:v>
                </c:pt>
                <c:pt idx="289">
                  <c:v>1.98627893860285E-2</c:v>
                </c:pt>
                <c:pt idx="290">
                  <c:v>1.9450881678834984E-2</c:v>
                </c:pt>
                <c:pt idx="291">
                  <c:v>1.9071754142710798E-2</c:v>
                </c:pt>
                <c:pt idx="292">
                  <c:v>1.870197649557493E-2</c:v>
                </c:pt>
                <c:pt idx="293">
                  <c:v>1.8184026711580072E-2</c:v>
                </c:pt>
                <c:pt idx="294">
                  <c:v>1.7631978707463841E-2</c:v>
                </c:pt>
                <c:pt idx="295">
                  <c:v>1.735225842366039E-2</c:v>
                </c:pt>
                <c:pt idx="296">
                  <c:v>1.722807133251229E-2</c:v>
                </c:pt>
                <c:pt idx="297">
                  <c:v>1.7188210275708642E-2</c:v>
                </c:pt>
                <c:pt idx="298">
                  <c:v>1.7175986780822716E-2</c:v>
                </c:pt>
                <c:pt idx="299">
                  <c:v>1.7299006808997479E-2</c:v>
                </c:pt>
                <c:pt idx="300">
                  <c:v>1.7230234586539276E-2</c:v>
                </c:pt>
                <c:pt idx="301">
                  <c:v>1.7453420145376323E-2</c:v>
                </c:pt>
                <c:pt idx="302">
                  <c:v>1.7760033081084564E-2</c:v>
                </c:pt>
                <c:pt idx="303">
                  <c:v>1.8122991531597958E-2</c:v>
                </c:pt>
                <c:pt idx="304">
                  <c:v>1.8440034795075045E-2</c:v>
                </c:pt>
                <c:pt idx="305">
                  <c:v>1.8705849265946407E-2</c:v>
                </c:pt>
                <c:pt idx="306">
                  <c:v>1.8981297730624073E-2</c:v>
                </c:pt>
                <c:pt idx="307">
                  <c:v>1.9251821627476955E-2</c:v>
                </c:pt>
                <c:pt idx="308">
                  <c:v>1.9505408035926933E-2</c:v>
                </c:pt>
                <c:pt idx="309">
                  <c:v>1.9746329451564282E-2</c:v>
                </c:pt>
                <c:pt idx="310">
                  <c:v>2.0103413780882186E-2</c:v>
                </c:pt>
                <c:pt idx="311">
                  <c:v>2.0511635291525176E-2</c:v>
                </c:pt>
                <c:pt idx="312">
                  <c:v>2.0370375912894402E-2</c:v>
                </c:pt>
                <c:pt idx="313">
                  <c:v>2.0211896492593012E-2</c:v>
                </c:pt>
                <c:pt idx="314">
                  <c:v>1.9947989967868038E-2</c:v>
                </c:pt>
                <c:pt idx="315">
                  <c:v>1.9856521904059253E-2</c:v>
                </c:pt>
                <c:pt idx="316">
                  <c:v>1.975226554742868E-2</c:v>
                </c:pt>
                <c:pt idx="317">
                  <c:v>1.9646855390173655E-2</c:v>
                </c:pt>
                <c:pt idx="318">
                  <c:v>1.9594654195056318E-2</c:v>
                </c:pt>
                <c:pt idx="319">
                  <c:v>1.938373484930574E-2</c:v>
                </c:pt>
                <c:pt idx="320">
                  <c:v>1.8938241322717576E-2</c:v>
                </c:pt>
                <c:pt idx="321">
                  <c:v>1.8781244568532054E-2</c:v>
                </c:pt>
                <c:pt idx="322">
                  <c:v>1.8642400464963835E-2</c:v>
                </c:pt>
                <c:pt idx="323">
                  <c:v>1.856593339818751E-2</c:v>
                </c:pt>
                <c:pt idx="324">
                  <c:v>1.8379841614138064E-2</c:v>
                </c:pt>
                <c:pt idx="325">
                  <c:v>1.8240218483378218E-2</c:v>
                </c:pt>
                <c:pt idx="326">
                  <c:v>1.7921859144559998E-2</c:v>
                </c:pt>
                <c:pt idx="327">
                  <c:v>1.7672778492910386E-2</c:v>
                </c:pt>
                <c:pt idx="328">
                  <c:v>1.7743256049615078E-2</c:v>
                </c:pt>
                <c:pt idx="329">
                  <c:v>1.7723859155220519E-2</c:v>
                </c:pt>
                <c:pt idx="330">
                  <c:v>1.7534040601625195E-2</c:v>
                </c:pt>
                <c:pt idx="331">
                  <c:v>1.7336157640683303E-2</c:v>
                </c:pt>
                <c:pt idx="332">
                  <c:v>1.7211765029980508E-2</c:v>
                </c:pt>
                <c:pt idx="333">
                  <c:v>1.7170711577896399E-2</c:v>
                </c:pt>
                <c:pt idx="334">
                  <c:v>1.7204306661408965E-2</c:v>
                </c:pt>
                <c:pt idx="335">
                  <c:v>1.7272314178158953E-2</c:v>
                </c:pt>
                <c:pt idx="336">
                  <c:v>1.7277090134712434E-2</c:v>
                </c:pt>
                <c:pt idx="337">
                  <c:v>1.7400239644815147E-2</c:v>
                </c:pt>
                <c:pt idx="338">
                  <c:v>1.7603222153601137E-2</c:v>
                </c:pt>
                <c:pt idx="339">
                  <c:v>1.7718471259230359E-2</c:v>
                </c:pt>
                <c:pt idx="340">
                  <c:v>1.789502884494068E-2</c:v>
                </c:pt>
                <c:pt idx="341">
                  <c:v>1.8224508560501066E-2</c:v>
                </c:pt>
                <c:pt idx="342">
                  <c:v>1.864797344178179E-2</c:v>
                </c:pt>
                <c:pt idx="343">
                  <c:v>1.8930181568208648E-2</c:v>
                </c:pt>
                <c:pt idx="344">
                  <c:v>1.932567013853758E-2</c:v>
                </c:pt>
                <c:pt idx="345">
                  <c:v>1.9818230649892195E-2</c:v>
                </c:pt>
                <c:pt idx="346">
                  <c:v>2.0220121344817394E-2</c:v>
                </c:pt>
                <c:pt idx="347">
                  <c:v>2.0451919118537592E-2</c:v>
                </c:pt>
                <c:pt idx="348">
                  <c:v>2.0418438926913522E-2</c:v>
                </c:pt>
                <c:pt idx="349">
                  <c:v>2.0212092192550542E-2</c:v>
                </c:pt>
                <c:pt idx="350">
                  <c:v>1.9960089708783154E-2</c:v>
                </c:pt>
                <c:pt idx="351">
                  <c:v>1.9554928862903557E-2</c:v>
                </c:pt>
                <c:pt idx="352">
                  <c:v>1.8841619295613114E-2</c:v>
                </c:pt>
                <c:pt idx="353">
                  <c:v>1.8326769505604603E-2</c:v>
                </c:pt>
                <c:pt idx="354">
                  <c:v>1.7779608718701243E-2</c:v>
                </c:pt>
                <c:pt idx="355">
                  <c:v>1.7044807894043276E-2</c:v>
                </c:pt>
                <c:pt idx="356">
                  <c:v>1.6194525314160473E-2</c:v>
                </c:pt>
                <c:pt idx="357">
                  <c:v>1.5415759925910934E-2</c:v>
                </c:pt>
                <c:pt idx="358">
                  <c:v>1.4970843712666323E-2</c:v>
                </c:pt>
                <c:pt idx="359">
                  <c:v>1.4629716568448713E-2</c:v>
                </c:pt>
                <c:pt idx="360">
                  <c:v>1.4420211706360526E-2</c:v>
                </c:pt>
                <c:pt idx="361">
                  <c:v>1.4462922647968186E-2</c:v>
                </c:pt>
                <c:pt idx="362">
                  <c:v>1.4523318235891144E-2</c:v>
                </c:pt>
                <c:pt idx="363">
                  <c:v>1.4583606952935757E-2</c:v>
                </c:pt>
                <c:pt idx="364">
                  <c:v>1.4644730076047862E-2</c:v>
                </c:pt>
                <c:pt idx="365">
                  <c:v>1.4927204006652066E-2</c:v>
                </c:pt>
                <c:pt idx="366">
                  <c:v>1.5390488949440007E-2</c:v>
                </c:pt>
                <c:pt idx="367">
                  <c:v>1.5957891632753518E-2</c:v>
                </c:pt>
                <c:pt idx="368">
                  <c:v>1.6445126864849152E-2</c:v>
                </c:pt>
                <c:pt idx="369">
                  <c:v>1.7046262474258847E-2</c:v>
                </c:pt>
                <c:pt idx="370">
                  <c:v>1.7605703493327358E-2</c:v>
                </c:pt>
                <c:pt idx="371">
                  <c:v>1.8059943013741517E-2</c:v>
                </c:pt>
                <c:pt idx="372">
                  <c:v>1.8431298859027452E-2</c:v>
                </c:pt>
                <c:pt idx="373">
                  <c:v>1.8635903607368689E-2</c:v>
                </c:pt>
                <c:pt idx="374">
                  <c:v>1.8461013919229077E-2</c:v>
                </c:pt>
                <c:pt idx="375">
                  <c:v>1.8418024570776324E-2</c:v>
                </c:pt>
                <c:pt idx="376">
                  <c:v>1.8294443714816467E-2</c:v>
                </c:pt>
                <c:pt idx="377">
                  <c:v>1.7987293327065008E-2</c:v>
                </c:pt>
                <c:pt idx="378">
                  <c:v>1.7471036174949144E-2</c:v>
                </c:pt>
                <c:pt idx="379">
                  <c:v>1.6930924640562558E-2</c:v>
                </c:pt>
                <c:pt idx="380">
                  <c:v>1.6198106058031923E-2</c:v>
                </c:pt>
                <c:pt idx="381">
                  <c:v>1.5556465636239599E-2</c:v>
                </c:pt>
                <c:pt idx="382">
                  <c:v>1.4859328061458076E-2</c:v>
                </c:pt>
                <c:pt idx="383">
                  <c:v>1.4121223023368733E-2</c:v>
                </c:pt>
                <c:pt idx="384">
                  <c:v>1.3741780108829356E-2</c:v>
                </c:pt>
                <c:pt idx="385">
                  <c:v>1.351334083661238E-2</c:v>
                </c:pt>
                <c:pt idx="386">
                  <c:v>1.3351484253923135E-2</c:v>
                </c:pt>
                <c:pt idx="387">
                  <c:v>1.3352108393063229E-2</c:v>
                </c:pt>
                <c:pt idx="388">
                  <c:v>1.3737071328818051E-2</c:v>
                </c:pt>
                <c:pt idx="389">
                  <c:v>1.4306965162444526E-2</c:v>
                </c:pt>
                <c:pt idx="390">
                  <c:v>1.4944623142331272E-2</c:v>
                </c:pt>
                <c:pt idx="391">
                  <c:v>1.5710293615128282E-2</c:v>
                </c:pt>
                <c:pt idx="392">
                  <c:v>1.6308329727540233E-2</c:v>
                </c:pt>
                <c:pt idx="393">
                  <c:v>1.6908498073579886E-2</c:v>
                </c:pt>
                <c:pt idx="394">
                  <c:v>1.7454345143176755E-2</c:v>
                </c:pt>
                <c:pt idx="395">
                  <c:v>1.791576081860774E-2</c:v>
                </c:pt>
                <c:pt idx="396">
                  <c:v>1.8315944507152678E-2</c:v>
                </c:pt>
                <c:pt idx="397">
                  <c:v>1.8804746347012354E-2</c:v>
                </c:pt>
                <c:pt idx="398">
                  <c:v>1.8994303007318431E-2</c:v>
                </c:pt>
                <c:pt idx="399">
                  <c:v>1.8894882507639051E-2</c:v>
                </c:pt>
                <c:pt idx="400">
                  <c:v>1.8508530158520518E-2</c:v>
                </c:pt>
                <c:pt idx="401">
                  <c:v>1.7972778853245955E-2</c:v>
                </c:pt>
                <c:pt idx="402">
                  <c:v>1.7283153290325946E-2</c:v>
                </c:pt>
                <c:pt idx="403">
                  <c:v>1.6365999493198877E-2</c:v>
                </c:pt>
                <c:pt idx="404">
                  <c:v>1.5340093887817369E-2</c:v>
                </c:pt>
                <c:pt idx="405">
                  <c:v>1.4400053835222653E-2</c:v>
                </c:pt>
                <c:pt idx="406">
                  <c:v>1.3579674792531983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9B2-4537-800D-2FB4A85338A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98819760"/>
        <c:axId val="798818448"/>
      </c:scatterChart>
      <c:valAx>
        <c:axId val="7988197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8818448"/>
        <c:crosses val="autoZero"/>
        <c:crossBetween val="midCat"/>
      </c:valAx>
      <c:valAx>
        <c:axId val="7988184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881976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/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150-3s(19)'!$D$2:$D$2664</c:f>
              <c:numCache>
                <c:formatCode>General</c:formatCode>
                <c:ptCount val="2663"/>
                <c:pt idx="0">
                  <c:v>0</c:v>
                </c:pt>
                <c:pt idx="1">
                  <c:v>5.0039999999995644E-3</c:v>
                </c:pt>
                <c:pt idx="2">
                  <c:v>1.0008999999999268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3999999999269E-2</c:v>
                </c:pt>
                <c:pt idx="6">
                  <c:v>3.0027999999999722E-2</c:v>
                </c:pt>
                <c:pt idx="7">
                  <c:v>3.5032999999999426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7999999999426E-2</c:v>
                </c:pt>
                <c:pt idx="11">
                  <c:v>5.5051999999999879E-2</c:v>
                </c:pt>
                <c:pt idx="12">
                  <c:v>6.0056999999999583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5999999999148E-2</c:v>
                </c:pt>
                <c:pt idx="17">
                  <c:v>8.5080999999998852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885</c:v>
                </c:pt>
                <c:pt idx="21">
                  <c:v>0.10510000000000019</c:v>
                </c:pt>
                <c:pt idx="22">
                  <c:v>0.11010499999999901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1999999999901</c:v>
                </c:pt>
                <c:pt idx="26">
                  <c:v>0.13012400000000035</c:v>
                </c:pt>
                <c:pt idx="27">
                  <c:v>0.13512899999999917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399999999917</c:v>
                </c:pt>
                <c:pt idx="31">
                  <c:v>0.15514799999999873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299999999873</c:v>
                </c:pt>
                <c:pt idx="35">
                  <c:v>0.17516799999999932</c:v>
                </c:pt>
                <c:pt idx="36">
                  <c:v>0.18017199999999889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699999999889</c:v>
                </c:pt>
                <c:pt idx="40">
                  <c:v>0.20019199999999948</c:v>
                </c:pt>
                <c:pt idx="41">
                  <c:v>0.20519599999999905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099999999905</c:v>
                </c:pt>
                <c:pt idx="45">
                  <c:v>0.22521599999999964</c:v>
                </c:pt>
                <c:pt idx="46">
                  <c:v>0.2302199999999992</c:v>
                </c:pt>
                <c:pt idx="47">
                  <c:v>0.2352249999999998</c:v>
                </c:pt>
                <c:pt idx="48">
                  <c:v>0.24023000000000039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399999999936</c:v>
                </c:pt>
                <c:pt idx="52">
                  <c:v>0.26024899999999995</c:v>
                </c:pt>
                <c:pt idx="53">
                  <c:v>0.26525399999999877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799999999952</c:v>
                </c:pt>
                <c:pt idx="57">
                  <c:v>0.28527300000000011</c:v>
                </c:pt>
                <c:pt idx="58">
                  <c:v>0.29027799999999893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700000000027</c:v>
                </c:pt>
                <c:pt idx="63">
                  <c:v>0.31530199999999908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599999999983</c:v>
                </c:pt>
                <c:pt idx="67">
                  <c:v>0.33532100000000042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3999999999999</c:v>
                </c:pt>
                <c:pt idx="72">
                  <c:v>0.36034499999999881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5999999999881</c:v>
                </c:pt>
                <c:pt idx="76">
                  <c:v>0.38036400000000015</c:v>
                </c:pt>
                <c:pt idx="77">
                  <c:v>0.38536899999999896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399999999896</c:v>
                </c:pt>
                <c:pt idx="81">
                  <c:v>0.4053880000000003</c:v>
                </c:pt>
                <c:pt idx="82">
                  <c:v>0.41039299999999912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799999999912</c:v>
                </c:pt>
                <c:pt idx="86">
                  <c:v>0.43041200000000046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700000000046</c:v>
                </c:pt>
                <c:pt idx="90">
                  <c:v>0.45043199999999928</c:v>
                </c:pt>
                <c:pt idx="91">
                  <c:v>0.45543599999999884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099999999884</c:v>
                </c:pt>
                <c:pt idx="95">
                  <c:v>0.47545599999999943</c:v>
                </c:pt>
                <c:pt idx="96">
                  <c:v>0.480459999999999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4999999999</c:v>
                </c:pt>
                <c:pt idx="100">
                  <c:v>0.50047999999999959</c:v>
                </c:pt>
                <c:pt idx="101">
                  <c:v>0.50548399999999916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899999999916</c:v>
                </c:pt>
                <c:pt idx="105">
                  <c:v>0.52550399999999975</c:v>
                </c:pt>
                <c:pt idx="106">
                  <c:v>0.53050799999999931</c:v>
                </c:pt>
                <c:pt idx="107">
                  <c:v>0.53551299999999991</c:v>
                </c:pt>
                <c:pt idx="108">
                  <c:v>0.54051799999999872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199999999947</c:v>
                </c:pt>
                <c:pt idx="112">
                  <c:v>0.56053700000000006</c:v>
                </c:pt>
                <c:pt idx="113">
                  <c:v>0.56554199999999888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599999999963</c:v>
                </c:pt>
                <c:pt idx="117">
                  <c:v>0.58556100000000022</c:v>
                </c:pt>
                <c:pt idx="118">
                  <c:v>0.59056599999999904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7999999999979</c:v>
                </c:pt>
                <c:pt idx="122">
                  <c:v>0.61058500000000038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60000000000038</c:v>
                </c:pt>
                <c:pt idx="126">
                  <c:v>0.63060399999999994</c:v>
                </c:pt>
                <c:pt idx="127">
                  <c:v>0.63560899999999876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399999999876</c:v>
                </c:pt>
                <c:pt idx="131">
                  <c:v>0.6556280000000001</c:v>
                </c:pt>
                <c:pt idx="132">
                  <c:v>0.66063299999999892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799999999892</c:v>
                </c:pt>
                <c:pt idx="136">
                  <c:v>0.68065200000000026</c:v>
                </c:pt>
                <c:pt idx="137">
                  <c:v>0.68565699999999907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199999999907</c:v>
                </c:pt>
                <c:pt idx="141">
                  <c:v>0.70567600000000041</c:v>
                </c:pt>
                <c:pt idx="142">
                  <c:v>0.71068099999999923</c:v>
                </c:pt>
                <c:pt idx="143">
                  <c:v>0.71568599999999982</c:v>
                </c:pt>
                <c:pt idx="144">
                  <c:v>0.72069100000000041</c:v>
                </c:pt>
                <c:pt idx="145">
                  <c:v>0.72569599999999923</c:v>
                </c:pt>
                <c:pt idx="146">
                  <c:v>0.73069999999999879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49999999988</c:v>
                </c:pt>
                <c:pt idx="150">
                  <c:v>0.75071999999999939</c:v>
                </c:pt>
                <c:pt idx="151">
                  <c:v>0.75572399999999895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899999999895</c:v>
                </c:pt>
                <c:pt idx="155">
                  <c:v>0.77574399999999955</c:v>
                </c:pt>
                <c:pt idx="156">
                  <c:v>0.78074799999999911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299999999911</c:v>
                </c:pt>
                <c:pt idx="160">
                  <c:v>0.8007679999999997</c:v>
                </c:pt>
                <c:pt idx="161">
                  <c:v>0.80577199999999927</c:v>
                </c:pt>
                <c:pt idx="162">
                  <c:v>0.81077699999999986</c:v>
                </c:pt>
                <c:pt idx="163">
                  <c:v>0.81578200000000045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599999999942</c:v>
                </c:pt>
                <c:pt idx="167">
                  <c:v>0.83580100000000002</c:v>
                </c:pt>
                <c:pt idx="168">
                  <c:v>0.84080599999999883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1999999999958</c:v>
                </c:pt>
                <c:pt idx="172">
                  <c:v>0.86082500000000017</c:v>
                </c:pt>
                <c:pt idx="173">
                  <c:v>0.86582999999999899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399999999974</c:v>
                </c:pt>
                <c:pt idx="177">
                  <c:v>0.88584900000000033</c:v>
                </c:pt>
                <c:pt idx="178">
                  <c:v>0.89085399999999915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79999999999</c:v>
                </c:pt>
                <c:pt idx="182">
                  <c:v>0.91087299999999871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799999999871</c:v>
                </c:pt>
                <c:pt idx="186">
                  <c:v>0.93089200000000005</c:v>
                </c:pt>
                <c:pt idx="187">
                  <c:v>0.93589699999999887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887</c:v>
                </c:pt>
                <c:pt idx="191">
                  <c:v>0.95591600000000021</c:v>
                </c:pt>
                <c:pt idx="192">
                  <c:v>0.96092099999999903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599999999903</c:v>
                </c:pt>
                <c:pt idx="196">
                  <c:v>0.98094000000000037</c:v>
                </c:pt>
                <c:pt idx="197">
                  <c:v>0.98594499999999918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599999999992</c:v>
                </c:pt>
                <c:pt idx="201">
                  <c:v>1.0059639999999987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89999999987</c:v>
                </c:pt>
                <c:pt idx="205">
                  <c:v>1.0259839999999993</c:v>
                </c:pt>
                <c:pt idx="206">
                  <c:v>1.030987999999998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29999999989</c:v>
                </c:pt>
                <c:pt idx="210">
                  <c:v>1.0510079999999995</c:v>
                </c:pt>
                <c:pt idx="211">
                  <c:v>1.056011999999999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69999999991</c:v>
                </c:pt>
                <c:pt idx="215">
                  <c:v>1.0760319999999997</c:v>
                </c:pt>
                <c:pt idx="216">
                  <c:v>1.0810359999999992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599999999994</c:v>
                </c:pt>
                <c:pt idx="222">
                  <c:v>1.111065</c:v>
                </c:pt>
                <c:pt idx="223">
                  <c:v>1.1160699999999988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39999999995</c:v>
                </c:pt>
                <c:pt idx="227">
                  <c:v>1.1360890000000001</c:v>
                </c:pt>
                <c:pt idx="228">
                  <c:v>1.1410939999999989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30000000003</c:v>
                </c:pt>
                <c:pt idx="233">
                  <c:v>1.1661179999999991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19999999998</c:v>
                </c:pt>
                <c:pt idx="237">
                  <c:v>1.1861370000000004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6</c:v>
                </c:pt>
                <c:pt idx="242">
                  <c:v>1.2111609999999988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59999999988</c:v>
                </c:pt>
                <c:pt idx="246">
                  <c:v>1.2311800000000002</c:v>
                </c:pt>
                <c:pt idx="247">
                  <c:v>1.236184999999999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199999999999</c:v>
                </c:pt>
                <c:pt idx="251">
                  <c:v>1.2562040000000003</c:v>
                </c:pt>
                <c:pt idx="252">
                  <c:v>1.2612089999999991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39999999991</c:v>
                </c:pt>
                <c:pt idx="256">
                  <c:v>1.2812279999999987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29999999987</c:v>
                </c:pt>
                <c:pt idx="260">
                  <c:v>1.3012479999999993</c:v>
                </c:pt>
                <c:pt idx="261">
                  <c:v>1.306251999999998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69999999989</c:v>
                </c:pt>
                <c:pt idx="265">
                  <c:v>1.3262719999999995</c:v>
                </c:pt>
                <c:pt idx="266">
                  <c:v>1.331275999999999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0999999999</c:v>
                </c:pt>
                <c:pt idx="270">
                  <c:v>1.3512959999999996</c:v>
                </c:pt>
                <c:pt idx="271">
                  <c:v>1.356299999999999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49999999992</c:v>
                </c:pt>
                <c:pt idx="275">
                  <c:v>1.3763199999999998</c:v>
                </c:pt>
                <c:pt idx="276">
                  <c:v>1.3813239999999993</c:v>
                </c:pt>
                <c:pt idx="277">
                  <c:v>1.3863289999999999</c:v>
                </c:pt>
                <c:pt idx="278">
                  <c:v>1.3913339999999987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79999999995</c:v>
                </c:pt>
                <c:pt idx="282">
                  <c:v>1.4113530000000001</c:v>
                </c:pt>
                <c:pt idx="283">
                  <c:v>1.4163579999999989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70000000002</c:v>
                </c:pt>
                <c:pt idx="288">
                  <c:v>1.4413819999999991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59999999998</c:v>
                </c:pt>
                <c:pt idx="292">
                  <c:v>1.4614010000000004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</c:v>
                </c:pt>
                <c:pt idx="297">
                  <c:v>1.4864249999999988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399999999988</c:v>
                </c:pt>
                <c:pt idx="301">
                  <c:v>1.5064440000000001</c:v>
                </c:pt>
                <c:pt idx="302">
                  <c:v>1.5114489999999989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39999999989</c:v>
                </c:pt>
                <c:pt idx="306">
                  <c:v>1.5314680000000003</c:v>
                </c:pt>
                <c:pt idx="307">
                  <c:v>1.5364729999999991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79999999991</c:v>
                </c:pt>
                <c:pt idx="311">
                  <c:v>1.5564920000000004</c:v>
                </c:pt>
                <c:pt idx="312">
                  <c:v>1.5614969999999992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19999999992</c:v>
                </c:pt>
                <c:pt idx="316">
                  <c:v>1.5815159999999988</c:v>
                </c:pt>
                <c:pt idx="317">
                  <c:v>1.5865209999999994</c:v>
                </c:pt>
                <c:pt idx="318">
                  <c:v>1.591526</c:v>
                </c:pt>
                <c:pt idx="319">
                  <c:v>1.5965309999999988</c:v>
                </c:pt>
                <c:pt idx="320">
                  <c:v>1.6015359999999994</c:v>
                </c:pt>
                <c:pt idx="321">
                  <c:v>1.606539999999999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4999999999</c:v>
                </c:pt>
                <c:pt idx="325">
                  <c:v>1.6265599999999996</c:v>
                </c:pt>
                <c:pt idx="326">
                  <c:v>1.6315639999999991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89999999991</c:v>
                </c:pt>
                <c:pt idx="330">
                  <c:v>1.6515839999999997</c:v>
                </c:pt>
                <c:pt idx="331">
                  <c:v>1.6565879999999993</c:v>
                </c:pt>
                <c:pt idx="332">
                  <c:v>1.6615929999999999</c:v>
                </c:pt>
                <c:pt idx="333">
                  <c:v>1.6665980000000005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19999999994</c:v>
                </c:pt>
                <c:pt idx="337">
                  <c:v>1.686617</c:v>
                </c:pt>
                <c:pt idx="338">
                  <c:v>1.6916219999999988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59999999996</c:v>
                </c:pt>
                <c:pt idx="342">
                  <c:v>1.7116410000000002</c:v>
                </c:pt>
                <c:pt idx="343">
                  <c:v>1.716645999999999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599999999998</c:v>
                </c:pt>
                <c:pt idx="347">
                  <c:v>1.7366650000000003</c:v>
                </c:pt>
                <c:pt idx="348">
                  <c:v>1.741669999999999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39999999999</c:v>
                </c:pt>
                <c:pt idx="352">
                  <c:v>1.7616889999999987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39999999987</c:v>
                </c:pt>
                <c:pt idx="356">
                  <c:v>1.7817080000000001</c:v>
                </c:pt>
                <c:pt idx="357">
                  <c:v>1.7867129999999989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79999999989</c:v>
                </c:pt>
                <c:pt idx="361">
                  <c:v>1.8067320000000002</c:v>
                </c:pt>
                <c:pt idx="362">
                  <c:v>1.811736999999999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1999999999</c:v>
                </c:pt>
                <c:pt idx="366">
                  <c:v>1.8317560000000004</c:v>
                </c:pt>
                <c:pt idx="367">
                  <c:v>1.8367609999999992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59999999992</c:v>
                </c:pt>
                <c:pt idx="371">
                  <c:v>1.8567799999999988</c:v>
                </c:pt>
                <c:pt idx="372">
                  <c:v>1.8617849999999994</c:v>
                </c:pt>
                <c:pt idx="373">
                  <c:v>1.8667899999999999</c:v>
                </c:pt>
                <c:pt idx="374">
                  <c:v>1.8717949999999988</c:v>
                </c:pt>
                <c:pt idx="375">
                  <c:v>1.8767999999999994</c:v>
                </c:pt>
                <c:pt idx="376">
                  <c:v>1.8818039999999989</c:v>
                </c:pt>
                <c:pt idx="377">
                  <c:v>1.8868089999999995</c:v>
                </c:pt>
                <c:pt idx="378">
                  <c:v>1.8918140000000001</c:v>
                </c:pt>
                <c:pt idx="379">
                  <c:v>1.8968189999999989</c:v>
                </c:pt>
                <c:pt idx="380">
                  <c:v>1.9018239999999995</c:v>
                </c:pt>
                <c:pt idx="381">
                  <c:v>1.9068279999999991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29999999991</c:v>
                </c:pt>
                <c:pt idx="385">
                  <c:v>1.9268479999999997</c:v>
                </c:pt>
                <c:pt idx="386">
                  <c:v>1.9318519999999992</c:v>
                </c:pt>
                <c:pt idx="387">
                  <c:v>1.9368569999999998</c:v>
                </c:pt>
                <c:pt idx="388">
                  <c:v>1.9418620000000004</c:v>
                </c:pt>
                <c:pt idx="389">
                  <c:v>1.9468669999999992</c:v>
                </c:pt>
                <c:pt idx="390">
                  <c:v>1.9518719999999998</c:v>
                </c:pt>
                <c:pt idx="391">
                  <c:v>1.9568759999999994</c:v>
                </c:pt>
                <c:pt idx="392">
                  <c:v>1.961881</c:v>
                </c:pt>
                <c:pt idx="393">
                  <c:v>1.9668859999999988</c:v>
                </c:pt>
                <c:pt idx="394">
                  <c:v>1.9718909999999994</c:v>
                </c:pt>
                <c:pt idx="395">
                  <c:v>1.976896</c:v>
                </c:pt>
                <c:pt idx="396">
                  <c:v>1.9818999999999996</c:v>
                </c:pt>
                <c:pt idx="397">
                  <c:v>1.9869050000000001</c:v>
                </c:pt>
                <c:pt idx="398">
                  <c:v>1.991909999999999</c:v>
                </c:pt>
                <c:pt idx="399">
                  <c:v>1.9969149999999996</c:v>
                </c:pt>
                <c:pt idx="400">
                  <c:v>2.0019200000000001</c:v>
                </c:pt>
                <c:pt idx="401">
                  <c:v>2.0069239999999997</c:v>
                </c:pt>
                <c:pt idx="402">
                  <c:v>2.0119290000000003</c:v>
                </c:pt>
                <c:pt idx="403">
                  <c:v>2.0169339999999991</c:v>
                </c:pt>
                <c:pt idx="404">
                  <c:v>2.0219389999999997</c:v>
                </c:pt>
                <c:pt idx="405">
                  <c:v>2.0269440000000003</c:v>
                </c:pt>
                <c:pt idx="406">
                  <c:v>2.0319479999999999</c:v>
                </c:pt>
                <c:pt idx="407">
                  <c:v>2.0369530000000005</c:v>
                </c:pt>
                <c:pt idx="408">
                  <c:v>2.0419579999999993</c:v>
                </c:pt>
                <c:pt idx="409">
                  <c:v>2.0469629999999999</c:v>
                </c:pt>
                <c:pt idx="410">
                  <c:v>2.0519680000000005</c:v>
                </c:pt>
                <c:pt idx="411">
                  <c:v>2.056972</c:v>
                </c:pt>
                <c:pt idx="412">
                  <c:v>2.0619769999999988</c:v>
                </c:pt>
                <c:pt idx="413">
                  <c:v>2.0669819999999994</c:v>
                </c:pt>
                <c:pt idx="414">
                  <c:v>2.071987</c:v>
                </c:pt>
                <c:pt idx="415">
                  <c:v>2.0769919999999988</c:v>
                </c:pt>
                <c:pt idx="416">
                  <c:v>2.0819960000000002</c:v>
                </c:pt>
              </c:numCache>
            </c:numRef>
          </c:xVal>
          <c:yVal>
            <c:numRef>
              <c:f>'Multi-150-3s(19)'!$E$2:$E$2664</c:f>
              <c:numCache>
                <c:formatCode>General</c:formatCode>
                <c:ptCount val="2663"/>
                <c:pt idx="0">
                  <c:v>0</c:v>
                </c:pt>
                <c:pt idx="1">
                  <c:v>0.85558900000000904</c:v>
                </c:pt>
                <c:pt idx="2">
                  <c:v>1.4165540000001329</c:v>
                </c:pt>
                <c:pt idx="3">
                  <c:v>2.2609410000000025</c:v>
                </c:pt>
                <c:pt idx="4">
                  <c:v>3.0928389999999126</c:v>
                </c:pt>
                <c:pt idx="5">
                  <c:v>4.3745280000000548</c:v>
                </c:pt>
                <c:pt idx="6">
                  <c:v>5.6708739999999125</c:v>
                </c:pt>
                <c:pt idx="7">
                  <c:v>7.4761080000000675</c:v>
                </c:pt>
                <c:pt idx="8">
                  <c:v>9.4148920000000089</c:v>
                </c:pt>
                <c:pt idx="9">
                  <c:v>10.991105999999945</c:v>
                </c:pt>
                <c:pt idx="10">
                  <c:v>12.400125000000116</c:v>
                </c:pt>
                <c:pt idx="11">
                  <c:v>13.893970000000081</c:v>
                </c:pt>
                <c:pt idx="12">
                  <c:v>15.380096999999978</c:v>
                </c:pt>
                <c:pt idx="13">
                  <c:v>16.240027999999938</c:v>
                </c:pt>
                <c:pt idx="14">
                  <c:v>16.798780000000079</c:v>
                </c:pt>
                <c:pt idx="15">
                  <c:v>17.232977000000119</c:v>
                </c:pt>
                <c:pt idx="16">
                  <c:v>17.851620000000139</c:v>
                </c:pt>
                <c:pt idx="17">
                  <c:v>18.291379000000006</c:v>
                </c:pt>
                <c:pt idx="18">
                  <c:v>18.605804000000035</c:v>
                </c:pt>
                <c:pt idx="19">
                  <c:v>19.095743999999968</c:v>
                </c:pt>
                <c:pt idx="20">
                  <c:v>19.55916400000001</c:v>
                </c:pt>
                <c:pt idx="21">
                  <c:v>19.817833000000064</c:v>
                </c:pt>
                <c:pt idx="22">
                  <c:v>19.644422000000077</c:v>
                </c:pt>
                <c:pt idx="23">
                  <c:v>19.570267999999942</c:v>
                </c:pt>
                <c:pt idx="24">
                  <c:v>19.301431999999977</c:v>
                </c:pt>
                <c:pt idx="25">
                  <c:v>19.235300000000052</c:v>
                </c:pt>
                <c:pt idx="26">
                  <c:v>19.373395000000073</c:v>
                </c:pt>
                <c:pt idx="27">
                  <c:v>19.804722000000083</c:v>
                </c:pt>
                <c:pt idx="28">
                  <c:v>20.482911999999942</c:v>
                </c:pt>
                <c:pt idx="29">
                  <c:v>21.28651200000013</c:v>
                </c:pt>
                <c:pt idx="30">
                  <c:v>21.88705600000003</c:v>
                </c:pt>
                <c:pt idx="31">
                  <c:v>22.407036999999946</c:v>
                </c:pt>
                <c:pt idx="32">
                  <c:v>22.847099000000071</c:v>
                </c:pt>
                <c:pt idx="33">
                  <c:v>23.254353000000037</c:v>
                </c:pt>
                <c:pt idx="34">
                  <c:v>23.638660999999956</c:v>
                </c:pt>
                <c:pt idx="35">
                  <c:v>24.173688999999968</c:v>
                </c:pt>
                <c:pt idx="36">
                  <c:v>24.501081000000113</c:v>
                </c:pt>
                <c:pt idx="37">
                  <c:v>24.08155499999998</c:v>
                </c:pt>
                <c:pt idx="38">
                  <c:v>23.192743000000064</c:v>
                </c:pt>
                <c:pt idx="39">
                  <c:v>22.498510000000124</c:v>
                </c:pt>
                <c:pt idx="40">
                  <c:v>21.965848999999935</c:v>
                </c:pt>
                <c:pt idx="41">
                  <c:v>21.22707800000012</c:v>
                </c:pt>
                <c:pt idx="42">
                  <c:v>19.842947000000095</c:v>
                </c:pt>
                <c:pt idx="43">
                  <c:v>18.812245999999959</c:v>
                </c:pt>
                <c:pt idx="44">
                  <c:v>18.220906000000014</c:v>
                </c:pt>
                <c:pt idx="45">
                  <c:v>18.154898000000003</c:v>
                </c:pt>
                <c:pt idx="46">
                  <c:v>18.35038899999995</c:v>
                </c:pt>
                <c:pt idx="47">
                  <c:v>19.208810000000085</c:v>
                </c:pt>
                <c:pt idx="48">
                  <c:v>20.513744000000088</c:v>
                </c:pt>
                <c:pt idx="49">
                  <c:v>22.06613399999992</c:v>
                </c:pt>
                <c:pt idx="50">
                  <c:v>23.404062999999951</c:v>
                </c:pt>
                <c:pt idx="51">
                  <c:v>24.980837000000065</c:v>
                </c:pt>
                <c:pt idx="52">
                  <c:v>26.572280999999975</c:v>
                </c:pt>
                <c:pt idx="53">
                  <c:v>28.338770000000068</c:v>
                </c:pt>
                <c:pt idx="54">
                  <c:v>29.843507999999929</c:v>
                </c:pt>
                <c:pt idx="55">
                  <c:v>30.981304000000137</c:v>
                </c:pt>
                <c:pt idx="56">
                  <c:v>32.083065000000033</c:v>
                </c:pt>
                <c:pt idx="57">
                  <c:v>32.644035000000031</c:v>
                </c:pt>
                <c:pt idx="58">
                  <c:v>32.368099999999913</c:v>
                </c:pt>
                <c:pt idx="59">
                  <c:v>32.074847999999974</c:v>
                </c:pt>
                <c:pt idx="60">
                  <c:v>31.823611000000028</c:v>
                </c:pt>
                <c:pt idx="61">
                  <c:v>30.983331000000135</c:v>
                </c:pt>
                <c:pt idx="62">
                  <c:v>29.556593000000021</c:v>
                </c:pt>
                <c:pt idx="63">
                  <c:v>27.397905999999921</c:v>
                </c:pt>
                <c:pt idx="64">
                  <c:v>25.198889000000008</c:v>
                </c:pt>
                <c:pt idx="65">
                  <c:v>23.380779999999959</c:v>
                </c:pt>
                <c:pt idx="66">
                  <c:v>21.834879000000001</c:v>
                </c:pt>
                <c:pt idx="67">
                  <c:v>20.164140000000089</c:v>
                </c:pt>
                <c:pt idx="68">
                  <c:v>18.979057000000012</c:v>
                </c:pt>
                <c:pt idx="69">
                  <c:v>18.370777000000089</c:v>
                </c:pt>
                <c:pt idx="70">
                  <c:v>18.580418000000009</c:v>
                </c:pt>
                <c:pt idx="71">
                  <c:v>19.194725000000062</c:v>
                </c:pt>
                <c:pt idx="72">
                  <c:v>20.267407000000048</c:v>
                </c:pt>
                <c:pt idx="73">
                  <c:v>22.097946999999976</c:v>
                </c:pt>
                <c:pt idx="74">
                  <c:v>24.589381000000003</c:v>
                </c:pt>
                <c:pt idx="75">
                  <c:v>26.920933999999988</c:v>
                </c:pt>
                <c:pt idx="76">
                  <c:v>28.715914999999995</c:v>
                </c:pt>
                <c:pt idx="77">
                  <c:v>30.470100000000002</c:v>
                </c:pt>
                <c:pt idx="78">
                  <c:v>32.398676000000023</c:v>
                </c:pt>
                <c:pt idx="79">
                  <c:v>33.197175000000016</c:v>
                </c:pt>
                <c:pt idx="80">
                  <c:v>33.805798999999979</c:v>
                </c:pt>
                <c:pt idx="81">
                  <c:v>33.906183999999939</c:v>
                </c:pt>
                <c:pt idx="82">
                  <c:v>33.388910000000124</c:v>
                </c:pt>
                <c:pt idx="83">
                  <c:v>32.85979999999995</c:v>
                </c:pt>
                <c:pt idx="84">
                  <c:v>31.703620000000001</c:v>
                </c:pt>
                <c:pt idx="85">
                  <c:v>30.542691000000104</c:v>
                </c:pt>
                <c:pt idx="86">
                  <c:v>29.034071999999924</c:v>
                </c:pt>
                <c:pt idx="87">
                  <c:v>27.784397000000126</c:v>
                </c:pt>
                <c:pt idx="88">
                  <c:v>26.953416999999945</c:v>
                </c:pt>
                <c:pt idx="89">
                  <c:v>25.937983000000031</c:v>
                </c:pt>
                <c:pt idx="90">
                  <c:v>25.222829000000047</c:v>
                </c:pt>
                <c:pt idx="91">
                  <c:v>25.155279000000064</c:v>
                </c:pt>
                <c:pt idx="92">
                  <c:v>25.38643500000012</c:v>
                </c:pt>
                <c:pt idx="93">
                  <c:v>25.259473000000071</c:v>
                </c:pt>
                <c:pt idx="94">
                  <c:v>25.108631999999943</c:v>
                </c:pt>
                <c:pt idx="95">
                  <c:v>25.950888999999961</c:v>
                </c:pt>
                <c:pt idx="96">
                  <c:v>26.849177999999938</c:v>
                </c:pt>
                <c:pt idx="97">
                  <c:v>27.573382999999922</c:v>
                </c:pt>
                <c:pt idx="98">
                  <c:v>28.390587000000096</c:v>
                </c:pt>
                <c:pt idx="99">
                  <c:v>29.442598999999973</c:v>
                </c:pt>
                <c:pt idx="100">
                  <c:v>31.043239999999969</c:v>
                </c:pt>
                <c:pt idx="101">
                  <c:v>32.343705</c:v>
                </c:pt>
                <c:pt idx="102">
                  <c:v>33.007198000000017</c:v>
                </c:pt>
                <c:pt idx="103">
                  <c:v>33.312180000000126</c:v>
                </c:pt>
                <c:pt idx="104">
                  <c:v>33.583073000000013</c:v>
                </c:pt>
                <c:pt idx="105">
                  <c:v>33.831286000000091</c:v>
                </c:pt>
                <c:pt idx="106">
                  <c:v>33.26313499999992</c:v>
                </c:pt>
                <c:pt idx="107">
                  <c:v>32.274216000000024</c:v>
                </c:pt>
                <c:pt idx="108">
                  <c:v>31.527818000000025</c:v>
                </c:pt>
                <c:pt idx="109">
                  <c:v>31.137259000000086</c:v>
                </c:pt>
                <c:pt idx="110">
                  <c:v>31.056552000000011</c:v>
                </c:pt>
                <c:pt idx="111">
                  <c:v>30.613319000000047</c:v>
                </c:pt>
                <c:pt idx="112">
                  <c:v>29.973244000000022</c:v>
                </c:pt>
                <c:pt idx="113">
                  <c:v>29.6995280000001</c:v>
                </c:pt>
                <c:pt idx="114">
                  <c:v>29.664866000000075</c:v>
                </c:pt>
                <c:pt idx="115">
                  <c:v>29.722471000000041</c:v>
                </c:pt>
                <c:pt idx="116">
                  <c:v>29.916594999999916</c:v>
                </c:pt>
                <c:pt idx="117">
                  <c:v>30.556213999999954</c:v>
                </c:pt>
                <c:pt idx="118">
                  <c:v>31.220068000000083</c:v>
                </c:pt>
                <c:pt idx="119">
                  <c:v>31.757264999999961</c:v>
                </c:pt>
                <c:pt idx="120">
                  <c:v>32.221751999999924</c:v>
                </c:pt>
                <c:pt idx="121">
                  <c:v>32.865358000000015</c:v>
                </c:pt>
                <c:pt idx="122">
                  <c:v>33.376028000000133</c:v>
                </c:pt>
                <c:pt idx="123">
                  <c:v>33.890803000000005</c:v>
                </c:pt>
                <c:pt idx="124">
                  <c:v>34.275311999999985</c:v>
                </c:pt>
                <c:pt idx="125">
                  <c:v>34.303000999999995</c:v>
                </c:pt>
                <c:pt idx="126">
                  <c:v>34.24664000000007</c:v>
                </c:pt>
                <c:pt idx="127">
                  <c:v>34.015409000000091</c:v>
                </c:pt>
                <c:pt idx="128">
                  <c:v>33.620263000000023</c:v>
                </c:pt>
                <c:pt idx="129">
                  <c:v>32.888443999999936</c:v>
                </c:pt>
                <c:pt idx="130">
                  <c:v>32.168098999999984</c:v>
                </c:pt>
                <c:pt idx="131">
                  <c:v>31.62425200000007</c:v>
                </c:pt>
                <c:pt idx="132">
                  <c:v>31.333043000000089</c:v>
                </c:pt>
                <c:pt idx="133">
                  <c:v>31.162021999999979</c:v>
                </c:pt>
                <c:pt idx="134">
                  <c:v>31.185158000000001</c:v>
                </c:pt>
                <c:pt idx="135">
                  <c:v>31.745249999999942</c:v>
                </c:pt>
                <c:pt idx="136">
                  <c:v>31.957495999999992</c:v>
                </c:pt>
                <c:pt idx="137">
                  <c:v>32.397692000000006</c:v>
                </c:pt>
                <c:pt idx="138">
                  <c:v>32.976319999999987</c:v>
                </c:pt>
                <c:pt idx="139">
                  <c:v>34.032212000000072</c:v>
                </c:pt>
                <c:pt idx="140">
                  <c:v>35.307342000000062</c:v>
                </c:pt>
                <c:pt idx="141">
                  <c:v>35.988968999999997</c:v>
                </c:pt>
                <c:pt idx="142">
                  <c:v>35.974778000000015</c:v>
                </c:pt>
                <c:pt idx="143">
                  <c:v>36.381077000000005</c:v>
                </c:pt>
                <c:pt idx="144">
                  <c:v>36.385285999999951</c:v>
                </c:pt>
                <c:pt idx="145">
                  <c:v>36.40900600000009</c:v>
                </c:pt>
                <c:pt idx="146">
                  <c:v>36.067279999999982</c:v>
                </c:pt>
                <c:pt idx="147">
                  <c:v>35.610529999999926</c:v>
                </c:pt>
                <c:pt idx="148">
                  <c:v>35.614632999999912</c:v>
                </c:pt>
                <c:pt idx="149">
                  <c:v>35.335493000000042</c:v>
                </c:pt>
                <c:pt idx="150">
                  <c:v>35.074657000000116</c:v>
                </c:pt>
                <c:pt idx="151">
                  <c:v>34.609273999999914</c:v>
                </c:pt>
                <c:pt idx="152">
                  <c:v>34.050347999999985</c:v>
                </c:pt>
                <c:pt idx="153">
                  <c:v>33.978708999999981</c:v>
                </c:pt>
                <c:pt idx="154">
                  <c:v>33.597095999999965</c:v>
                </c:pt>
                <c:pt idx="155">
                  <c:v>33.186572999999953</c:v>
                </c:pt>
                <c:pt idx="156">
                  <c:v>32.878640000000132</c:v>
                </c:pt>
                <c:pt idx="157">
                  <c:v>32.551390000000083</c:v>
                </c:pt>
                <c:pt idx="158">
                  <c:v>32.434410000000071</c:v>
                </c:pt>
                <c:pt idx="159">
                  <c:v>32.317831000000069</c:v>
                </c:pt>
                <c:pt idx="160">
                  <c:v>32.719014000000016</c:v>
                </c:pt>
                <c:pt idx="161">
                  <c:v>33.373540999999932</c:v>
                </c:pt>
                <c:pt idx="162">
                  <c:v>34.143780000000106</c:v>
                </c:pt>
                <c:pt idx="163">
                  <c:v>34.915571</c:v>
                </c:pt>
                <c:pt idx="164">
                  <c:v>35.808743999999933</c:v>
                </c:pt>
                <c:pt idx="165">
                  <c:v>36.589359999999942</c:v>
                </c:pt>
                <c:pt idx="166">
                  <c:v>37.032151000000113</c:v>
                </c:pt>
                <c:pt idx="167">
                  <c:v>36.883262000000059</c:v>
                </c:pt>
                <c:pt idx="168">
                  <c:v>36.447251999999935</c:v>
                </c:pt>
                <c:pt idx="169">
                  <c:v>35.855076000000054</c:v>
                </c:pt>
                <c:pt idx="170">
                  <c:v>35.282991999999922</c:v>
                </c:pt>
                <c:pt idx="171">
                  <c:v>34.745004999999992</c:v>
                </c:pt>
                <c:pt idx="172">
                  <c:v>34.006769000000077</c:v>
                </c:pt>
                <c:pt idx="173">
                  <c:v>33.382767000000058</c:v>
                </c:pt>
                <c:pt idx="174">
                  <c:v>32.626252000000022</c:v>
                </c:pt>
                <c:pt idx="175">
                  <c:v>32.618484999999964</c:v>
                </c:pt>
                <c:pt idx="176">
                  <c:v>33.048084000000017</c:v>
                </c:pt>
                <c:pt idx="177">
                  <c:v>33.431097000000136</c:v>
                </c:pt>
                <c:pt idx="178">
                  <c:v>33.844886999999972</c:v>
                </c:pt>
                <c:pt idx="179">
                  <c:v>34.353929000000107</c:v>
                </c:pt>
                <c:pt idx="180">
                  <c:v>35.632875000000013</c:v>
                </c:pt>
                <c:pt idx="181">
                  <c:v>37.424531000000115</c:v>
                </c:pt>
                <c:pt idx="182">
                  <c:v>38.893774000000121</c:v>
                </c:pt>
                <c:pt idx="183">
                  <c:v>39.940652</c:v>
                </c:pt>
                <c:pt idx="184">
                  <c:v>40.851065999999946</c:v>
                </c:pt>
                <c:pt idx="185">
                  <c:v>41.896050999999943</c:v>
                </c:pt>
                <c:pt idx="186">
                  <c:v>42.68670300000008</c:v>
                </c:pt>
                <c:pt idx="187">
                  <c:v>43.00701099999992</c:v>
                </c:pt>
                <c:pt idx="188">
                  <c:v>42.975689000000102</c:v>
                </c:pt>
                <c:pt idx="189">
                  <c:v>42.716809000000012</c:v>
                </c:pt>
                <c:pt idx="190">
                  <c:v>42.279972999999927</c:v>
                </c:pt>
                <c:pt idx="191">
                  <c:v>41.235220000000027</c:v>
                </c:pt>
                <c:pt idx="192">
                  <c:v>39.948998000000074</c:v>
                </c:pt>
                <c:pt idx="193">
                  <c:v>38.724541999999929</c:v>
                </c:pt>
                <c:pt idx="194">
                  <c:v>37.719229000000041</c:v>
                </c:pt>
                <c:pt idx="195">
                  <c:v>37.008510999999999</c:v>
                </c:pt>
                <c:pt idx="196">
                  <c:v>35.723678999999947</c:v>
                </c:pt>
                <c:pt idx="197">
                  <c:v>34.705020000000104</c:v>
                </c:pt>
                <c:pt idx="198">
                  <c:v>34.132507000000032</c:v>
                </c:pt>
                <c:pt idx="199">
                  <c:v>33.615146999999979</c:v>
                </c:pt>
                <c:pt idx="200">
                  <c:v>33.6147390000001</c:v>
                </c:pt>
                <c:pt idx="201">
                  <c:v>34.253860999999915</c:v>
                </c:pt>
                <c:pt idx="202">
                  <c:v>34.567639999999983</c:v>
                </c:pt>
                <c:pt idx="203">
                  <c:v>35.345242000000098</c:v>
                </c:pt>
                <c:pt idx="204">
                  <c:v>36.187085000000025</c:v>
                </c:pt>
                <c:pt idx="205">
                  <c:v>37.175400000000081</c:v>
                </c:pt>
                <c:pt idx="206">
                  <c:v>38.095070000000078</c:v>
                </c:pt>
                <c:pt idx="207">
                  <c:v>39.052576999999928</c:v>
                </c:pt>
                <c:pt idx="208">
                  <c:v>40.231238000000076</c:v>
                </c:pt>
                <c:pt idx="209">
                  <c:v>41.041559000000007</c:v>
                </c:pt>
                <c:pt idx="210">
                  <c:v>41.746388000000024</c:v>
                </c:pt>
                <c:pt idx="211">
                  <c:v>42.196996000000127</c:v>
                </c:pt>
                <c:pt idx="212">
                  <c:v>43.000201000000061</c:v>
                </c:pt>
                <c:pt idx="213">
                  <c:v>43.243807999999945</c:v>
                </c:pt>
                <c:pt idx="214">
                  <c:v>42.441266999999925</c:v>
                </c:pt>
                <c:pt idx="215">
                  <c:v>41.597876999999926</c:v>
                </c:pt>
                <c:pt idx="216">
                  <c:v>40.809297000000015</c:v>
                </c:pt>
                <c:pt idx="217">
                  <c:v>39.807217999999921</c:v>
                </c:pt>
                <c:pt idx="218">
                  <c:v>38.638494000000037</c:v>
                </c:pt>
                <c:pt idx="219">
                  <c:v>37.290230000000065</c:v>
                </c:pt>
                <c:pt idx="220">
                  <c:v>36.506069000000025</c:v>
                </c:pt>
                <c:pt idx="221">
                  <c:v>35.76566200000002</c:v>
                </c:pt>
                <c:pt idx="222">
                  <c:v>35.201105999999982</c:v>
                </c:pt>
                <c:pt idx="223">
                  <c:v>34.740312000000131</c:v>
                </c:pt>
                <c:pt idx="224">
                  <c:v>34.663649999999961</c:v>
                </c:pt>
                <c:pt idx="225">
                  <c:v>34.894547000000102</c:v>
                </c:pt>
                <c:pt idx="226">
                  <c:v>35.690413000000035</c:v>
                </c:pt>
                <c:pt idx="227">
                  <c:v>36.677515000000085</c:v>
                </c:pt>
                <c:pt idx="228">
                  <c:v>37.592587999999978</c:v>
                </c:pt>
                <c:pt idx="229">
                  <c:v>38.528070000000071</c:v>
                </c:pt>
                <c:pt idx="230">
                  <c:v>39.298839999999927</c:v>
                </c:pt>
                <c:pt idx="231">
                  <c:v>39.775832999999921</c:v>
                </c:pt>
                <c:pt idx="232">
                  <c:v>40.063668000000007</c:v>
                </c:pt>
                <c:pt idx="233">
                  <c:v>40.974112000000105</c:v>
                </c:pt>
                <c:pt idx="234">
                  <c:v>41.737435000000005</c:v>
                </c:pt>
                <c:pt idx="235">
                  <c:v>41.912577999999939</c:v>
                </c:pt>
                <c:pt idx="236">
                  <c:v>41.778966999999966</c:v>
                </c:pt>
                <c:pt idx="237">
                  <c:v>41.739835999999968</c:v>
                </c:pt>
                <c:pt idx="238">
                  <c:v>41.899577000000136</c:v>
                </c:pt>
                <c:pt idx="239">
                  <c:v>41.50526200000013</c:v>
                </c:pt>
                <c:pt idx="240">
                  <c:v>41.016182000000072</c:v>
                </c:pt>
                <c:pt idx="241">
                  <c:v>40.093511999999919</c:v>
                </c:pt>
                <c:pt idx="242">
                  <c:v>39.208863999999949</c:v>
                </c:pt>
                <c:pt idx="243">
                  <c:v>38.648556999999983</c:v>
                </c:pt>
                <c:pt idx="244">
                  <c:v>38.666249999999991</c:v>
                </c:pt>
                <c:pt idx="245">
                  <c:v>38.178491000000122</c:v>
                </c:pt>
                <c:pt idx="246">
                  <c:v>37.84060199999999</c:v>
                </c:pt>
                <c:pt idx="247">
                  <c:v>37.777994000000035</c:v>
                </c:pt>
                <c:pt idx="248">
                  <c:v>37.882563000000118</c:v>
                </c:pt>
                <c:pt idx="249">
                  <c:v>38.015004999999974</c:v>
                </c:pt>
                <c:pt idx="250">
                  <c:v>38.166652999999997</c:v>
                </c:pt>
                <c:pt idx="251">
                  <c:v>38.554542999999967</c:v>
                </c:pt>
                <c:pt idx="252">
                  <c:v>38.88666400000011</c:v>
                </c:pt>
                <c:pt idx="253">
                  <c:v>39.419648000000052</c:v>
                </c:pt>
                <c:pt idx="254">
                  <c:v>39.613687000000027</c:v>
                </c:pt>
                <c:pt idx="255">
                  <c:v>39.869425000000092</c:v>
                </c:pt>
                <c:pt idx="256">
                  <c:v>40.218957000000046</c:v>
                </c:pt>
                <c:pt idx="257">
                  <c:v>39.96230300000002</c:v>
                </c:pt>
                <c:pt idx="258">
                  <c:v>39.276272000000063</c:v>
                </c:pt>
                <c:pt idx="259">
                  <c:v>39.362370000000055</c:v>
                </c:pt>
                <c:pt idx="260">
                  <c:v>39.504415999999992</c:v>
                </c:pt>
                <c:pt idx="261">
                  <c:v>39.375197999999955</c:v>
                </c:pt>
                <c:pt idx="262">
                  <c:v>39.417126999999937</c:v>
                </c:pt>
                <c:pt idx="263">
                  <c:v>39.803623000000016</c:v>
                </c:pt>
                <c:pt idx="264">
                  <c:v>39.96198000000004</c:v>
                </c:pt>
                <c:pt idx="265">
                  <c:v>39.866447000000107</c:v>
                </c:pt>
                <c:pt idx="266">
                  <c:v>40.067902000000004</c:v>
                </c:pt>
                <c:pt idx="267">
                  <c:v>40.531954999999925</c:v>
                </c:pt>
                <c:pt idx="268">
                  <c:v>41.123119000000088</c:v>
                </c:pt>
                <c:pt idx="269">
                  <c:v>41.078068999999914</c:v>
                </c:pt>
                <c:pt idx="270">
                  <c:v>41.22580599999992</c:v>
                </c:pt>
                <c:pt idx="271">
                  <c:v>41.632528000000093</c:v>
                </c:pt>
                <c:pt idx="272">
                  <c:v>41.584704000000102</c:v>
                </c:pt>
                <c:pt idx="273">
                  <c:v>41.443498999999974</c:v>
                </c:pt>
                <c:pt idx="274">
                  <c:v>41.297422000000097</c:v>
                </c:pt>
                <c:pt idx="275">
                  <c:v>41.210888999999952</c:v>
                </c:pt>
                <c:pt idx="276">
                  <c:v>41.008992999999919</c:v>
                </c:pt>
                <c:pt idx="277">
                  <c:v>41.340756000000056</c:v>
                </c:pt>
                <c:pt idx="278">
                  <c:v>41.540876000000026</c:v>
                </c:pt>
                <c:pt idx="279">
                  <c:v>41.45604800000001</c:v>
                </c:pt>
                <c:pt idx="280">
                  <c:v>41.788949000000002</c:v>
                </c:pt>
                <c:pt idx="281">
                  <c:v>42.141266000000087</c:v>
                </c:pt>
                <c:pt idx="282">
                  <c:v>42.083640000000059</c:v>
                </c:pt>
                <c:pt idx="283">
                  <c:v>41.90891600000009</c:v>
                </c:pt>
                <c:pt idx="284">
                  <c:v>41.655471000000034</c:v>
                </c:pt>
                <c:pt idx="285">
                  <c:v>41.725912999999991</c:v>
                </c:pt>
                <c:pt idx="286">
                  <c:v>42.179824000000053</c:v>
                </c:pt>
                <c:pt idx="287">
                  <c:v>42.468518000000131</c:v>
                </c:pt>
                <c:pt idx="288">
                  <c:v>42.723991999999953</c:v>
                </c:pt>
                <c:pt idx="289">
                  <c:v>42.903512000000092</c:v>
                </c:pt>
                <c:pt idx="290">
                  <c:v>43.095481999999947</c:v>
                </c:pt>
                <c:pt idx="291">
                  <c:v>42.886858999999959</c:v>
                </c:pt>
                <c:pt idx="292">
                  <c:v>42.740303999999924</c:v>
                </c:pt>
                <c:pt idx="293">
                  <c:v>42.481029000000035</c:v>
                </c:pt>
                <c:pt idx="294">
                  <c:v>42.45325200000002</c:v>
                </c:pt>
                <c:pt idx="295">
                  <c:v>42.155754999999999</c:v>
                </c:pt>
                <c:pt idx="296">
                  <c:v>42.168529999999919</c:v>
                </c:pt>
                <c:pt idx="297">
                  <c:v>42.09409299999993</c:v>
                </c:pt>
                <c:pt idx="298">
                  <c:v>41.705500999999913</c:v>
                </c:pt>
                <c:pt idx="299">
                  <c:v>41.755756000000019</c:v>
                </c:pt>
                <c:pt idx="300">
                  <c:v>42.444389000000001</c:v>
                </c:pt>
                <c:pt idx="301">
                  <c:v>42.794366999999966</c:v>
                </c:pt>
                <c:pt idx="302">
                  <c:v>42.833707000000004</c:v>
                </c:pt>
                <c:pt idx="303">
                  <c:v>42.930503000000044</c:v>
                </c:pt>
                <c:pt idx="304">
                  <c:v>42.846385000000055</c:v>
                </c:pt>
                <c:pt idx="305">
                  <c:v>42.688753000000133</c:v>
                </c:pt>
                <c:pt idx="306">
                  <c:v>42.424621000000116</c:v>
                </c:pt>
                <c:pt idx="307">
                  <c:v>42.519966999999951</c:v>
                </c:pt>
                <c:pt idx="308">
                  <c:v>42.994574000000057</c:v>
                </c:pt>
                <c:pt idx="309">
                  <c:v>43.296965</c:v>
                </c:pt>
                <c:pt idx="310">
                  <c:v>43.575289999999995</c:v>
                </c:pt>
                <c:pt idx="311">
                  <c:v>43.480921999999964</c:v>
                </c:pt>
                <c:pt idx="312">
                  <c:v>43.263819000000012</c:v>
                </c:pt>
                <c:pt idx="313">
                  <c:v>43.612818999999945</c:v>
                </c:pt>
                <c:pt idx="314">
                  <c:v>44.042435000000069</c:v>
                </c:pt>
                <c:pt idx="315">
                  <c:v>44.278336999999965</c:v>
                </c:pt>
                <c:pt idx="316">
                  <c:v>44.222201999999925</c:v>
                </c:pt>
                <c:pt idx="317">
                  <c:v>44.126985999999988</c:v>
                </c:pt>
                <c:pt idx="318">
                  <c:v>43.891751999999997</c:v>
                </c:pt>
                <c:pt idx="319">
                  <c:v>43.73715500000003</c:v>
                </c:pt>
                <c:pt idx="320">
                  <c:v>43.504120000000057</c:v>
                </c:pt>
                <c:pt idx="321">
                  <c:v>43.118619999999964</c:v>
                </c:pt>
                <c:pt idx="322">
                  <c:v>42.832769999999982</c:v>
                </c:pt>
                <c:pt idx="323">
                  <c:v>42.498843999999963</c:v>
                </c:pt>
                <c:pt idx="324">
                  <c:v>42.188022000000046</c:v>
                </c:pt>
                <c:pt idx="325">
                  <c:v>42.088576999999987</c:v>
                </c:pt>
                <c:pt idx="326">
                  <c:v>41.976179000000002</c:v>
                </c:pt>
                <c:pt idx="327">
                  <c:v>42.447828999999956</c:v>
                </c:pt>
                <c:pt idx="328">
                  <c:v>43.034951999999976</c:v>
                </c:pt>
                <c:pt idx="329">
                  <c:v>43.568927000000031</c:v>
                </c:pt>
                <c:pt idx="330">
                  <c:v>43.87715500000013</c:v>
                </c:pt>
                <c:pt idx="331">
                  <c:v>44.41461900000013</c:v>
                </c:pt>
                <c:pt idx="332">
                  <c:v>45.340791999999965</c:v>
                </c:pt>
                <c:pt idx="333">
                  <c:v>46.033746000000065</c:v>
                </c:pt>
                <c:pt idx="334">
                  <c:v>46.596148999999969</c:v>
                </c:pt>
                <c:pt idx="335">
                  <c:v>46.909521000000041</c:v>
                </c:pt>
                <c:pt idx="336">
                  <c:v>47.040751</c:v>
                </c:pt>
                <c:pt idx="337">
                  <c:v>47.421728999999914</c:v>
                </c:pt>
                <c:pt idx="338">
                  <c:v>47.780234000000064</c:v>
                </c:pt>
                <c:pt idx="339">
                  <c:v>47.919711000000007</c:v>
                </c:pt>
                <c:pt idx="340">
                  <c:v>47.905504000000064</c:v>
                </c:pt>
                <c:pt idx="341">
                  <c:v>47.502304999999978</c:v>
                </c:pt>
                <c:pt idx="342">
                  <c:v>47.01930399999992</c:v>
                </c:pt>
                <c:pt idx="343">
                  <c:v>46.825090999999929</c:v>
                </c:pt>
                <c:pt idx="344">
                  <c:v>46.717928999999913</c:v>
                </c:pt>
                <c:pt idx="345">
                  <c:v>46.347968999999921</c:v>
                </c:pt>
                <c:pt idx="346">
                  <c:v>46.020021000000042</c:v>
                </c:pt>
                <c:pt idx="347">
                  <c:v>46.074268999999958</c:v>
                </c:pt>
                <c:pt idx="348">
                  <c:v>46.103184999999939</c:v>
                </c:pt>
                <c:pt idx="349">
                  <c:v>45.813726999999972</c:v>
                </c:pt>
                <c:pt idx="350">
                  <c:v>45.298113999999941</c:v>
                </c:pt>
                <c:pt idx="351">
                  <c:v>44.851826000000074</c:v>
                </c:pt>
                <c:pt idx="352">
                  <c:v>44.606088</c:v>
                </c:pt>
                <c:pt idx="353">
                  <c:v>44.475545000000011</c:v>
                </c:pt>
                <c:pt idx="354">
                  <c:v>44.832540999999992</c:v>
                </c:pt>
                <c:pt idx="355">
                  <c:v>45.49104699999998</c:v>
                </c:pt>
                <c:pt idx="356">
                  <c:v>45.97128900000007</c:v>
                </c:pt>
                <c:pt idx="357">
                  <c:v>46.444447000000082</c:v>
                </c:pt>
                <c:pt idx="358">
                  <c:v>46.898147000000108</c:v>
                </c:pt>
                <c:pt idx="359">
                  <c:v>47.563227000000097</c:v>
                </c:pt>
                <c:pt idx="360">
                  <c:v>47.889581000000135</c:v>
                </c:pt>
                <c:pt idx="361">
                  <c:v>48.424717000000101</c:v>
                </c:pt>
                <c:pt idx="362">
                  <c:v>48.730311000000029</c:v>
                </c:pt>
                <c:pt idx="363">
                  <c:v>48.449702000000116</c:v>
                </c:pt>
                <c:pt idx="364">
                  <c:v>48.481954999999971</c:v>
                </c:pt>
                <c:pt idx="365">
                  <c:v>48.850040999999919</c:v>
                </c:pt>
                <c:pt idx="366">
                  <c:v>48.981259000000136</c:v>
                </c:pt>
                <c:pt idx="367">
                  <c:v>49.132501999999931</c:v>
                </c:pt>
                <c:pt idx="368">
                  <c:v>48.712807000000112</c:v>
                </c:pt>
                <c:pt idx="369">
                  <c:v>48.382785000000013</c:v>
                </c:pt>
                <c:pt idx="370">
                  <c:v>48.149439000000029</c:v>
                </c:pt>
                <c:pt idx="371">
                  <c:v>47.792459000000008</c:v>
                </c:pt>
                <c:pt idx="372">
                  <c:v>47.362296000000015</c:v>
                </c:pt>
                <c:pt idx="373">
                  <c:v>47.137296000000106</c:v>
                </c:pt>
                <c:pt idx="374">
                  <c:v>47.081993000000011</c:v>
                </c:pt>
                <c:pt idx="375">
                  <c:v>46.931602000000112</c:v>
                </c:pt>
                <c:pt idx="376">
                  <c:v>46.910213999999996</c:v>
                </c:pt>
                <c:pt idx="377">
                  <c:v>46.967893000000004</c:v>
                </c:pt>
                <c:pt idx="378">
                  <c:v>47.188256000000138</c:v>
                </c:pt>
                <c:pt idx="379">
                  <c:v>47.714549999999917</c:v>
                </c:pt>
                <c:pt idx="380">
                  <c:v>48.245754999999917</c:v>
                </c:pt>
                <c:pt idx="381">
                  <c:v>48.380609000000049</c:v>
                </c:pt>
                <c:pt idx="382">
                  <c:v>48.508974999999964</c:v>
                </c:pt>
                <c:pt idx="383">
                  <c:v>48.409049000000095</c:v>
                </c:pt>
                <c:pt idx="384">
                  <c:v>48.217879000000039</c:v>
                </c:pt>
                <c:pt idx="385">
                  <c:v>47.805644000000029</c:v>
                </c:pt>
                <c:pt idx="386">
                  <c:v>47.68418500000007</c:v>
                </c:pt>
                <c:pt idx="387">
                  <c:v>47.787066000000095</c:v>
                </c:pt>
                <c:pt idx="388">
                  <c:v>47.544983000000002</c:v>
                </c:pt>
                <c:pt idx="389">
                  <c:v>47.056072000000086</c:v>
                </c:pt>
                <c:pt idx="390">
                  <c:v>46.656038000000081</c:v>
                </c:pt>
                <c:pt idx="391">
                  <c:v>46.858087999999952</c:v>
                </c:pt>
                <c:pt idx="392">
                  <c:v>47.153473000000076</c:v>
                </c:pt>
                <c:pt idx="393">
                  <c:v>47.139492000000018</c:v>
                </c:pt>
                <c:pt idx="394">
                  <c:v>47.30257800000004</c:v>
                </c:pt>
                <c:pt idx="395">
                  <c:v>47.840294000000085</c:v>
                </c:pt>
                <c:pt idx="396">
                  <c:v>48.56267600000001</c:v>
                </c:pt>
                <c:pt idx="397">
                  <c:v>49.066135000000031</c:v>
                </c:pt>
                <c:pt idx="398">
                  <c:v>49.191579999999931</c:v>
                </c:pt>
                <c:pt idx="399">
                  <c:v>49.172211000000061</c:v>
                </c:pt>
                <c:pt idx="400">
                  <c:v>49.324192999999923</c:v>
                </c:pt>
                <c:pt idx="401">
                  <c:v>49.039402000000109</c:v>
                </c:pt>
                <c:pt idx="402">
                  <c:v>48.954112000000123</c:v>
                </c:pt>
                <c:pt idx="403">
                  <c:v>48.914377999999942</c:v>
                </c:pt>
                <c:pt idx="404">
                  <c:v>48.75313600000004</c:v>
                </c:pt>
                <c:pt idx="405">
                  <c:v>48.126658000000134</c:v>
                </c:pt>
                <c:pt idx="406">
                  <c:v>47.320735000000013</c:v>
                </c:pt>
                <c:pt idx="407">
                  <c:v>47.191870999999992</c:v>
                </c:pt>
                <c:pt idx="408">
                  <c:v>47.307504000000108</c:v>
                </c:pt>
                <c:pt idx="409">
                  <c:v>46.747299999999996</c:v>
                </c:pt>
                <c:pt idx="410">
                  <c:v>45.838858999999957</c:v>
                </c:pt>
                <c:pt idx="411">
                  <c:v>44.891423999999915</c:v>
                </c:pt>
                <c:pt idx="412">
                  <c:v>44.037385000000086</c:v>
                </c:pt>
                <c:pt idx="413">
                  <c:v>43.468573000000106</c:v>
                </c:pt>
                <c:pt idx="414">
                  <c:v>42.550713000000087</c:v>
                </c:pt>
                <c:pt idx="415">
                  <c:v>41.767998000000034</c:v>
                </c:pt>
                <c:pt idx="416">
                  <c:v>41.46297900000013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078-457D-ACC9-ED774AE42F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ulti-150-3s(19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Multi-150-3s(19)'!$D$2:$D$422</c:f>
              <c:numCache>
                <c:formatCode>General</c:formatCode>
                <c:ptCount val="421"/>
                <c:pt idx="0">
                  <c:v>0</c:v>
                </c:pt>
                <c:pt idx="1">
                  <c:v>5.0039999999995644E-3</c:v>
                </c:pt>
                <c:pt idx="2">
                  <c:v>1.0008999999999268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3999999999269E-2</c:v>
                </c:pt>
                <c:pt idx="6">
                  <c:v>3.0027999999999722E-2</c:v>
                </c:pt>
                <c:pt idx="7">
                  <c:v>3.5032999999999426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7999999999426E-2</c:v>
                </c:pt>
                <c:pt idx="11">
                  <c:v>5.5051999999999879E-2</c:v>
                </c:pt>
                <c:pt idx="12">
                  <c:v>6.0056999999999583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5999999999148E-2</c:v>
                </c:pt>
                <c:pt idx="17">
                  <c:v>8.5080999999998852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885</c:v>
                </c:pt>
                <c:pt idx="21">
                  <c:v>0.10510000000000019</c:v>
                </c:pt>
                <c:pt idx="22">
                  <c:v>0.11010499999999901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1999999999901</c:v>
                </c:pt>
                <c:pt idx="26">
                  <c:v>0.13012400000000035</c:v>
                </c:pt>
                <c:pt idx="27">
                  <c:v>0.13512899999999917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399999999917</c:v>
                </c:pt>
                <c:pt idx="31">
                  <c:v>0.15514799999999873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299999999873</c:v>
                </c:pt>
                <c:pt idx="35">
                  <c:v>0.17516799999999932</c:v>
                </c:pt>
                <c:pt idx="36">
                  <c:v>0.18017199999999889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699999999889</c:v>
                </c:pt>
                <c:pt idx="40">
                  <c:v>0.20019199999999948</c:v>
                </c:pt>
                <c:pt idx="41">
                  <c:v>0.20519599999999905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099999999905</c:v>
                </c:pt>
                <c:pt idx="45">
                  <c:v>0.22521599999999964</c:v>
                </c:pt>
                <c:pt idx="46">
                  <c:v>0.2302199999999992</c:v>
                </c:pt>
                <c:pt idx="47">
                  <c:v>0.2352249999999998</c:v>
                </c:pt>
                <c:pt idx="48">
                  <c:v>0.24023000000000039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399999999936</c:v>
                </c:pt>
                <c:pt idx="52">
                  <c:v>0.26024899999999995</c:v>
                </c:pt>
                <c:pt idx="53">
                  <c:v>0.26525399999999877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799999999952</c:v>
                </c:pt>
                <c:pt idx="57">
                  <c:v>0.28527300000000011</c:v>
                </c:pt>
                <c:pt idx="58">
                  <c:v>0.29027799999999893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700000000027</c:v>
                </c:pt>
                <c:pt idx="63">
                  <c:v>0.31530199999999908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599999999983</c:v>
                </c:pt>
                <c:pt idx="67">
                  <c:v>0.33532100000000042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3999999999999</c:v>
                </c:pt>
                <c:pt idx="72">
                  <c:v>0.36034499999999881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5999999999881</c:v>
                </c:pt>
                <c:pt idx="76">
                  <c:v>0.38036400000000015</c:v>
                </c:pt>
                <c:pt idx="77">
                  <c:v>0.38536899999999896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399999999896</c:v>
                </c:pt>
                <c:pt idx="81">
                  <c:v>0.4053880000000003</c:v>
                </c:pt>
                <c:pt idx="82">
                  <c:v>0.41039299999999912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799999999912</c:v>
                </c:pt>
                <c:pt idx="86">
                  <c:v>0.43041200000000046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700000000046</c:v>
                </c:pt>
                <c:pt idx="90">
                  <c:v>0.45043199999999928</c:v>
                </c:pt>
                <c:pt idx="91">
                  <c:v>0.45543599999999884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099999999884</c:v>
                </c:pt>
                <c:pt idx="95">
                  <c:v>0.47545599999999943</c:v>
                </c:pt>
                <c:pt idx="96">
                  <c:v>0.480459999999999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4999999999</c:v>
                </c:pt>
                <c:pt idx="100">
                  <c:v>0.50047999999999959</c:v>
                </c:pt>
                <c:pt idx="101">
                  <c:v>0.50548399999999916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899999999916</c:v>
                </c:pt>
                <c:pt idx="105">
                  <c:v>0.52550399999999975</c:v>
                </c:pt>
                <c:pt idx="106">
                  <c:v>0.53050799999999931</c:v>
                </c:pt>
                <c:pt idx="107">
                  <c:v>0.53551299999999991</c:v>
                </c:pt>
                <c:pt idx="108">
                  <c:v>0.54051799999999872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199999999947</c:v>
                </c:pt>
                <c:pt idx="112">
                  <c:v>0.56053700000000006</c:v>
                </c:pt>
                <c:pt idx="113">
                  <c:v>0.56554199999999888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599999999963</c:v>
                </c:pt>
                <c:pt idx="117">
                  <c:v>0.58556100000000022</c:v>
                </c:pt>
                <c:pt idx="118">
                  <c:v>0.59056599999999904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7999999999979</c:v>
                </c:pt>
                <c:pt idx="122">
                  <c:v>0.61058500000000038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60000000000038</c:v>
                </c:pt>
                <c:pt idx="126">
                  <c:v>0.63060399999999994</c:v>
                </c:pt>
                <c:pt idx="127">
                  <c:v>0.63560899999999876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399999999876</c:v>
                </c:pt>
                <c:pt idx="131">
                  <c:v>0.6556280000000001</c:v>
                </c:pt>
                <c:pt idx="132">
                  <c:v>0.66063299999999892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799999999892</c:v>
                </c:pt>
                <c:pt idx="136">
                  <c:v>0.68065200000000026</c:v>
                </c:pt>
                <c:pt idx="137">
                  <c:v>0.68565699999999907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199999999907</c:v>
                </c:pt>
                <c:pt idx="141">
                  <c:v>0.70567600000000041</c:v>
                </c:pt>
                <c:pt idx="142">
                  <c:v>0.71068099999999923</c:v>
                </c:pt>
                <c:pt idx="143">
                  <c:v>0.71568599999999982</c:v>
                </c:pt>
                <c:pt idx="144">
                  <c:v>0.72069100000000041</c:v>
                </c:pt>
                <c:pt idx="145">
                  <c:v>0.72569599999999923</c:v>
                </c:pt>
                <c:pt idx="146">
                  <c:v>0.73069999999999879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49999999988</c:v>
                </c:pt>
                <c:pt idx="150">
                  <c:v>0.75071999999999939</c:v>
                </c:pt>
                <c:pt idx="151">
                  <c:v>0.75572399999999895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899999999895</c:v>
                </c:pt>
                <c:pt idx="155">
                  <c:v>0.77574399999999955</c:v>
                </c:pt>
                <c:pt idx="156">
                  <c:v>0.78074799999999911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299999999911</c:v>
                </c:pt>
                <c:pt idx="160">
                  <c:v>0.8007679999999997</c:v>
                </c:pt>
                <c:pt idx="161">
                  <c:v>0.80577199999999927</c:v>
                </c:pt>
                <c:pt idx="162">
                  <c:v>0.81077699999999986</c:v>
                </c:pt>
                <c:pt idx="163">
                  <c:v>0.81578200000000045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599999999942</c:v>
                </c:pt>
                <c:pt idx="167">
                  <c:v>0.83580100000000002</c:v>
                </c:pt>
                <c:pt idx="168">
                  <c:v>0.84080599999999883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1999999999958</c:v>
                </c:pt>
                <c:pt idx="172">
                  <c:v>0.86082500000000017</c:v>
                </c:pt>
                <c:pt idx="173">
                  <c:v>0.86582999999999899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399999999974</c:v>
                </c:pt>
                <c:pt idx="177">
                  <c:v>0.88584900000000033</c:v>
                </c:pt>
                <c:pt idx="178">
                  <c:v>0.89085399999999915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79999999999</c:v>
                </c:pt>
                <c:pt idx="182">
                  <c:v>0.91087299999999871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799999999871</c:v>
                </c:pt>
                <c:pt idx="186">
                  <c:v>0.93089200000000005</c:v>
                </c:pt>
                <c:pt idx="187">
                  <c:v>0.93589699999999887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887</c:v>
                </c:pt>
                <c:pt idx="191">
                  <c:v>0.95591600000000021</c:v>
                </c:pt>
                <c:pt idx="192">
                  <c:v>0.96092099999999903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599999999903</c:v>
                </c:pt>
                <c:pt idx="196">
                  <c:v>0.98094000000000037</c:v>
                </c:pt>
                <c:pt idx="197">
                  <c:v>0.98594499999999918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599999999992</c:v>
                </c:pt>
                <c:pt idx="201">
                  <c:v>1.0059639999999987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89999999987</c:v>
                </c:pt>
                <c:pt idx="205">
                  <c:v>1.0259839999999993</c:v>
                </c:pt>
                <c:pt idx="206">
                  <c:v>1.030987999999998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29999999989</c:v>
                </c:pt>
                <c:pt idx="210">
                  <c:v>1.0510079999999995</c:v>
                </c:pt>
                <c:pt idx="211">
                  <c:v>1.056011999999999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69999999991</c:v>
                </c:pt>
                <c:pt idx="215">
                  <c:v>1.0760319999999997</c:v>
                </c:pt>
                <c:pt idx="216">
                  <c:v>1.0810359999999992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599999999994</c:v>
                </c:pt>
                <c:pt idx="222">
                  <c:v>1.111065</c:v>
                </c:pt>
                <c:pt idx="223">
                  <c:v>1.1160699999999988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39999999995</c:v>
                </c:pt>
                <c:pt idx="227">
                  <c:v>1.1360890000000001</c:v>
                </c:pt>
                <c:pt idx="228">
                  <c:v>1.1410939999999989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30000000003</c:v>
                </c:pt>
                <c:pt idx="233">
                  <c:v>1.1661179999999991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19999999998</c:v>
                </c:pt>
                <c:pt idx="237">
                  <c:v>1.1861370000000004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6</c:v>
                </c:pt>
                <c:pt idx="242">
                  <c:v>1.2111609999999988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59999999988</c:v>
                </c:pt>
                <c:pt idx="246">
                  <c:v>1.2311800000000002</c:v>
                </c:pt>
                <c:pt idx="247">
                  <c:v>1.236184999999999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199999999999</c:v>
                </c:pt>
                <c:pt idx="251">
                  <c:v>1.2562040000000003</c:v>
                </c:pt>
                <c:pt idx="252">
                  <c:v>1.2612089999999991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39999999991</c:v>
                </c:pt>
                <c:pt idx="256">
                  <c:v>1.2812279999999987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29999999987</c:v>
                </c:pt>
                <c:pt idx="260">
                  <c:v>1.3012479999999993</c:v>
                </c:pt>
                <c:pt idx="261">
                  <c:v>1.306251999999998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69999999989</c:v>
                </c:pt>
                <c:pt idx="265">
                  <c:v>1.3262719999999995</c:v>
                </c:pt>
                <c:pt idx="266">
                  <c:v>1.331275999999999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0999999999</c:v>
                </c:pt>
                <c:pt idx="270">
                  <c:v>1.3512959999999996</c:v>
                </c:pt>
                <c:pt idx="271">
                  <c:v>1.356299999999999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49999999992</c:v>
                </c:pt>
                <c:pt idx="275">
                  <c:v>1.3763199999999998</c:v>
                </c:pt>
                <c:pt idx="276">
                  <c:v>1.3813239999999993</c:v>
                </c:pt>
                <c:pt idx="277">
                  <c:v>1.3863289999999999</c:v>
                </c:pt>
                <c:pt idx="278">
                  <c:v>1.3913339999999987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79999999995</c:v>
                </c:pt>
                <c:pt idx="282">
                  <c:v>1.4113530000000001</c:v>
                </c:pt>
                <c:pt idx="283">
                  <c:v>1.4163579999999989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70000000002</c:v>
                </c:pt>
                <c:pt idx="288">
                  <c:v>1.4413819999999991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59999999998</c:v>
                </c:pt>
                <c:pt idx="292">
                  <c:v>1.4614010000000004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</c:v>
                </c:pt>
                <c:pt idx="297">
                  <c:v>1.4864249999999988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399999999988</c:v>
                </c:pt>
                <c:pt idx="301">
                  <c:v>1.5064440000000001</c:v>
                </c:pt>
                <c:pt idx="302">
                  <c:v>1.5114489999999989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39999999989</c:v>
                </c:pt>
                <c:pt idx="306">
                  <c:v>1.5314680000000003</c:v>
                </c:pt>
                <c:pt idx="307">
                  <c:v>1.5364729999999991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79999999991</c:v>
                </c:pt>
                <c:pt idx="311">
                  <c:v>1.5564920000000004</c:v>
                </c:pt>
                <c:pt idx="312">
                  <c:v>1.5614969999999992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19999999992</c:v>
                </c:pt>
                <c:pt idx="316">
                  <c:v>1.5815159999999988</c:v>
                </c:pt>
                <c:pt idx="317">
                  <c:v>1.5865209999999994</c:v>
                </c:pt>
                <c:pt idx="318">
                  <c:v>1.591526</c:v>
                </c:pt>
                <c:pt idx="319">
                  <c:v>1.5965309999999988</c:v>
                </c:pt>
                <c:pt idx="320">
                  <c:v>1.6015359999999994</c:v>
                </c:pt>
                <c:pt idx="321">
                  <c:v>1.606539999999999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4999999999</c:v>
                </c:pt>
                <c:pt idx="325">
                  <c:v>1.6265599999999996</c:v>
                </c:pt>
                <c:pt idx="326">
                  <c:v>1.6315639999999991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89999999991</c:v>
                </c:pt>
                <c:pt idx="330">
                  <c:v>1.6515839999999997</c:v>
                </c:pt>
                <c:pt idx="331">
                  <c:v>1.6565879999999993</c:v>
                </c:pt>
                <c:pt idx="332">
                  <c:v>1.6615929999999999</c:v>
                </c:pt>
                <c:pt idx="333">
                  <c:v>1.6665980000000005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19999999994</c:v>
                </c:pt>
                <c:pt idx="337">
                  <c:v>1.686617</c:v>
                </c:pt>
                <c:pt idx="338">
                  <c:v>1.6916219999999988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59999999996</c:v>
                </c:pt>
                <c:pt idx="342">
                  <c:v>1.7116410000000002</c:v>
                </c:pt>
                <c:pt idx="343">
                  <c:v>1.716645999999999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599999999998</c:v>
                </c:pt>
                <c:pt idx="347">
                  <c:v>1.7366650000000003</c:v>
                </c:pt>
                <c:pt idx="348">
                  <c:v>1.741669999999999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39999999999</c:v>
                </c:pt>
                <c:pt idx="352">
                  <c:v>1.7616889999999987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39999999987</c:v>
                </c:pt>
                <c:pt idx="356">
                  <c:v>1.7817080000000001</c:v>
                </c:pt>
                <c:pt idx="357">
                  <c:v>1.7867129999999989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79999999989</c:v>
                </c:pt>
                <c:pt idx="361">
                  <c:v>1.8067320000000002</c:v>
                </c:pt>
                <c:pt idx="362">
                  <c:v>1.811736999999999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1999999999</c:v>
                </c:pt>
                <c:pt idx="366">
                  <c:v>1.8317560000000004</c:v>
                </c:pt>
                <c:pt idx="367">
                  <c:v>1.8367609999999992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59999999992</c:v>
                </c:pt>
                <c:pt idx="371">
                  <c:v>1.8567799999999988</c:v>
                </c:pt>
                <c:pt idx="372">
                  <c:v>1.8617849999999994</c:v>
                </c:pt>
                <c:pt idx="373">
                  <c:v>1.8667899999999999</c:v>
                </c:pt>
                <c:pt idx="374">
                  <c:v>1.8717949999999988</c:v>
                </c:pt>
                <c:pt idx="375">
                  <c:v>1.8767999999999994</c:v>
                </c:pt>
                <c:pt idx="376">
                  <c:v>1.8818039999999989</c:v>
                </c:pt>
                <c:pt idx="377">
                  <c:v>1.8868089999999995</c:v>
                </c:pt>
                <c:pt idx="378">
                  <c:v>1.8918140000000001</c:v>
                </c:pt>
                <c:pt idx="379">
                  <c:v>1.8968189999999989</c:v>
                </c:pt>
                <c:pt idx="380">
                  <c:v>1.9018239999999995</c:v>
                </c:pt>
                <c:pt idx="381">
                  <c:v>1.9068279999999991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29999999991</c:v>
                </c:pt>
                <c:pt idx="385">
                  <c:v>1.9268479999999997</c:v>
                </c:pt>
                <c:pt idx="386">
                  <c:v>1.9318519999999992</c:v>
                </c:pt>
                <c:pt idx="387">
                  <c:v>1.9368569999999998</c:v>
                </c:pt>
                <c:pt idx="388">
                  <c:v>1.9418620000000004</c:v>
                </c:pt>
                <c:pt idx="389">
                  <c:v>1.9468669999999992</c:v>
                </c:pt>
                <c:pt idx="390">
                  <c:v>1.9518719999999998</c:v>
                </c:pt>
                <c:pt idx="391">
                  <c:v>1.9568759999999994</c:v>
                </c:pt>
                <c:pt idx="392">
                  <c:v>1.961881</c:v>
                </c:pt>
                <c:pt idx="393">
                  <c:v>1.9668859999999988</c:v>
                </c:pt>
                <c:pt idx="394">
                  <c:v>1.9718909999999994</c:v>
                </c:pt>
                <c:pt idx="395">
                  <c:v>1.976896</c:v>
                </c:pt>
                <c:pt idx="396">
                  <c:v>1.9818999999999996</c:v>
                </c:pt>
                <c:pt idx="397">
                  <c:v>1.9869050000000001</c:v>
                </c:pt>
                <c:pt idx="398">
                  <c:v>1.991909999999999</c:v>
                </c:pt>
                <c:pt idx="399">
                  <c:v>1.9969149999999996</c:v>
                </c:pt>
                <c:pt idx="400">
                  <c:v>2.0019200000000001</c:v>
                </c:pt>
                <c:pt idx="401">
                  <c:v>2.0069239999999997</c:v>
                </c:pt>
                <c:pt idx="402">
                  <c:v>2.0119290000000003</c:v>
                </c:pt>
                <c:pt idx="403">
                  <c:v>2.0169339999999991</c:v>
                </c:pt>
                <c:pt idx="404">
                  <c:v>2.0219389999999997</c:v>
                </c:pt>
                <c:pt idx="405">
                  <c:v>2.0269440000000003</c:v>
                </c:pt>
                <c:pt idx="406">
                  <c:v>2.0319479999999999</c:v>
                </c:pt>
                <c:pt idx="407">
                  <c:v>2.0369530000000005</c:v>
                </c:pt>
                <c:pt idx="408">
                  <c:v>2.0419579999999993</c:v>
                </c:pt>
                <c:pt idx="409">
                  <c:v>2.0469629999999999</c:v>
                </c:pt>
                <c:pt idx="410">
                  <c:v>2.0519680000000005</c:v>
                </c:pt>
                <c:pt idx="411">
                  <c:v>2.056972</c:v>
                </c:pt>
                <c:pt idx="412">
                  <c:v>2.0619769999999988</c:v>
                </c:pt>
                <c:pt idx="413">
                  <c:v>2.0669819999999994</c:v>
                </c:pt>
                <c:pt idx="414">
                  <c:v>2.071987</c:v>
                </c:pt>
                <c:pt idx="415">
                  <c:v>2.0769919999999988</c:v>
                </c:pt>
                <c:pt idx="416">
                  <c:v>2.0819960000000002</c:v>
                </c:pt>
              </c:numCache>
            </c:numRef>
          </c:xVal>
          <c:yVal>
            <c:numRef>
              <c:f>'Multi-150-3s(19)'!$F$2:$F$422</c:f>
              <c:numCache>
                <c:formatCode>General</c:formatCode>
                <c:ptCount val="421"/>
                <c:pt idx="1">
                  <c:v>0.14820405672232798</c:v>
                </c:pt>
                <c:pt idx="2">
                  <c:v>0.12261497869831411</c:v>
                </c:pt>
                <c:pt idx="3">
                  <c:v>0.13036959262267153</c:v>
                </c:pt>
                <c:pt idx="4">
                  <c:v>0.13365516839272354</c:v>
                </c:pt>
                <c:pt idx="5">
                  <c:v>0.15106505528067302</c:v>
                </c:pt>
                <c:pt idx="6">
                  <c:v>0.16301474700056912</c:v>
                </c:pt>
                <c:pt idx="7">
                  <c:v>0.18391846301736381</c:v>
                </c:pt>
                <c:pt idx="8">
                  <c:v>0.202322876793605</c:v>
                </c:pt>
                <c:pt idx="9">
                  <c:v>0.20966576842064846</c:v>
                </c:pt>
                <c:pt idx="10">
                  <c:v>0.21263135331233324</c:v>
                </c:pt>
                <c:pt idx="11">
                  <c:v>0.21631408899544252</c:v>
                </c:pt>
                <c:pt idx="12">
                  <c:v>0.219216962966265</c:v>
                </c:pt>
                <c:pt idx="13">
                  <c:v>0.21351014243526259</c:v>
                </c:pt>
                <c:pt idx="14">
                  <c:v>0.20498205650643156</c:v>
                </c:pt>
                <c:pt idx="15">
                  <c:v>0.19618814336594032</c:v>
                </c:pt>
                <c:pt idx="16">
                  <c:v>0.19043033685828051</c:v>
                </c:pt>
                <c:pt idx="17">
                  <c:v>0.18357419248844983</c:v>
                </c:pt>
                <c:pt idx="18">
                  <c:v>0.17630812104732788</c:v>
                </c:pt>
                <c:pt idx="19">
                  <c:v>0.17135498677177827</c:v>
                </c:pt>
                <c:pt idx="20">
                  <c:v>0.16667153800619761</c:v>
                </c:pt>
                <c:pt idx="21">
                  <c:v>0.16079980449249148</c:v>
                </c:pt>
                <c:pt idx="22">
                  <c:v>0.15216981404758187</c:v>
                </c:pt>
                <c:pt idx="23">
                  <c:v>0.14501318235068758</c:v>
                </c:pt>
                <c:pt idx="24">
                  <c:v>0.13709311563730184</c:v>
                </c:pt>
                <c:pt idx="25">
                  <c:v>0.13116564315137516</c:v>
                </c:pt>
                <c:pt idx="26">
                  <c:v>0.12701207953000651</c:v>
                </c:pt>
                <c:pt idx="27">
                  <c:v>0.12498477463634264</c:v>
                </c:pt>
                <c:pt idx="28">
                  <c:v>0.12457589155141782</c:v>
                </c:pt>
                <c:pt idx="29">
                  <c:v>0.12491334994118736</c:v>
                </c:pt>
                <c:pt idx="30">
                  <c:v>0.12409256651137343</c:v>
                </c:pt>
                <c:pt idx="31">
                  <c:v>0.12288884269899039</c:v>
                </c:pt>
                <c:pt idx="32">
                  <c:v>0.1213410086680201</c:v>
                </c:pt>
                <c:pt idx="33">
                  <c:v>0.11971976286442047</c:v>
                </c:pt>
                <c:pt idx="34">
                  <c:v>0.11808019194254381</c:v>
                </c:pt>
                <c:pt idx="35">
                  <c:v>0.11724923279559404</c:v>
                </c:pt>
                <c:pt idx="36">
                  <c:v>0.11550452857931316</c:v>
                </c:pt>
                <c:pt idx="37">
                  <c:v>0.11049772349343524</c:v>
                </c:pt>
                <c:pt idx="38">
                  <c:v>0.10369711145524689</c:v>
                </c:pt>
                <c:pt idx="39">
                  <c:v>9.8071602383302384E-2</c:v>
                </c:pt>
                <c:pt idx="40">
                  <c:v>9.3398208516427564E-2</c:v>
                </c:pt>
                <c:pt idx="41">
                  <c:v>8.8111336297993934E-2</c:v>
                </c:pt>
                <c:pt idx="42">
                  <c:v>8.0499681423840383E-2</c:v>
                </c:pt>
                <c:pt idx="43">
                  <c:v>7.4608949336200811E-2</c:v>
                </c:pt>
                <c:pt idx="44">
                  <c:v>7.0656945187585585E-2</c:v>
                </c:pt>
                <c:pt idx="45">
                  <c:v>6.8840331219534603E-2</c:v>
                </c:pt>
                <c:pt idx="46">
                  <c:v>6.8057831425318002E-2</c:v>
                </c:pt>
                <c:pt idx="47">
                  <c:v>6.9674628856531154E-2</c:v>
                </c:pt>
                <c:pt idx="48">
                  <c:v>7.2776656871337858E-2</c:v>
                </c:pt>
                <c:pt idx="49">
                  <c:v>7.6585049518596765E-2</c:v>
                </c:pt>
                <c:pt idx="50">
                  <c:v>7.9513422883445692E-2</c:v>
                </c:pt>
                <c:pt idx="51">
                  <c:v>8.3095130173119619E-2</c:v>
                </c:pt>
                <c:pt idx="52">
                  <c:v>8.6572005595754439E-2</c:v>
                </c:pt>
                <c:pt idx="53">
                  <c:v>9.0449625842947412E-2</c:v>
                </c:pt>
                <c:pt idx="54">
                  <c:v>9.3369388295342456E-2</c:v>
                </c:pt>
                <c:pt idx="55">
                  <c:v>9.5075248772753362E-2</c:v>
                </c:pt>
                <c:pt idx="56">
                  <c:v>9.6608541454971969E-2</c:v>
                </c:pt>
                <c:pt idx="57">
                  <c:v>9.6527441722969939E-2</c:v>
                </c:pt>
                <c:pt idx="58">
                  <c:v>9.4083142554659133E-2</c:v>
                </c:pt>
                <c:pt idx="59">
                  <c:v>9.1673193967448316E-2</c:v>
                </c:pt>
                <c:pt idx="60">
                  <c:v>8.9458121395488394E-2</c:v>
                </c:pt>
                <c:pt idx="61">
                  <c:v>8.5729271415080313E-2</c:v>
                </c:pt>
                <c:pt idx="62">
                  <c:v>8.0559539300176522E-2</c:v>
                </c:pt>
                <c:pt idx="63">
                  <c:v>7.3624853236874163E-2</c:v>
                </c:pt>
                <c:pt idx="64">
                  <c:v>6.6781888726518593E-2</c:v>
                </c:pt>
                <c:pt idx="65">
                  <c:v>6.1104533197949881E-2</c:v>
                </c:pt>
                <c:pt idx="66">
                  <c:v>5.6273881101389041E-2</c:v>
                </c:pt>
                <c:pt idx="67">
                  <c:v>5.1265214918146548E-2</c:v>
                </c:pt>
                <c:pt idx="68">
                  <c:v>4.7590725288618706E-2</c:v>
                </c:pt>
                <c:pt idx="69">
                  <c:v>4.5421375327950743E-2</c:v>
                </c:pt>
                <c:pt idx="70">
                  <c:v>4.5275296573604885E-2</c:v>
                </c:pt>
                <c:pt idx="71">
                  <c:v>4.608936195530236E-2</c:v>
                </c:pt>
                <c:pt idx="72">
                  <c:v>4.7945216843428715E-2</c:v>
                </c:pt>
                <c:pt idx="73">
                  <c:v>5.147913677001606E-2</c:v>
                </c:pt>
                <c:pt idx="74">
                  <c:v>5.6389452552243258E-2</c:v>
                </c:pt>
                <c:pt idx="75">
                  <c:v>6.0792706454903554E-2</c:v>
                </c:pt>
                <c:pt idx="76">
                  <c:v>6.3895802056890272E-2</c:v>
                </c:pt>
                <c:pt idx="77">
                  <c:v>6.6819293371375085E-2</c:v>
                </c:pt>
                <c:pt idx="78">
                  <c:v>7.0023514504299528E-2</c:v>
                </c:pt>
                <c:pt idx="79">
                  <c:v>7.0793366672581542E-2</c:v>
                </c:pt>
                <c:pt idx="80">
                  <c:v>7.1153574424402746E-2</c:v>
                </c:pt>
                <c:pt idx="81">
                  <c:v>7.04779914248235E-2</c:v>
                </c:pt>
                <c:pt idx="82">
                  <c:v>6.858626151558081E-2</c:v>
                </c:pt>
                <c:pt idx="83">
                  <c:v>6.6715862921077757E-2</c:v>
                </c:pt>
                <c:pt idx="84">
                  <c:v>6.3664206788124456E-2</c:v>
                </c:pt>
                <c:pt idx="85">
                  <c:v>6.0670808061421944E-2</c:v>
                </c:pt>
                <c:pt idx="86">
                  <c:v>5.7076288403462211E-2</c:v>
                </c:pt>
                <c:pt idx="87">
                  <c:v>5.404894176409681E-2</c:v>
                </c:pt>
                <c:pt idx="88">
                  <c:v>5.1873101285432412E-2</c:v>
                </c:pt>
                <c:pt idx="89">
                  <c:v>4.9400461524600835E-2</c:v>
                </c:pt>
                <c:pt idx="90">
                  <c:v>4.7533464300640781E-2</c:v>
                </c:pt>
                <c:pt idx="91">
                  <c:v>4.6887987609981925E-2</c:v>
                </c:pt>
                <c:pt idx="92">
                  <c:v>4.6795309872805134E-2</c:v>
                </c:pt>
                <c:pt idx="93">
                  <c:v>4.6065562921630381E-2</c:v>
                </c:pt>
                <c:pt idx="94">
                  <c:v>4.5309123942584496E-2</c:v>
                </c:pt>
                <c:pt idx="95">
                  <c:v>4.6302932449834001E-2</c:v>
                </c:pt>
                <c:pt idx="96">
                  <c:v>4.737066903776533E-2</c:v>
                </c:pt>
                <c:pt idx="97">
                  <c:v>4.8117312065731763E-2</c:v>
                </c:pt>
                <c:pt idx="98">
                  <c:v>4.9003893992396644E-2</c:v>
                </c:pt>
                <c:pt idx="99">
                  <c:v>5.0261616188772791E-2</c:v>
                </c:pt>
                <c:pt idx="100">
                  <c:v>5.2393183523968018E-2</c:v>
                </c:pt>
                <c:pt idx="101">
                  <c:v>5.3988346078395623E-2</c:v>
                </c:pt>
                <c:pt idx="102">
                  <c:v>5.4525151078146941E-2</c:v>
                </c:pt>
                <c:pt idx="103">
                  <c:v>5.4480660839859973E-2</c:v>
                </c:pt>
                <c:pt idx="104">
                  <c:v>5.4383141023754286E-2</c:v>
                </c:pt>
                <c:pt idx="105">
                  <c:v>5.42519538470543E-2</c:v>
                </c:pt>
                <c:pt idx="106">
                  <c:v>5.286303893812716E-2</c:v>
                </c:pt>
                <c:pt idx="107">
                  <c:v>5.0854433029670056E-2</c:v>
                </c:pt>
                <c:pt idx="108">
                  <c:v>4.9249349555119858E-2</c:v>
                </c:pt>
                <c:pt idx="109">
                  <c:v>4.8208908323979789E-2</c:v>
                </c:pt>
                <c:pt idx="110">
                  <c:v>4.7650055868015517E-2</c:v>
                </c:pt>
                <c:pt idx="111">
                  <c:v>4.656435061408877E-2</c:v>
                </c:pt>
                <c:pt idx="112">
                  <c:v>4.520813940157719E-2</c:v>
                </c:pt>
                <c:pt idx="113">
                  <c:v>4.440914031928072E-2</c:v>
                </c:pt>
                <c:pt idx="114">
                  <c:v>4.3969484806253331E-2</c:v>
                </c:pt>
                <c:pt idx="115">
                  <c:v>4.3669638897262823E-2</c:v>
                </c:pt>
                <c:pt idx="116">
                  <c:v>4.3568841689417631E-2</c:v>
                </c:pt>
                <c:pt idx="117">
                  <c:v>4.4096139506063621E-2</c:v>
                </c:pt>
                <c:pt idx="118">
                  <c:v>4.4647280814155414E-2</c:v>
                </c:pt>
                <c:pt idx="119">
                  <c:v>4.501343626697922E-2</c:v>
                </c:pt>
                <c:pt idx="120">
                  <c:v>4.5273444489001148E-2</c:v>
                </c:pt>
                <c:pt idx="121">
                  <c:v>4.5771316189601986E-2</c:v>
                </c:pt>
                <c:pt idx="122">
                  <c:v>4.6081655251447952E-2</c:v>
                </c:pt>
                <c:pt idx="123">
                  <c:v>4.6391821467595504E-2</c:v>
                </c:pt>
                <c:pt idx="124">
                  <c:v>4.652469915271714E-2</c:v>
                </c:pt>
                <c:pt idx="125">
                  <c:v>4.6188693212276151E-2</c:v>
                </c:pt>
                <c:pt idx="126">
                  <c:v>4.5749059025180006E-2</c:v>
                </c:pt>
                <c:pt idx="127">
                  <c:v>4.5091136571291421E-2</c:v>
                </c:pt>
                <c:pt idx="128">
                  <c:v>4.4233858174672624E-2</c:v>
                </c:pt>
                <c:pt idx="129">
                  <c:v>4.2962062797936469E-2</c:v>
                </c:pt>
                <c:pt idx="130">
                  <c:v>4.1723174135659194E-2</c:v>
                </c:pt>
                <c:pt idx="131">
                  <c:v>4.072341166832108E-2</c:v>
                </c:pt>
                <c:pt idx="132">
                  <c:v>4.0052578891558832E-2</c:v>
                </c:pt>
                <c:pt idx="133">
                  <c:v>3.9540160081909824E-2</c:v>
                </c:pt>
                <c:pt idx="134">
                  <c:v>3.9273442149464155E-2</c:v>
                </c:pt>
                <c:pt idx="135">
                  <c:v>3.9663887556092313E-2</c:v>
                </c:pt>
                <c:pt idx="136">
                  <c:v>3.9628426905645352E-2</c:v>
                </c:pt>
                <c:pt idx="137">
                  <c:v>3.9866218715548074E-2</c:v>
                </c:pt>
                <c:pt idx="138">
                  <c:v>4.0264521579008512E-2</c:v>
                </c:pt>
                <c:pt idx="139">
                  <c:v>4.1218117223647779E-2</c:v>
                </c:pt>
                <c:pt idx="140">
                  <c:v>4.2411466885401206E-2</c:v>
                </c:pt>
                <c:pt idx="141">
                  <c:v>4.2899083067187233E-2</c:v>
                </c:pt>
                <c:pt idx="142">
                  <c:v>4.2580676174734836E-2</c:v>
                </c:pt>
                <c:pt idx="143">
                  <c:v>4.2745830740804583E-2</c:v>
                </c:pt>
                <c:pt idx="144">
                  <c:v>4.2453733498937905E-2</c:v>
                </c:pt>
                <c:pt idx="145">
                  <c:v>4.2187581175842453E-2</c:v>
                </c:pt>
                <c:pt idx="146">
                  <c:v>4.1517350301319846E-2</c:v>
                </c:pt>
                <c:pt idx="147">
                  <c:v>4.0728362847573869E-2</c:v>
                </c:pt>
                <c:pt idx="148">
                  <c:v>4.0457681345722023E-2</c:v>
                </c:pt>
                <c:pt idx="149">
                  <c:v>3.9880538902063362E-2</c:v>
                </c:pt>
                <c:pt idx="150">
                  <c:v>3.9330868740713884E-2</c:v>
                </c:pt>
                <c:pt idx="151">
                  <c:v>3.8567149656075002E-2</c:v>
                </c:pt>
                <c:pt idx="152">
                  <c:v>3.7712412944460691E-2</c:v>
                </c:pt>
                <c:pt idx="153">
                  <c:v>3.738934832916764E-2</c:v>
                </c:pt>
                <c:pt idx="154">
                  <c:v>3.6741173684559598E-2</c:v>
                </c:pt>
                <c:pt idx="155">
                  <c:v>3.6070561384218582E-2</c:v>
                </c:pt>
                <c:pt idx="156">
                  <c:v>3.5516049862542413E-2</c:v>
                </c:pt>
                <c:pt idx="157">
                  <c:v>3.4948220144193111E-2</c:v>
                </c:pt>
                <c:pt idx="158">
                  <c:v>3.460563643377329E-2</c:v>
                </c:pt>
                <c:pt idx="159">
                  <c:v>3.4267751914256038E-2</c:v>
                </c:pt>
                <c:pt idx="160">
                  <c:v>3.4464633228186166E-2</c:v>
                </c:pt>
                <c:pt idx="161">
                  <c:v>3.4916489850892095E-2</c:v>
                </c:pt>
                <c:pt idx="162">
                  <c:v>3.5478784371754682E-2</c:v>
                </c:pt>
                <c:pt idx="163">
                  <c:v>3.6034731309707309E-2</c:v>
                </c:pt>
                <c:pt idx="164">
                  <c:v>3.6703578991688808E-2</c:v>
                </c:pt>
                <c:pt idx="165">
                  <c:v>3.725193329824087E-2</c:v>
                </c:pt>
                <c:pt idx="166">
                  <c:v>3.7461707604611101E-2</c:v>
                </c:pt>
                <c:pt idx="167">
                  <c:v>3.7092304164264837E-2</c:v>
                </c:pt>
                <c:pt idx="168">
                  <c:v>3.644899459960519E-2</c:v>
                </c:pt>
                <c:pt idx="169">
                  <c:v>3.5662368726619272E-2</c:v>
                </c:pt>
                <c:pt idx="170">
                  <c:v>3.4903717945353976E-2</c:v>
                </c:pt>
                <c:pt idx="171">
                  <c:v>3.4186022656338334E-2</c:v>
                </c:pt>
                <c:pt idx="172">
                  <c:v>3.3285814210695215E-2</c:v>
                </c:pt>
                <c:pt idx="173">
                  <c:v>3.2503249743319362E-2</c:v>
                </c:pt>
                <c:pt idx="174">
                  <c:v>3.1604247641750391E-2</c:v>
                </c:pt>
                <c:pt idx="175">
                  <c:v>3.1416369853527852E-2</c:v>
                </c:pt>
                <c:pt idx="176">
                  <c:v>3.1637846847634488E-2</c:v>
                </c:pt>
                <c:pt idx="177">
                  <c:v>3.1813416948586234E-2</c:v>
                </c:pt>
                <c:pt idx="178">
                  <c:v>3.2015070283583941E-2</c:v>
                </c:pt>
                <c:pt idx="179">
                  <c:v>3.2301182471310606E-2</c:v>
                </c:pt>
                <c:pt idx="180">
                  <c:v>3.3281714443061799E-2</c:v>
                </c:pt>
                <c:pt idx="181">
                  <c:v>3.4709733798754153E-2</c:v>
                </c:pt>
                <c:pt idx="182">
                  <c:v>3.5829960769669052E-2</c:v>
                </c:pt>
                <c:pt idx="183">
                  <c:v>3.6561184467348309E-2</c:v>
                </c:pt>
                <c:pt idx="184">
                  <c:v>3.7162961206688709E-2</c:v>
                </c:pt>
                <c:pt idx="185">
                  <c:v>3.78744190436235E-2</c:v>
                </c:pt>
                <c:pt idx="186">
                  <c:v>3.8356356439749224E-2</c:v>
                </c:pt>
                <c:pt idx="187">
                  <c:v>3.8427213551734556E-2</c:v>
                </c:pt>
                <c:pt idx="188">
                  <c:v>3.8195968009379841E-2</c:v>
                </c:pt>
                <c:pt idx="189">
                  <c:v>3.7773172196036806E-2</c:v>
                </c:pt>
                <c:pt idx="190">
                  <c:v>3.7203704160298529E-2</c:v>
                </c:pt>
                <c:pt idx="191">
                  <c:v>3.6126028123635252E-2</c:v>
                </c:pt>
                <c:pt idx="192">
                  <c:v>3.4854423314219438E-2</c:v>
                </c:pt>
                <c:pt idx="193">
                  <c:v>3.364559290533415E-2</c:v>
                </c:pt>
                <c:pt idx="194">
                  <c:v>3.2630727735005104E-2</c:v>
                </c:pt>
                <c:pt idx="195">
                  <c:v>3.1870724066897754E-2</c:v>
                </c:pt>
                <c:pt idx="196">
                  <c:v>3.0640412739174158E-2</c:v>
                </c:pt>
                <c:pt idx="197">
                  <c:v>2.9641000716197734E-2</c:v>
                </c:pt>
                <c:pt idx="198">
                  <c:v>2.901877814925E-2</c:v>
                </c:pt>
                <c:pt idx="199">
                  <c:v>2.8447709959274051E-2</c:v>
                </c:pt>
                <c:pt idx="200">
                  <c:v>2.8305131904728012E-2</c:v>
                </c:pt>
                <c:pt idx="201">
                  <c:v>2.8684373492402611E-2</c:v>
                </c:pt>
                <c:pt idx="202">
                  <c:v>2.8796213688338027E-2</c:v>
                </c:pt>
                <c:pt idx="203">
                  <c:v>2.9279762146267763E-2</c:v>
                </c:pt>
                <c:pt idx="204">
                  <c:v>2.980906636591258E-2</c:v>
                </c:pt>
                <c:pt idx="205">
                  <c:v>3.0448493367180699E-2</c:v>
                </c:pt>
                <c:pt idx="206">
                  <c:v>3.1026329917790977E-2</c:v>
                </c:pt>
                <c:pt idx="207">
                  <c:v>3.1627079024751557E-2</c:v>
                </c:pt>
                <c:pt idx="208">
                  <c:v>3.2392945835623285E-2</c:v>
                </c:pt>
                <c:pt idx="209">
                  <c:v>3.2864951232236775E-2</c:v>
                </c:pt>
                <c:pt idx="210">
                  <c:v>3.3250534929391791E-2</c:v>
                </c:pt>
                <c:pt idx="211">
                  <c:v>3.3437565075468446E-2</c:v>
                </c:pt>
                <c:pt idx="212">
                  <c:v>3.3890525697441179E-2</c:v>
                </c:pt>
                <c:pt idx="213">
                  <c:v>3.39155967145649E-2</c:v>
                </c:pt>
                <c:pt idx="214">
                  <c:v>3.3152869261444305E-2</c:v>
                </c:pt>
                <c:pt idx="215">
                  <c:v>3.2365753921941715E-2</c:v>
                </c:pt>
                <c:pt idx="216">
                  <c:v>3.1626091825157951E-2</c:v>
                </c:pt>
                <c:pt idx="217">
                  <c:v>3.0733139483803008E-2</c:v>
                </c:pt>
                <c:pt idx="218">
                  <c:v>2.972310974531911E-2</c:v>
                </c:pt>
                <c:pt idx="219">
                  <c:v>2.8587300050337966E-2</c:v>
                </c:pt>
                <c:pt idx="220">
                  <c:v>2.7877302677551809E-2</c:v>
                </c:pt>
                <c:pt idx="221">
                  <c:v>2.7205274871648435E-2</c:v>
                </c:pt>
                <c:pt idx="222">
                  <c:v>2.6667893235105336E-2</c:v>
                </c:pt>
                <c:pt idx="223">
                  <c:v>2.6210941754301404E-2</c:v>
                </c:pt>
                <c:pt idx="224">
                  <c:v>2.6038022895090499E-2</c:v>
                </c:pt>
                <c:pt idx="225">
                  <c:v>2.6089891007294051E-2</c:v>
                </c:pt>
                <c:pt idx="226">
                  <c:v>2.6549096558224756E-2</c:v>
                </c:pt>
                <c:pt idx="227">
                  <c:v>2.7140636991140544E-2</c:v>
                </c:pt>
                <c:pt idx="228">
                  <c:v>2.7674470648312955E-2</c:v>
                </c:pt>
                <c:pt idx="229">
                  <c:v>2.8217107205729373E-2</c:v>
                </c:pt>
                <c:pt idx="230">
                  <c:v>2.8637931923985494E-2</c:v>
                </c:pt>
                <c:pt idx="231">
                  <c:v>2.8848525921400327E-2</c:v>
                </c:pt>
                <c:pt idx="232">
                  <c:v>2.8925053197682848E-2</c:v>
                </c:pt>
                <c:pt idx="233">
                  <c:v>2.9432940995038921E-2</c:v>
                </c:pt>
                <c:pt idx="234">
                  <c:v>2.9834052762673677E-2</c:v>
                </c:pt>
                <c:pt idx="235">
                  <c:v>2.9827381120926064E-2</c:v>
                </c:pt>
                <c:pt idx="236">
                  <c:v>2.9609642977256687E-2</c:v>
                </c:pt>
                <c:pt idx="237">
                  <c:v>2.9458051704900755E-2</c:v>
                </c:pt>
                <c:pt idx="238">
                  <c:v>2.944260037709517E-2</c:v>
                </c:pt>
                <c:pt idx="239">
                  <c:v>2.9053069887891619E-2</c:v>
                </c:pt>
                <c:pt idx="240">
                  <c:v>2.860280116355262E-2</c:v>
                </c:pt>
                <c:pt idx="241">
                  <c:v>2.786491348193491E-2</c:v>
                </c:pt>
                <c:pt idx="242">
                  <c:v>2.7157616142006676E-2</c:v>
                </c:pt>
                <c:pt idx="243">
                  <c:v>2.6671895042598939E-2</c:v>
                </c:pt>
                <c:pt idx="244">
                  <c:v>2.657434512894457E-2</c:v>
                </c:pt>
                <c:pt idx="245">
                  <c:v>2.6142719807703246E-2</c:v>
                </c:pt>
                <c:pt idx="246">
                  <c:v>2.5813359650068778E-2</c:v>
                </c:pt>
                <c:pt idx="247">
                  <c:v>2.5667661772790201E-2</c:v>
                </c:pt>
                <c:pt idx="248">
                  <c:v>2.5632668959051232E-2</c:v>
                </c:pt>
                <c:pt idx="249">
                  <c:v>2.5616128106309529E-2</c:v>
                </c:pt>
                <c:pt idx="250">
                  <c:v>2.5612176034451598E-2</c:v>
                </c:pt>
                <c:pt idx="251">
                  <c:v>2.576102297339317E-2</c:v>
                </c:pt>
                <c:pt idx="252">
                  <c:v>2.5872613018756704E-2</c:v>
                </c:pt>
                <c:pt idx="253">
                  <c:v>2.6111877924596023E-2</c:v>
                </c:pt>
                <c:pt idx="254">
                  <c:v>2.613284487588519E-2</c:v>
                </c:pt>
                <c:pt idx="255">
                  <c:v>2.6192788356561192E-2</c:v>
                </c:pt>
                <c:pt idx="256">
                  <c:v>2.6311511424545121E-2</c:v>
                </c:pt>
                <c:pt idx="257">
                  <c:v>2.6047479893417554E-2</c:v>
                </c:pt>
                <c:pt idx="258">
                  <c:v>2.5515769266638857E-2</c:v>
                </c:pt>
                <c:pt idx="259">
                  <c:v>2.547112668468636E-2</c:v>
                </c:pt>
                <c:pt idx="260">
                  <c:v>2.5461686696294963E-2</c:v>
                </c:pt>
                <c:pt idx="261">
                  <c:v>2.5283922470729945E-2</c:v>
                </c:pt>
                <c:pt idx="262">
                  <c:v>2.5213349338405206E-2</c:v>
                </c:pt>
                <c:pt idx="263">
                  <c:v>2.5355541536477618E-2</c:v>
                </c:pt>
                <c:pt idx="264">
                  <c:v>2.5356620944236335E-2</c:v>
                </c:pt>
                <c:pt idx="265">
                  <c:v>2.5202561564179445E-2</c:v>
                </c:pt>
                <c:pt idx="266">
                  <c:v>2.5230444645063053E-2</c:v>
                </c:pt>
                <c:pt idx="267">
                  <c:v>2.5417173251567948E-2</c:v>
                </c:pt>
                <c:pt idx="268">
                  <c:v>2.5678938058349501E-2</c:v>
                </c:pt>
                <c:pt idx="269">
                  <c:v>2.5556411321048758E-2</c:v>
                </c:pt>
                <c:pt idx="270">
                  <c:v>2.5550165556172191E-2</c:v>
                </c:pt>
                <c:pt idx="271">
                  <c:v>2.5698286732246337E-2</c:v>
                </c:pt>
                <c:pt idx="272">
                  <c:v>2.5575416380496294E-2</c:v>
                </c:pt>
                <c:pt idx="273">
                  <c:v>2.5398206617959308E-2</c:v>
                </c:pt>
                <c:pt idx="274">
                  <c:v>2.5219398414373501E-2</c:v>
                </c:pt>
                <c:pt idx="275">
                  <c:v>2.5076853478224664E-2</c:v>
                </c:pt>
                <c:pt idx="276">
                  <c:v>2.4867805788203676E-2</c:v>
                </c:pt>
                <c:pt idx="277">
                  <c:v>2.4971541589843618E-2</c:v>
                </c:pt>
                <c:pt idx="278">
                  <c:v>2.4997969100081813E-2</c:v>
                </c:pt>
                <c:pt idx="279">
                  <c:v>2.4859268830195732E-2</c:v>
                </c:pt>
                <c:pt idx="280">
                  <c:v>2.4962436346065285E-2</c:v>
                </c:pt>
                <c:pt idx="281">
                  <c:v>2.5075926923567037E-2</c:v>
                </c:pt>
                <c:pt idx="282">
                  <c:v>2.4954036550694895E-2</c:v>
                </c:pt>
                <c:pt idx="283">
                  <c:v>2.4766238851158303E-2</c:v>
                </c:pt>
                <c:pt idx="284">
                  <c:v>2.4534988069484117E-2</c:v>
                </c:pt>
                <c:pt idx="285">
                  <c:v>2.4488797392999841E-2</c:v>
                </c:pt>
                <c:pt idx="286">
                  <c:v>2.4659283280106352E-2</c:v>
                </c:pt>
                <c:pt idx="287">
                  <c:v>2.4735572248176147E-2</c:v>
                </c:pt>
                <c:pt idx="288">
                  <c:v>2.4792665242731569E-2</c:v>
                </c:pt>
                <c:pt idx="289">
                  <c:v>2.4806963804713533E-2</c:v>
                </c:pt>
                <c:pt idx="290">
                  <c:v>2.482804806902239E-2</c:v>
                </c:pt>
                <c:pt idx="291">
                  <c:v>2.4627259667829349E-2</c:v>
                </c:pt>
                <c:pt idx="292">
                  <c:v>2.4462045348225346E-2</c:v>
                </c:pt>
                <c:pt idx="293">
                  <c:v>2.4235922319354519E-2</c:v>
                </c:pt>
                <c:pt idx="294">
                  <c:v>2.4138251637097013E-2</c:v>
                </c:pt>
                <c:pt idx="295">
                  <c:v>2.3893792068919589E-2</c:v>
                </c:pt>
                <c:pt idx="296">
                  <c:v>2.3820044394273154E-2</c:v>
                </c:pt>
                <c:pt idx="297">
                  <c:v>2.3699409043892655E-2</c:v>
                </c:pt>
                <c:pt idx="298">
                  <c:v>2.3409443310365766E-2</c:v>
                </c:pt>
                <c:pt idx="299">
                  <c:v>2.3358278980160782E-2</c:v>
                </c:pt>
                <c:pt idx="300">
                  <c:v>2.3650720183932637E-2</c:v>
                </c:pt>
                <c:pt idx="301">
                  <c:v>2.3759567837252298E-2</c:v>
                </c:pt>
                <c:pt idx="302">
                  <c:v>2.3701880092595745E-2</c:v>
                </c:pt>
                <c:pt idx="303">
                  <c:v>2.3675121225949215E-2</c:v>
                </c:pt>
                <c:pt idx="304">
                  <c:v>2.3552659854064951E-2</c:v>
                </c:pt>
                <c:pt idx="305">
                  <c:v>2.3392152627733608E-2</c:v>
                </c:pt>
                <c:pt idx="306">
                  <c:v>2.3176576906620987E-2</c:v>
                </c:pt>
                <c:pt idx="307">
                  <c:v>2.3151151209250358E-2</c:v>
                </c:pt>
                <c:pt idx="308">
                  <c:v>2.3324294976227244E-2</c:v>
                </c:pt>
                <c:pt idx="309">
                  <c:v>2.3406404332811336E-2</c:v>
                </c:pt>
                <c:pt idx="310">
                  <c:v>2.3475411860418096E-2</c:v>
                </c:pt>
                <c:pt idx="311">
                  <c:v>2.3351106458471448E-2</c:v>
                </c:pt>
                <c:pt idx="312">
                  <c:v>2.3164244082436281E-2</c:v>
                </c:pt>
                <c:pt idx="313">
                  <c:v>2.3269708225349812E-2</c:v>
                </c:pt>
                <c:pt idx="314">
                  <c:v>2.3415682311867858E-2</c:v>
                </c:pt>
                <c:pt idx="315">
                  <c:v>2.3461741484530247E-2</c:v>
                </c:pt>
                <c:pt idx="316">
                  <c:v>2.3358952535007985E-2</c:v>
                </c:pt>
                <c:pt idx="317">
                  <c:v>2.3236974213178732E-2</c:v>
                </c:pt>
                <c:pt idx="318">
                  <c:v>2.3044944881362474E-2</c:v>
                </c:pt>
                <c:pt idx="319">
                  <c:v>2.2894743188789993E-2</c:v>
                </c:pt>
                <c:pt idx="320">
                  <c:v>2.2706012544085205E-2</c:v>
                </c:pt>
                <c:pt idx="321">
                  <c:v>2.2441943643588105E-2</c:v>
                </c:pt>
                <c:pt idx="322">
                  <c:v>2.2229244217837646E-2</c:v>
                </c:pt>
                <c:pt idx="323">
                  <c:v>2.1993799179856589E-2</c:v>
                </c:pt>
                <c:pt idx="324">
                  <c:v>2.1771216905980498E-2</c:v>
                </c:pt>
                <c:pt idx="325">
                  <c:v>2.1654867016547466E-2</c:v>
                </c:pt>
                <c:pt idx="326">
                  <c:v>2.15328248833292E-2</c:v>
                </c:pt>
                <c:pt idx="327">
                  <c:v>2.1699612485022304E-2</c:v>
                </c:pt>
                <c:pt idx="328">
                  <c:v>2.1921910470026007E-2</c:v>
                </c:pt>
                <c:pt idx="329">
                  <c:v>2.2116579312705359E-2</c:v>
                </c:pt>
                <c:pt idx="330">
                  <c:v>2.2199826764304362E-2</c:v>
                </c:pt>
                <c:pt idx="331">
                  <c:v>2.2393821706512308E-2</c:v>
                </c:pt>
                <c:pt idx="332">
                  <c:v>2.2774319017381466E-2</c:v>
                </c:pt>
                <c:pt idx="333">
                  <c:v>2.3039620117215432E-2</c:v>
                </c:pt>
                <c:pt idx="334">
                  <c:v>2.3240370712798816E-2</c:v>
                </c:pt>
                <c:pt idx="335">
                  <c:v>2.3320732083053158E-2</c:v>
                </c:pt>
                <c:pt idx="336">
                  <c:v>2.3313832008159785E-2</c:v>
                </c:pt>
                <c:pt idx="337">
                  <c:v>2.3425466674984911E-2</c:v>
                </c:pt>
                <c:pt idx="338">
                  <c:v>2.3525701794008487E-2</c:v>
                </c:pt>
                <c:pt idx="339">
                  <c:v>2.3522041201371306E-2</c:v>
                </c:pt>
                <c:pt idx="340">
                  <c:v>2.3446180185048286E-2</c:v>
                </c:pt>
                <c:pt idx="341">
                  <c:v>2.3188463234587089E-2</c:v>
                </c:pt>
                <c:pt idx="342">
                  <c:v>2.2894780923664804E-2</c:v>
                </c:pt>
                <c:pt idx="343">
                  <c:v>2.2737418924270301E-2</c:v>
                </c:pt>
                <c:pt idx="344">
                  <c:v>2.2621455180721051E-2</c:v>
                </c:pt>
                <c:pt idx="345">
                  <c:v>2.2384166373137157E-2</c:v>
                </c:pt>
                <c:pt idx="346">
                  <c:v>2.2167617165548954E-2</c:v>
                </c:pt>
                <c:pt idx="347">
                  <c:v>2.2128785325732689E-2</c:v>
                </c:pt>
                <c:pt idx="348">
                  <c:v>2.2078509816904877E-2</c:v>
                </c:pt>
                <c:pt idx="349">
                  <c:v>2.1882305797275486E-2</c:v>
                </c:pt>
                <c:pt idx="350">
                  <c:v>2.1583494965113026E-2</c:v>
                </c:pt>
                <c:pt idx="351">
                  <c:v>2.1317913890258156E-2</c:v>
                </c:pt>
                <c:pt idx="352">
                  <c:v>2.1145221152554756E-2</c:v>
                </c:pt>
                <c:pt idx="353">
                  <c:v>2.102590175188631E-2</c:v>
                </c:pt>
                <c:pt idx="354">
                  <c:v>2.1128498162448685E-2</c:v>
                </c:pt>
                <c:pt idx="355">
                  <c:v>2.1366694743622915E-2</c:v>
                </c:pt>
                <c:pt idx="356">
                  <c:v>2.152299131420727E-2</c:v>
                </c:pt>
                <c:pt idx="357">
                  <c:v>2.1675049565455014E-2</c:v>
                </c:pt>
                <c:pt idx="358">
                  <c:v>2.1817393242760438E-2</c:v>
                </c:pt>
                <c:pt idx="359">
                  <c:v>2.2052931557159747E-2</c:v>
                </c:pt>
                <c:pt idx="360">
                  <c:v>2.2136548000065658E-2</c:v>
                </c:pt>
                <c:pt idx="361">
                  <c:v>2.231197063968357E-2</c:v>
                </c:pt>
                <c:pt idx="362">
                  <c:v>2.2385053460995261E-2</c:v>
                </c:pt>
                <c:pt idx="363">
                  <c:v>2.22000215475016E-2</c:v>
                </c:pt>
                <c:pt idx="364">
                  <c:v>2.215317321375869E-2</c:v>
                </c:pt>
                <c:pt idx="365">
                  <c:v>2.2253389753149742E-2</c:v>
                </c:pt>
                <c:pt idx="366">
                  <c:v>2.2249780663444171E-2</c:v>
                </c:pt>
                <c:pt idx="367">
                  <c:v>2.2254866494981377E-2</c:v>
                </c:pt>
                <c:pt idx="368">
                  <c:v>2.20124882803929E-2</c:v>
                </c:pt>
                <c:pt idx="369">
                  <c:v>2.1810094762034968E-2</c:v>
                </c:pt>
                <c:pt idx="370">
                  <c:v>2.1650448086047634E-2</c:v>
                </c:pt>
                <c:pt idx="371">
                  <c:v>2.1438388884901838E-2</c:v>
                </c:pt>
                <c:pt idx="372">
                  <c:v>2.1195910002969252E-2</c:v>
                </c:pt>
                <c:pt idx="373">
                  <c:v>2.1042603451056238E-2</c:v>
                </c:pt>
                <c:pt idx="374">
                  <c:v>2.0962681809471303E-2</c:v>
                </c:pt>
                <c:pt idx="375">
                  <c:v>2.0842610210177689E-2</c:v>
                </c:pt>
                <c:pt idx="376">
                  <c:v>2.0778083698389144E-2</c:v>
                </c:pt>
                <c:pt idx="377">
                  <c:v>2.0747449905048562E-2</c:v>
                </c:pt>
                <c:pt idx="378">
                  <c:v>2.0785827534651104E-2</c:v>
                </c:pt>
                <c:pt idx="379">
                  <c:v>2.0953006198676846E-2</c:v>
                </c:pt>
                <c:pt idx="380">
                  <c:v>2.1121174475346078E-2</c:v>
                </c:pt>
                <c:pt idx="381">
                  <c:v>2.1122257473420409E-2</c:v>
                </c:pt>
                <c:pt idx="382">
                  <c:v>2.112060033175649E-2</c:v>
                </c:pt>
                <c:pt idx="383">
                  <c:v>2.1023807928542991E-2</c:v>
                </c:pt>
                <c:pt idx="384">
                  <c:v>2.0889572725424056E-2</c:v>
                </c:pt>
                <c:pt idx="385">
                  <c:v>2.0664274632962044E-2</c:v>
                </c:pt>
                <c:pt idx="386">
                  <c:v>2.0560463334357154E-2</c:v>
                </c:pt>
                <c:pt idx="387">
                  <c:v>2.0549817908365828E-2</c:v>
                </c:pt>
                <c:pt idx="388">
                  <c:v>2.0397130685158887E-2</c:v>
                </c:pt>
                <c:pt idx="389">
                  <c:v>2.0143691263495474E-2</c:v>
                </c:pt>
                <c:pt idx="390">
                  <c:v>1.9927875692172345E-2</c:v>
                </c:pt>
                <c:pt idx="391">
                  <c:v>1.9959634801712433E-2</c:v>
                </c:pt>
                <c:pt idx="392">
                  <c:v>2.0029284723614475E-2</c:v>
                </c:pt>
                <c:pt idx="393">
                  <c:v>1.9972626707150536E-2</c:v>
                </c:pt>
                <c:pt idx="394">
                  <c:v>1.9988139029142427E-2</c:v>
                </c:pt>
                <c:pt idx="395">
                  <c:v>2.0155145256029194E-2</c:v>
                </c:pt>
                <c:pt idx="396">
                  <c:v>2.0395557151229916E-2</c:v>
                </c:pt>
                <c:pt idx="397">
                  <c:v>2.0546482825362183E-2</c:v>
                </c:pt>
                <c:pt idx="398">
                  <c:v>2.0545110280933889E-2</c:v>
                </c:pt>
                <c:pt idx="399">
                  <c:v>2.0485877531748277E-2</c:v>
                </c:pt>
                <c:pt idx="400">
                  <c:v>2.0495229032036134E-2</c:v>
                </c:pt>
                <c:pt idx="401">
                  <c:v>2.0330901750409341E-2</c:v>
                </c:pt>
                <c:pt idx="402">
                  <c:v>2.0246490292061891E-2</c:v>
                </c:pt>
                <c:pt idx="403">
                  <c:v>2.018052361439843E-2</c:v>
                </c:pt>
                <c:pt idx="404">
                  <c:v>2.0066903587180079E-2</c:v>
                </c:pt>
                <c:pt idx="405">
                  <c:v>1.9770438466407452E-2</c:v>
                </c:pt>
                <c:pt idx="406">
                  <c:v>1.9404514329251516E-2</c:v>
                </c:pt>
                <c:pt idx="407">
                  <c:v>1.9306195830964618E-2</c:v>
                </c:pt>
                <c:pt idx="408">
                  <c:v>1.9304204203705079E-2</c:v>
                </c:pt>
                <c:pt idx="409">
                  <c:v>1.9037853540186809E-2</c:v>
                </c:pt>
                <c:pt idx="410">
                  <c:v>1.8636470785596382E-2</c:v>
                </c:pt>
                <c:pt idx="411">
                  <c:v>1.8221279254652716E-2</c:v>
                </c:pt>
                <c:pt idx="412">
                  <c:v>1.7843964593717374E-2</c:v>
                </c:pt>
                <c:pt idx="413">
                  <c:v>1.7579186907862202E-2</c:v>
                </c:pt>
                <c:pt idx="414">
                  <c:v>1.7179608026688817E-2</c:v>
                </c:pt>
                <c:pt idx="415">
                  <c:v>1.6833977114102464E-2</c:v>
                </c:pt>
                <c:pt idx="416">
                  <c:v>1.6675137012729314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919-4CFF-AE98-041AA5AC961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31584368"/>
        <c:axId val="631586336"/>
      </c:scatterChart>
      <c:valAx>
        <c:axId val="63158436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31586336"/>
        <c:crosses val="autoZero"/>
        <c:crossBetween val="midCat"/>
      </c:valAx>
      <c:valAx>
        <c:axId val="6315863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3158436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/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20-15s(11)'!$D$2:$D$2664</c:f>
              <c:numCache>
                <c:formatCode>General</c:formatCode>
                <c:ptCount val="2663"/>
                <c:pt idx="0">
                  <c:v>0</c:v>
                </c:pt>
                <c:pt idx="1">
                  <c:v>5.0049999999997041E-3</c:v>
                </c:pt>
                <c:pt idx="2">
                  <c:v>1.0009999999999408E-2</c:v>
                </c:pt>
                <c:pt idx="3">
                  <c:v>1.5015000000000001E-2</c:v>
                </c:pt>
                <c:pt idx="4">
                  <c:v>2.0019999999999705E-2</c:v>
                </c:pt>
                <c:pt idx="5">
                  <c:v>2.5023999999999269E-2</c:v>
                </c:pt>
                <c:pt idx="6">
                  <c:v>3.0028999999999861E-2</c:v>
                </c:pt>
                <c:pt idx="7">
                  <c:v>3.5033999999999565E-2</c:v>
                </c:pt>
                <c:pt idx="8">
                  <c:v>4.003899999999927E-2</c:v>
                </c:pt>
                <c:pt idx="9">
                  <c:v>4.5043999999999862E-2</c:v>
                </c:pt>
                <c:pt idx="10">
                  <c:v>5.0047999999999426E-2</c:v>
                </c:pt>
                <c:pt idx="11">
                  <c:v>5.5053000000000019E-2</c:v>
                </c:pt>
                <c:pt idx="12">
                  <c:v>6.0057999999999723E-2</c:v>
                </c:pt>
                <c:pt idx="13">
                  <c:v>6.5062999999999427E-2</c:v>
                </c:pt>
                <c:pt idx="14">
                  <c:v>7.0068000000000019E-2</c:v>
                </c:pt>
                <c:pt idx="15">
                  <c:v>7.5071999999999584E-2</c:v>
                </c:pt>
                <c:pt idx="16">
                  <c:v>8.0076999999999288E-2</c:v>
                </c:pt>
                <c:pt idx="17">
                  <c:v>8.508199999999988E-2</c:v>
                </c:pt>
                <c:pt idx="18">
                  <c:v>9.0086999999999584E-2</c:v>
                </c:pt>
                <c:pt idx="19">
                  <c:v>9.5091999999999288E-2</c:v>
                </c:pt>
                <c:pt idx="20">
                  <c:v>0.10009599999999974</c:v>
                </c:pt>
                <c:pt idx="21">
                  <c:v>0.10510099999999944</c:v>
                </c:pt>
                <c:pt idx="22">
                  <c:v>0.11010600000000004</c:v>
                </c:pt>
                <c:pt idx="23">
                  <c:v>0.11511099999999974</c:v>
                </c:pt>
                <c:pt idx="24">
                  <c:v>0.12011599999999945</c:v>
                </c:pt>
                <c:pt idx="25">
                  <c:v>0.1251199999999999</c:v>
                </c:pt>
                <c:pt idx="26">
                  <c:v>0.1301249999999996</c:v>
                </c:pt>
                <c:pt idx="27">
                  <c:v>0.13512999999999931</c:v>
                </c:pt>
                <c:pt idx="28">
                  <c:v>0.1401349999999999</c:v>
                </c:pt>
                <c:pt idx="29">
                  <c:v>0.1451399999999996</c:v>
                </c:pt>
                <c:pt idx="30">
                  <c:v>0.15014400000000006</c:v>
                </c:pt>
                <c:pt idx="31">
                  <c:v>0.15514899999999976</c:v>
                </c:pt>
                <c:pt idx="32">
                  <c:v>0.16015399999999946</c:v>
                </c:pt>
                <c:pt idx="33">
                  <c:v>0.16515900000000006</c:v>
                </c:pt>
                <c:pt idx="34">
                  <c:v>0.17016399999999976</c:v>
                </c:pt>
                <c:pt idx="35">
                  <c:v>0.17516799999999932</c:v>
                </c:pt>
                <c:pt idx="36">
                  <c:v>0.18017299999999992</c:v>
                </c:pt>
                <c:pt idx="37">
                  <c:v>0.18517799999999962</c:v>
                </c:pt>
                <c:pt idx="38">
                  <c:v>0.19018299999999932</c:v>
                </c:pt>
                <c:pt idx="39">
                  <c:v>0.19518799999999992</c:v>
                </c:pt>
                <c:pt idx="40">
                  <c:v>0.20019199999999948</c:v>
                </c:pt>
                <c:pt idx="41">
                  <c:v>0.20519700000000007</c:v>
                </c:pt>
                <c:pt idx="42">
                  <c:v>0.21020199999999978</c:v>
                </c:pt>
                <c:pt idx="43">
                  <c:v>0.21520699999999948</c:v>
                </c:pt>
                <c:pt idx="44">
                  <c:v>0.22021200000000007</c:v>
                </c:pt>
                <c:pt idx="45">
                  <c:v>0.22521599999999964</c:v>
                </c:pt>
                <c:pt idx="46">
                  <c:v>0.23022099999999934</c:v>
                </c:pt>
                <c:pt idx="47">
                  <c:v>0.23522599999999994</c:v>
                </c:pt>
                <c:pt idx="48">
                  <c:v>0.24023099999999964</c:v>
                </c:pt>
                <c:pt idx="49">
                  <c:v>0.24523599999999934</c:v>
                </c:pt>
                <c:pt idx="50">
                  <c:v>0.2502399999999998</c:v>
                </c:pt>
                <c:pt idx="51">
                  <c:v>0.2552449999999995</c:v>
                </c:pt>
                <c:pt idx="52">
                  <c:v>0.26025000000000009</c:v>
                </c:pt>
                <c:pt idx="53">
                  <c:v>0.2652549999999998</c:v>
                </c:pt>
                <c:pt idx="54">
                  <c:v>0.2702599999999995</c:v>
                </c:pt>
                <c:pt idx="55">
                  <c:v>0.27526399999999995</c:v>
                </c:pt>
                <c:pt idx="56">
                  <c:v>0.28026899999999966</c:v>
                </c:pt>
                <c:pt idx="57">
                  <c:v>0.28527399999999936</c:v>
                </c:pt>
                <c:pt idx="58">
                  <c:v>0.29027899999999995</c:v>
                </c:pt>
                <c:pt idx="59">
                  <c:v>0.29528399999999966</c:v>
                </c:pt>
                <c:pt idx="60">
                  <c:v>0.30028800000000011</c:v>
                </c:pt>
                <c:pt idx="61">
                  <c:v>0.30529299999999981</c:v>
                </c:pt>
                <c:pt idx="62">
                  <c:v>0.31029799999999952</c:v>
                </c:pt>
                <c:pt idx="63">
                  <c:v>0.31530300000000011</c:v>
                </c:pt>
                <c:pt idx="64">
                  <c:v>0.32030799999999982</c:v>
                </c:pt>
                <c:pt idx="65">
                  <c:v>0.32531199999999938</c:v>
                </c:pt>
                <c:pt idx="66">
                  <c:v>0.33031699999999997</c:v>
                </c:pt>
                <c:pt idx="67">
                  <c:v>0.33532199999999968</c:v>
                </c:pt>
                <c:pt idx="68">
                  <c:v>0.34032699999999938</c:v>
                </c:pt>
                <c:pt idx="69">
                  <c:v>0.34533199999999997</c:v>
                </c:pt>
                <c:pt idx="70">
                  <c:v>0.35033599999999954</c:v>
                </c:pt>
                <c:pt idx="71">
                  <c:v>0.35534100000000013</c:v>
                </c:pt>
                <c:pt idx="72">
                  <c:v>0.36034599999999983</c:v>
                </c:pt>
                <c:pt idx="73">
                  <c:v>0.36535099999999954</c:v>
                </c:pt>
                <c:pt idx="74">
                  <c:v>0.37035600000000013</c:v>
                </c:pt>
                <c:pt idx="75">
                  <c:v>0.37535999999999969</c:v>
                </c:pt>
                <c:pt idx="76">
                  <c:v>0.3803649999999994</c:v>
                </c:pt>
                <c:pt idx="77">
                  <c:v>0.38536999999999999</c:v>
                </c:pt>
                <c:pt idx="78">
                  <c:v>0.39037499999999969</c:v>
                </c:pt>
                <c:pt idx="79">
                  <c:v>0.3953799999999994</c:v>
                </c:pt>
                <c:pt idx="80">
                  <c:v>0.40038399999999985</c:v>
                </c:pt>
                <c:pt idx="81">
                  <c:v>0.40538899999999956</c:v>
                </c:pt>
                <c:pt idx="82">
                  <c:v>0.41039400000000015</c:v>
                </c:pt>
                <c:pt idx="83">
                  <c:v>0.41539899999999985</c:v>
                </c:pt>
                <c:pt idx="84">
                  <c:v>0.42040399999999956</c:v>
                </c:pt>
                <c:pt idx="85">
                  <c:v>0.42540800000000001</c:v>
                </c:pt>
                <c:pt idx="86">
                  <c:v>0.43041299999999971</c:v>
                </c:pt>
                <c:pt idx="87">
                  <c:v>0.43541799999999942</c:v>
                </c:pt>
                <c:pt idx="88">
                  <c:v>0.44042300000000001</c:v>
                </c:pt>
                <c:pt idx="89">
                  <c:v>0.44542799999999971</c:v>
                </c:pt>
                <c:pt idx="90">
                  <c:v>0.45043199999999928</c:v>
                </c:pt>
                <c:pt idx="91">
                  <c:v>0.45543699999999987</c:v>
                </c:pt>
                <c:pt idx="92">
                  <c:v>0.46044199999999957</c:v>
                </c:pt>
                <c:pt idx="93">
                  <c:v>0.46544699999999928</c:v>
                </c:pt>
                <c:pt idx="94">
                  <c:v>0.47045199999999987</c:v>
                </c:pt>
                <c:pt idx="95">
                  <c:v>0.47545599999999943</c:v>
                </c:pt>
                <c:pt idx="96">
                  <c:v>0.48046100000000003</c:v>
                </c:pt>
                <c:pt idx="97">
                  <c:v>0.48546599999999973</c:v>
                </c:pt>
                <c:pt idx="98">
                  <c:v>0.49047099999999944</c:v>
                </c:pt>
                <c:pt idx="99">
                  <c:v>0.49547600000000003</c:v>
                </c:pt>
                <c:pt idx="100">
                  <c:v>0.50047999999999959</c:v>
                </c:pt>
                <c:pt idx="101">
                  <c:v>0.5054849999999993</c:v>
                </c:pt>
                <c:pt idx="102">
                  <c:v>0.51048999999999989</c:v>
                </c:pt>
                <c:pt idx="103">
                  <c:v>0.51549499999999959</c:v>
                </c:pt>
                <c:pt idx="104">
                  <c:v>0.5204999999999993</c:v>
                </c:pt>
                <c:pt idx="105">
                  <c:v>0.52550399999999975</c:v>
                </c:pt>
                <c:pt idx="106">
                  <c:v>0.53050899999999945</c:v>
                </c:pt>
                <c:pt idx="107">
                  <c:v>0.53551400000000005</c:v>
                </c:pt>
                <c:pt idx="108">
                  <c:v>0.54051899999999975</c:v>
                </c:pt>
                <c:pt idx="109">
                  <c:v>0.54552399999999945</c:v>
                </c:pt>
                <c:pt idx="110">
                  <c:v>0.55052799999999991</c:v>
                </c:pt>
                <c:pt idx="111">
                  <c:v>0.55553299999999961</c:v>
                </c:pt>
                <c:pt idx="112">
                  <c:v>0.56053799999999931</c:v>
                </c:pt>
                <c:pt idx="113">
                  <c:v>0.56554299999999991</c:v>
                </c:pt>
                <c:pt idx="114">
                  <c:v>0.57054799999999961</c:v>
                </c:pt>
                <c:pt idx="115">
                  <c:v>0.57555200000000006</c:v>
                </c:pt>
                <c:pt idx="116">
                  <c:v>0.58055699999999977</c:v>
                </c:pt>
                <c:pt idx="117">
                  <c:v>0.58556199999999947</c:v>
                </c:pt>
                <c:pt idx="118">
                  <c:v>0.59056700000000006</c:v>
                </c:pt>
                <c:pt idx="119">
                  <c:v>0.59557199999999977</c:v>
                </c:pt>
                <c:pt idx="120">
                  <c:v>0.60057599999999933</c:v>
                </c:pt>
                <c:pt idx="121">
                  <c:v>0.60558099999999992</c:v>
                </c:pt>
                <c:pt idx="122">
                  <c:v>0.61058599999999963</c:v>
                </c:pt>
                <c:pt idx="123">
                  <c:v>0.61559099999999933</c:v>
                </c:pt>
                <c:pt idx="124">
                  <c:v>0.62059599999999993</c:v>
                </c:pt>
                <c:pt idx="125">
                  <c:v>0.62559999999999949</c:v>
                </c:pt>
                <c:pt idx="126">
                  <c:v>0.63060500000000008</c:v>
                </c:pt>
                <c:pt idx="127">
                  <c:v>0.63560999999999979</c:v>
                </c:pt>
                <c:pt idx="128">
                  <c:v>0.64061499999999949</c:v>
                </c:pt>
                <c:pt idx="129">
                  <c:v>0.64562000000000008</c:v>
                </c:pt>
                <c:pt idx="130">
                  <c:v>0.65062399999999965</c:v>
                </c:pt>
                <c:pt idx="131">
                  <c:v>0.65562899999999935</c:v>
                </c:pt>
                <c:pt idx="132">
                  <c:v>0.66063399999999994</c:v>
                </c:pt>
                <c:pt idx="133">
                  <c:v>0.66563899999999965</c:v>
                </c:pt>
                <c:pt idx="134">
                  <c:v>0.67064399999999935</c:v>
                </c:pt>
                <c:pt idx="135">
                  <c:v>0.6756479999999998</c:v>
                </c:pt>
                <c:pt idx="136">
                  <c:v>0.68065299999999951</c:v>
                </c:pt>
                <c:pt idx="137">
                  <c:v>0.6856580000000001</c:v>
                </c:pt>
                <c:pt idx="138">
                  <c:v>0.6906629999999998</c:v>
                </c:pt>
                <c:pt idx="139">
                  <c:v>0.69566799999999951</c:v>
                </c:pt>
                <c:pt idx="140">
                  <c:v>0.70067199999999996</c:v>
                </c:pt>
                <c:pt idx="141">
                  <c:v>0.70567699999999967</c:v>
                </c:pt>
                <c:pt idx="142">
                  <c:v>0.71068199999999937</c:v>
                </c:pt>
                <c:pt idx="143">
                  <c:v>0.71568699999999996</c:v>
                </c:pt>
                <c:pt idx="144">
                  <c:v>0.72069199999999967</c:v>
                </c:pt>
                <c:pt idx="145">
                  <c:v>0.72569600000000012</c:v>
                </c:pt>
                <c:pt idx="146">
                  <c:v>0.73070099999999982</c:v>
                </c:pt>
                <c:pt idx="147">
                  <c:v>0.73570599999999953</c:v>
                </c:pt>
                <c:pt idx="148">
                  <c:v>0.74071100000000012</c:v>
                </c:pt>
                <c:pt idx="149">
                  <c:v>0.74571599999999982</c:v>
                </c:pt>
                <c:pt idx="150">
                  <c:v>0.75071999999999939</c:v>
                </c:pt>
                <c:pt idx="151">
                  <c:v>0.75572499999999998</c:v>
                </c:pt>
                <c:pt idx="152">
                  <c:v>0.76072999999999968</c:v>
                </c:pt>
                <c:pt idx="153">
                  <c:v>0.76573499999999939</c:v>
                </c:pt>
                <c:pt idx="154">
                  <c:v>0.77073999999999998</c:v>
                </c:pt>
                <c:pt idx="155">
                  <c:v>0.77574399999999955</c:v>
                </c:pt>
                <c:pt idx="156">
                  <c:v>0.78074900000000014</c:v>
                </c:pt>
                <c:pt idx="157">
                  <c:v>0.78575399999999984</c:v>
                </c:pt>
                <c:pt idx="158">
                  <c:v>0.79075899999999955</c:v>
                </c:pt>
                <c:pt idx="159">
                  <c:v>0.79576400000000014</c:v>
                </c:pt>
                <c:pt idx="160">
                  <c:v>0.8007679999999997</c:v>
                </c:pt>
                <c:pt idx="161">
                  <c:v>0.80577299999999941</c:v>
                </c:pt>
                <c:pt idx="162">
                  <c:v>0.810778</c:v>
                </c:pt>
                <c:pt idx="163">
                  <c:v>0.8157829999999997</c:v>
                </c:pt>
                <c:pt idx="164">
                  <c:v>0.82078799999999941</c:v>
                </c:pt>
                <c:pt idx="165">
                  <c:v>0.82579199999999986</c:v>
                </c:pt>
                <c:pt idx="166">
                  <c:v>0.83079699999999956</c:v>
                </c:pt>
                <c:pt idx="167">
                  <c:v>0.83580199999999927</c:v>
                </c:pt>
                <c:pt idx="168">
                  <c:v>0.84080699999999986</c:v>
                </c:pt>
                <c:pt idx="169">
                  <c:v>0.84581199999999956</c:v>
                </c:pt>
                <c:pt idx="170">
                  <c:v>0.85081600000000002</c:v>
                </c:pt>
                <c:pt idx="171">
                  <c:v>0.85582099999999972</c:v>
                </c:pt>
                <c:pt idx="172">
                  <c:v>0.86082599999999942</c:v>
                </c:pt>
                <c:pt idx="173">
                  <c:v>0.86583100000000002</c:v>
                </c:pt>
                <c:pt idx="174">
                  <c:v>0.87083599999999972</c:v>
                </c:pt>
                <c:pt idx="175">
                  <c:v>0.87583999999999929</c:v>
                </c:pt>
                <c:pt idx="176">
                  <c:v>0.88084499999999988</c:v>
                </c:pt>
                <c:pt idx="177">
                  <c:v>0.88584999999999958</c:v>
                </c:pt>
                <c:pt idx="178">
                  <c:v>0.89085499999999929</c:v>
                </c:pt>
                <c:pt idx="179">
                  <c:v>0.89585999999999988</c:v>
                </c:pt>
                <c:pt idx="180">
                  <c:v>0.90086399999999944</c:v>
                </c:pt>
                <c:pt idx="181">
                  <c:v>0.90586900000000004</c:v>
                </c:pt>
                <c:pt idx="182">
                  <c:v>0.91087399999999974</c:v>
                </c:pt>
                <c:pt idx="183">
                  <c:v>0.91587899999999944</c:v>
                </c:pt>
                <c:pt idx="184">
                  <c:v>0.92088400000000004</c:v>
                </c:pt>
                <c:pt idx="185">
                  <c:v>0.9258879999999996</c:v>
                </c:pt>
                <c:pt idx="186">
                  <c:v>0.9308929999999993</c:v>
                </c:pt>
                <c:pt idx="187">
                  <c:v>0.9358979999999999</c:v>
                </c:pt>
                <c:pt idx="188">
                  <c:v>0.9409029999999996</c:v>
                </c:pt>
                <c:pt idx="189">
                  <c:v>0.9459079999999993</c:v>
                </c:pt>
                <c:pt idx="190">
                  <c:v>0.95091199999999976</c:v>
                </c:pt>
                <c:pt idx="191">
                  <c:v>0.95591699999999946</c:v>
                </c:pt>
                <c:pt idx="192">
                  <c:v>0.96092200000000005</c:v>
                </c:pt>
                <c:pt idx="193">
                  <c:v>0.96592699999999976</c:v>
                </c:pt>
                <c:pt idx="194">
                  <c:v>0.97093199999999946</c:v>
                </c:pt>
                <c:pt idx="195">
                  <c:v>0.97593599999999991</c:v>
                </c:pt>
                <c:pt idx="196">
                  <c:v>0.98094099999999962</c:v>
                </c:pt>
                <c:pt idx="197">
                  <c:v>0.98594599999999932</c:v>
                </c:pt>
                <c:pt idx="198">
                  <c:v>0.99095099999999992</c:v>
                </c:pt>
                <c:pt idx="199">
                  <c:v>0.99595599999999962</c:v>
                </c:pt>
                <c:pt idx="200">
                  <c:v>1.0009600000000001</c:v>
                </c:pt>
                <c:pt idx="201">
                  <c:v>1.0059649999999998</c:v>
                </c:pt>
                <c:pt idx="202">
                  <c:v>1.0109699999999995</c:v>
                </c:pt>
                <c:pt idx="203">
                  <c:v>1.0159750000000001</c:v>
                </c:pt>
                <c:pt idx="204">
                  <c:v>1.0209799999999998</c:v>
                </c:pt>
                <c:pt idx="205">
                  <c:v>1.0259839999999993</c:v>
                </c:pt>
                <c:pt idx="206">
                  <c:v>1.0309889999999999</c:v>
                </c:pt>
                <c:pt idx="207">
                  <c:v>1.0359939999999996</c:v>
                </c:pt>
                <c:pt idx="208">
                  <c:v>1.0409989999999993</c:v>
                </c:pt>
                <c:pt idx="209">
                  <c:v>1.0460039999999999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79999999998</c:v>
                </c:pt>
                <c:pt idx="213">
                  <c:v>1.0660229999999995</c:v>
                </c:pt>
                <c:pt idx="214">
                  <c:v>1.0710280000000001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19999999991</c:v>
                </c:pt>
                <c:pt idx="218">
                  <c:v>1.0910469999999997</c:v>
                </c:pt>
                <c:pt idx="219">
                  <c:v>1.0960520000000002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59999999992</c:v>
                </c:pt>
                <c:pt idx="223">
                  <c:v>1.1160709999999998</c:v>
                </c:pt>
                <c:pt idx="224">
                  <c:v>1.1210760000000004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899999999994</c:v>
                </c:pt>
                <c:pt idx="228">
                  <c:v>1.141095</c:v>
                </c:pt>
                <c:pt idx="229">
                  <c:v>1.1461000000000006</c:v>
                </c:pt>
                <c:pt idx="230">
                  <c:v>1.1511040000000001</c:v>
                </c:pt>
                <c:pt idx="231">
                  <c:v>1.1561089999999989</c:v>
                </c:pt>
                <c:pt idx="232">
                  <c:v>1.1611139999999995</c:v>
                </c:pt>
                <c:pt idx="233">
                  <c:v>1.1661190000000001</c:v>
                </c:pt>
                <c:pt idx="234">
                  <c:v>1.1711239999999989</c:v>
                </c:pt>
                <c:pt idx="235">
                  <c:v>1.1761280000000003</c:v>
                </c:pt>
                <c:pt idx="236">
                  <c:v>1.1811329999999991</c:v>
                </c:pt>
                <c:pt idx="237">
                  <c:v>1.1861379999999997</c:v>
                </c:pt>
                <c:pt idx="238">
                  <c:v>1.1911430000000003</c:v>
                </c:pt>
                <c:pt idx="239">
                  <c:v>1.1961479999999991</c:v>
                </c:pt>
                <c:pt idx="240">
                  <c:v>1.2011520000000004</c:v>
                </c:pt>
                <c:pt idx="241">
                  <c:v>1.2061569999999993</c:v>
                </c:pt>
                <c:pt idx="242">
                  <c:v>1.2111619999999998</c:v>
                </c:pt>
                <c:pt idx="243">
                  <c:v>1.2161670000000004</c:v>
                </c:pt>
                <c:pt idx="244">
                  <c:v>1.2211719999999993</c:v>
                </c:pt>
                <c:pt idx="245">
                  <c:v>1.2261759999999988</c:v>
                </c:pt>
                <c:pt idx="246">
                  <c:v>1.2311809999999994</c:v>
                </c:pt>
                <c:pt idx="247">
                  <c:v>1.236186</c:v>
                </c:pt>
                <c:pt idx="248">
                  <c:v>1.2411909999999988</c:v>
                </c:pt>
                <c:pt idx="249">
                  <c:v>1.2461959999999994</c:v>
                </c:pt>
                <c:pt idx="250">
                  <c:v>1.251199999999999</c:v>
                </c:pt>
                <c:pt idx="251">
                  <c:v>1.2562049999999996</c:v>
                </c:pt>
                <c:pt idx="252">
                  <c:v>1.2612100000000002</c:v>
                </c:pt>
                <c:pt idx="253">
                  <c:v>1.266214999999999</c:v>
                </c:pt>
                <c:pt idx="254">
                  <c:v>1.2712199999999996</c:v>
                </c:pt>
                <c:pt idx="255">
                  <c:v>1.2762239999999991</c:v>
                </c:pt>
                <c:pt idx="256">
                  <c:v>1.2812289999999997</c:v>
                </c:pt>
                <c:pt idx="257">
                  <c:v>1.2862340000000003</c:v>
                </c:pt>
                <c:pt idx="258">
                  <c:v>1.2912389999999991</c:v>
                </c:pt>
                <c:pt idx="259">
                  <c:v>1.2962439999999997</c:v>
                </c:pt>
                <c:pt idx="260">
                  <c:v>1.3012479999999993</c:v>
                </c:pt>
                <c:pt idx="261">
                  <c:v>1.3062529999999999</c:v>
                </c:pt>
                <c:pt idx="262">
                  <c:v>1.3112580000000005</c:v>
                </c:pt>
                <c:pt idx="263">
                  <c:v>1.3162629999999993</c:v>
                </c:pt>
                <c:pt idx="264">
                  <c:v>1.3212679999999999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19999999989</c:v>
                </c:pt>
                <c:pt idx="268">
                  <c:v>1.3412869999999995</c:v>
                </c:pt>
                <c:pt idx="269">
                  <c:v>1.346292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5999999999</c:v>
                </c:pt>
                <c:pt idx="273">
                  <c:v>1.3663109999999996</c:v>
                </c:pt>
                <c:pt idx="274">
                  <c:v>1.3713160000000002</c:v>
                </c:pt>
                <c:pt idx="275">
                  <c:v>1.3763199999999998</c:v>
                </c:pt>
                <c:pt idx="276">
                  <c:v>1.3813250000000004</c:v>
                </c:pt>
                <c:pt idx="277">
                  <c:v>1.3863299999999992</c:v>
                </c:pt>
                <c:pt idx="278">
                  <c:v>1.3913349999999998</c:v>
                </c:pt>
                <c:pt idx="279">
                  <c:v>1.3963400000000004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39999999993</c:v>
                </c:pt>
                <c:pt idx="283">
                  <c:v>1.4163589999999999</c:v>
                </c:pt>
                <c:pt idx="284">
                  <c:v>1.4213640000000005</c:v>
                </c:pt>
                <c:pt idx="285">
                  <c:v>1.4263680000000001</c:v>
                </c:pt>
                <c:pt idx="286">
                  <c:v>1.4313729999999989</c:v>
                </c:pt>
                <c:pt idx="287">
                  <c:v>1.4363779999999995</c:v>
                </c:pt>
                <c:pt idx="288">
                  <c:v>1.4413830000000001</c:v>
                </c:pt>
                <c:pt idx="289">
                  <c:v>1.4463879999999989</c:v>
                </c:pt>
                <c:pt idx="290">
                  <c:v>1.4513920000000002</c:v>
                </c:pt>
                <c:pt idx="291">
                  <c:v>1.4563969999999991</c:v>
                </c:pt>
                <c:pt idx="292">
                  <c:v>1.4614019999999996</c:v>
                </c:pt>
                <c:pt idx="293">
                  <c:v>1.4664070000000002</c:v>
                </c:pt>
                <c:pt idx="294">
                  <c:v>1.4714119999999991</c:v>
                </c:pt>
                <c:pt idx="295">
                  <c:v>1.4764160000000004</c:v>
                </c:pt>
                <c:pt idx="296">
                  <c:v>1.4814209999999992</c:v>
                </c:pt>
                <c:pt idx="297">
                  <c:v>1.4864259999999998</c:v>
                </c:pt>
                <c:pt idx="298">
                  <c:v>1.4914310000000004</c:v>
                </c:pt>
                <c:pt idx="299">
                  <c:v>1.4964359999999992</c:v>
                </c:pt>
                <c:pt idx="300">
                  <c:v>1.5014400000000006</c:v>
                </c:pt>
                <c:pt idx="301">
                  <c:v>1.5064449999999994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599999999994</c:v>
                </c:pt>
                <c:pt idx="305">
                  <c:v>1.5264639999999989</c:v>
                </c:pt>
                <c:pt idx="306">
                  <c:v>1.5314689999999995</c:v>
                </c:pt>
                <c:pt idx="307">
                  <c:v>1.5364740000000001</c:v>
                </c:pt>
                <c:pt idx="308">
                  <c:v>1.5414789999999989</c:v>
                </c:pt>
                <c:pt idx="309">
                  <c:v>1.5464839999999995</c:v>
                </c:pt>
                <c:pt idx="310">
                  <c:v>1.5514879999999991</c:v>
                </c:pt>
                <c:pt idx="311">
                  <c:v>1.5564929999999997</c:v>
                </c:pt>
                <c:pt idx="312">
                  <c:v>1.5614980000000003</c:v>
                </c:pt>
                <c:pt idx="313">
                  <c:v>1.5665029999999991</c:v>
                </c:pt>
                <c:pt idx="314">
                  <c:v>1.5715079999999997</c:v>
                </c:pt>
                <c:pt idx="315">
                  <c:v>1.5765119999999992</c:v>
                </c:pt>
                <c:pt idx="316">
                  <c:v>1.5815169999999998</c:v>
                </c:pt>
                <c:pt idx="317">
                  <c:v>1.5865220000000004</c:v>
                </c:pt>
                <c:pt idx="318">
                  <c:v>1.5915269999999992</c:v>
                </c:pt>
                <c:pt idx="319">
                  <c:v>1.5965319999999998</c:v>
                </c:pt>
                <c:pt idx="320">
                  <c:v>1.6015359999999994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09999999994</c:v>
                </c:pt>
                <c:pt idx="324">
                  <c:v>1.621556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69999999999</c:v>
                </c:pt>
                <c:pt idx="328">
                  <c:v>1.6415749999999996</c:v>
                </c:pt>
                <c:pt idx="329">
                  <c:v>1.6465800000000002</c:v>
                </c:pt>
                <c:pt idx="330">
                  <c:v>1.6515839999999997</c:v>
                </c:pt>
                <c:pt idx="331">
                  <c:v>1.6565890000000003</c:v>
                </c:pt>
                <c:pt idx="332">
                  <c:v>1.6615939999999991</c:v>
                </c:pt>
                <c:pt idx="333">
                  <c:v>1.6665989999999997</c:v>
                </c:pt>
                <c:pt idx="334">
                  <c:v>1.6716040000000003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79999999993</c:v>
                </c:pt>
                <c:pt idx="338">
                  <c:v>1.6916229999999999</c:v>
                </c:pt>
                <c:pt idx="339">
                  <c:v>1.6966280000000005</c:v>
                </c:pt>
                <c:pt idx="340">
                  <c:v>1.701632</c:v>
                </c:pt>
                <c:pt idx="341">
                  <c:v>1.7066369999999988</c:v>
                </c:pt>
                <c:pt idx="342">
                  <c:v>1.7116419999999994</c:v>
                </c:pt>
                <c:pt idx="343">
                  <c:v>1.716647</c:v>
                </c:pt>
                <c:pt idx="344">
                  <c:v>1.7216519999999988</c:v>
                </c:pt>
                <c:pt idx="345">
                  <c:v>1.7266560000000002</c:v>
                </c:pt>
                <c:pt idx="346">
                  <c:v>1.731660999999999</c:v>
                </c:pt>
                <c:pt idx="347">
                  <c:v>1.7366659999999996</c:v>
                </c:pt>
                <c:pt idx="348">
                  <c:v>1.7416710000000002</c:v>
                </c:pt>
                <c:pt idx="349">
                  <c:v>1.746675999999999</c:v>
                </c:pt>
                <c:pt idx="350">
                  <c:v>1.7516800000000003</c:v>
                </c:pt>
                <c:pt idx="351">
                  <c:v>1.7566849999999992</c:v>
                </c:pt>
                <c:pt idx="352">
                  <c:v>1.7616899999999998</c:v>
                </c:pt>
                <c:pt idx="353">
                  <c:v>1.7666950000000003</c:v>
                </c:pt>
                <c:pt idx="354">
                  <c:v>1.7716999999999992</c:v>
                </c:pt>
                <c:pt idx="355">
                  <c:v>1.7767040000000005</c:v>
                </c:pt>
                <c:pt idx="356">
                  <c:v>1.7817089999999993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39999999993</c:v>
                </c:pt>
                <c:pt idx="360">
                  <c:v>1.8017279999999989</c:v>
                </c:pt>
                <c:pt idx="361">
                  <c:v>1.8067329999999995</c:v>
                </c:pt>
                <c:pt idx="362">
                  <c:v>1.8117380000000001</c:v>
                </c:pt>
                <c:pt idx="363">
                  <c:v>1.8167429999999989</c:v>
                </c:pt>
                <c:pt idx="364">
                  <c:v>1.8217479999999995</c:v>
                </c:pt>
                <c:pt idx="365">
                  <c:v>1.826751999999999</c:v>
                </c:pt>
                <c:pt idx="366">
                  <c:v>1.8317569999999996</c:v>
                </c:pt>
                <c:pt idx="367">
                  <c:v>1.8367620000000002</c:v>
                </c:pt>
                <c:pt idx="368">
                  <c:v>1.841766999999999</c:v>
                </c:pt>
                <c:pt idx="369">
                  <c:v>1.8467719999999996</c:v>
                </c:pt>
                <c:pt idx="370">
                  <c:v>1.8517759999999992</c:v>
                </c:pt>
                <c:pt idx="371">
                  <c:v>1.8567809999999998</c:v>
                </c:pt>
                <c:pt idx="372">
                  <c:v>1.8617860000000004</c:v>
                </c:pt>
                <c:pt idx="373">
                  <c:v>1.8667909999999992</c:v>
                </c:pt>
                <c:pt idx="374">
                  <c:v>1.8717959999999998</c:v>
                </c:pt>
                <c:pt idx="375">
                  <c:v>1.8767999999999994</c:v>
                </c:pt>
                <c:pt idx="376">
                  <c:v>1.8818049999999999</c:v>
                </c:pt>
                <c:pt idx="377">
                  <c:v>1.8868100000000005</c:v>
                </c:pt>
                <c:pt idx="378">
                  <c:v>1.8918149999999994</c:v>
                </c:pt>
                <c:pt idx="379">
                  <c:v>1.89682</c:v>
                </c:pt>
                <c:pt idx="380">
                  <c:v>1.9018239999999995</c:v>
                </c:pt>
                <c:pt idx="381">
                  <c:v>1.9068290000000001</c:v>
                </c:pt>
                <c:pt idx="382">
                  <c:v>1.9118339999999989</c:v>
                </c:pt>
                <c:pt idx="383">
                  <c:v>1.9168389999999995</c:v>
                </c:pt>
                <c:pt idx="384">
                  <c:v>1.9218440000000001</c:v>
                </c:pt>
                <c:pt idx="385">
                  <c:v>1.9268479999999997</c:v>
                </c:pt>
                <c:pt idx="386">
                  <c:v>1.9318530000000003</c:v>
                </c:pt>
                <c:pt idx="387">
                  <c:v>1.9368579999999991</c:v>
                </c:pt>
                <c:pt idx="388">
                  <c:v>1.9418629999999997</c:v>
                </c:pt>
                <c:pt idx="389">
                  <c:v>1.9468680000000003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19999999992</c:v>
                </c:pt>
                <c:pt idx="393">
                  <c:v>1.9668869999999998</c:v>
                </c:pt>
                <c:pt idx="394">
                  <c:v>1.9718920000000004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59999999994</c:v>
                </c:pt>
                <c:pt idx="398">
                  <c:v>1.991911</c:v>
                </c:pt>
                <c:pt idx="399">
                  <c:v>1.9969160000000006</c:v>
                </c:pt>
                <c:pt idx="400">
                  <c:v>2.0019200000000001</c:v>
                </c:pt>
                <c:pt idx="401">
                  <c:v>2.006924999999999</c:v>
                </c:pt>
                <c:pt idx="402">
                  <c:v>2.0119299999999996</c:v>
                </c:pt>
                <c:pt idx="403">
                  <c:v>2.0169350000000001</c:v>
                </c:pt>
                <c:pt idx="404">
                  <c:v>2.021939999999999</c:v>
                </c:pt>
                <c:pt idx="405">
                  <c:v>2.0269440000000003</c:v>
                </c:pt>
                <c:pt idx="406">
                  <c:v>2.0319489999999991</c:v>
                </c:pt>
                <c:pt idx="407">
                  <c:v>2.0369539999999997</c:v>
                </c:pt>
                <c:pt idx="408">
                  <c:v>2.0419590000000003</c:v>
                </c:pt>
                <c:pt idx="409">
                  <c:v>2.0469639999999991</c:v>
                </c:pt>
                <c:pt idx="410">
                  <c:v>2.0519680000000005</c:v>
                </c:pt>
                <c:pt idx="411">
                  <c:v>2.0569729999999993</c:v>
                </c:pt>
                <c:pt idx="412">
                  <c:v>2.0619779999999999</c:v>
                </c:pt>
                <c:pt idx="413">
                  <c:v>2.0669830000000005</c:v>
                </c:pt>
                <c:pt idx="414">
                  <c:v>2.0719879999999993</c:v>
                </c:pt>
                <c:pt idx="415">
                  <c:v>2.0769919999999988</c:v>
                </c:pt>
                <c:pt idx="416">
                  <c:v>2.0819969999999994</c:v>
                </c:pt>
              </c:numCache>
            </c:numRef>
          </c:xVal>
          <c:yVal>
            <c:numRef>
              <c:f>'Multi-20-15s(11)'!$E$2:$E$2664</c:f>
              <c:numCache>
                <c:formatCode>General</c:formatCode>
                <c:ptCount val="2663"/>
                <c:pt idx="0">
                  <c:v>0</c:v>
                </c:pt>
                <c:pt idx="1">
                  <c:v>3.0579999997826235E-3</c:v>
                </c:pt>
                <c:pt idx="2">
                  <c:v>0.34623999999985244</c:v>
                </c:pt>
                <c:pt idx="3">
                  <c:v>1.5729349999999158</c:v>
                </c:pt>
                <c:pt idx="4">
                  <c:v>3.0929539999999633</c:v>
                </c:pt>
                <c:pt idx="5">
                  <c:v>4.5202079999999114</c:v>
                </c:pt>
                <c:pt idx="6">
                  <c:v>6.284003999999868</c:v>
                </c:pt>
                <c:pt idx="7">
                  <c:v>8.1594479999998839</c:v>
                </c:pt>
                <c:pt idx="8">
                  <c:v>10.398200999999972</c:v>
                </c:pt>
                <c:pt idx="9">
                  <c:v>12.857128999999986</c:v>
                </c:pt>
                <c:pt idx="10">
                  <c:v>15.387584999999945</c:v>
                </c:pt>
                <c:pt idx="11">
                  <c:v>17.452770999999984</c:v>
                </c:pt>
                <c:pt idx="12">
                  <c:v>19.420718999999963</c:v>
                </c:pt>
                <c:pt idx="13">
                  <c:v>20.816026999999849</c:v>
                </c:pt>
                <c:pt idx="14">
                  <c:v>21.585877999999866</c:v>
                </c:pt>
                <c:pt idx="15">
                  <c:v>22.482722999999851</c:v>
                </c:pt>
                <c:pt idx="16">
                  <c:v>22.825994999999921</c:v>
                </c:pt>
                <c:pt idx="17">
                  <c:v>22.913399999999911</c:v>
                </c:pt>
                <c:pt idx="18">
                  <c:v>22.432133999999905</c:v>
                </c:pt>
                <c:pt idx="19">
                  <c:v>21.519252999999935</c:v>
                </c:pt>
                <c:pt idx="20">
                  <c:v>20.473665999999866</c:v>
                </c:pt>
                <c:pt idx="21">
                  <c:v>19.551636999999801</c:v>
                </c:pt>
                <c:pt idx="22">
                  <c:v>19.113450999999941</c:v>
                </c:pt>
                <c:pt idx="23">
                  <c:v>18.815297999999984</c:v>
                </c:pt>
                <c:pt idx="24">
                  <c:v>18.479174999999941</c:v>
                </c:pt>
                <c:pt idx="25">
                  <c:v>18.497549999999819</c:v>
                </c:pt>
                <c:pt idx="26">
                  <c:v>18.704296999999997</c:v>
                </c:pt>
                <c:pt idx="27">
                  <c:v>18.877535999999964</c:v>
                </c:pt>
                <c:pt idx="28">
                  <c:v>19.540156999999908</c:v>
                </c:pt>
                <c:pt idx="29">
                  <c:v>19.945935999999847</c:v>
                </c:pt>
                <c:pt idx="30">
                  <c:v>20.454515999999785</c:v>
                </c:pt>
                <c:pt idx="31">
                  <c:v>21.306153999999879</c:v>
                </c:pt>
                <c:pt idx="32">
                  <c:v>22.541116999999986</c:v>
                </c:pt>
                <c:pt idx="33">
                  <c:v>23.783692999999857</c:v>
                </c:pt>
                <c:pt idx="34">
                  <c:v>24.602136999999857</c:v>
                </c:pt>
                <c:pt idx="35">
                  <c:v>25.700900999999931</c:v>
                </c:pt>
                <c:pt idx="36">
                  <c:v>27.119358999999804</c:v>
                </c:pt>
                <c:pt idx="37">
                  <c:v>27.763050999999905</c:v>
                </c:pt>
                <c:pt idx="38">
                  <c:v>27.707408999999871</c:v>
                </c:pt>
                <c:pt idx="39">
                  <c:v>27.493257999999969</c:v>
                </c:pt>
                <c:pt idx="40">
                  <c:v>26.901439999999866</c:v>
                </c:pt>
                <c:pt idx="41">
                  <c:v>26.281078999999863</c:v>
                </c:pt>
                <c:pt idx="42">
                  <c:v>25.924090999999862</c:v>
                </c:pt>
                <c:pt idx="43">
                  <c:v>25.745911999999862</c:v>
                </c:pt>
                <c:pt idx="44">
                  <c:v>25.540540999999848</c:v>
                </c:pt>
                <c:pt idx="45">
                  <c:v>25.187902999999778</c:v>
                </c:pt>
                <c:pt idx="46">
                  <c:v>24.536470999999892</c:v>
                </c:pt>
                <c:pt idx="47">
                  <c:v>23.798285999999962</c:v>
                </c:pt>
                <c:pt idx="48">
                  <c:v>23.287583999999924</c:v>
                </c:pt>
                <c:pt idx="49">
                  <c:v>23.242963999999802</c:v>
                </c:pt>
                <c:pt idx="50">
                  <c:v>23.341013999999859</c:v>
                </c:pt>
                <c:pt idx="51">
                  <c:v>24.144464999999855</c:v>
                </c:pt>
                <c:pt idx="52">
                  <c:v>25.29176799999982</c:v>
                </c:pt>
                <c:pt idx="53">
                  <c:v>27.077715999999782</c:v>
                </c:pt>
                <c:pt idx="54">
                  <c:v>29.227461999999832</c:v>
                </c:pt>
                <c:pt idx="55">
                  <c:v>32.183278999999857</c:v>
                </c:pt>
                <c:pt idx="56">
                  <c:v>35.515247999999929</c:v>
                </c:pt>
                <c:pt idx="57">
                  <c:v>37.261530999999877</c:v>
                </c:pt>
                <c:pt idx="58">
                  <c:v>38.348936999999978</c:v>
                </c:pt>
                <c:pt idx="59">
                  <c:v>39.563566999999921</c:v>
                </c:pt>
                <c:pt idx="60">
                  <c:v>39.492731999999933</c:v>
                </c:pt>
                <c:pt idx="61">
                  <c:v>38.664599999999837</c:v>
                </c:pt>
                <c:pt idx="62">
                  <c:v>35.967691999999943</c:v>
                </c:pt>
                <c:pt idx="63">
                  <c:v>33.181241999999884</c:v>
                </c:pt>
                <c:pt idx="64">
                  <c:v>30.516627999999855</c:v>
                </c:pt>
                <c:pt idx="65">
                  <c:v>28.128900999999814</c:v>
                </c:pt>
                <c:pt idx="66">
                  <c:v>26.557830999999851</c:v>
                </c:pt>
                <c:pt idx="67">
                  <c:v>25.939251999999897</c:v>
                </c:pt>
                <c:pt idx="68">
                  <c:v>26.616745999999921</c:v>
                </c:pt>
                <c:pt idx="69">
                  <c:v>28.180963999999904</c:v>
                </c:pt>
                <c:pt idx="70">
                  <c:v>29.318501999999853</c:v>
                </c:pt>
                <c:pt idx="71">
                  <c:v>30.555109999999786</c:v>
                </c:pt>
                <c:pt idx="72">
                  <c:v>32.298865999999862</c:v>
                </c:pt>
                <c:pt idx="73">
                  <c:v>34.40683799999988</c:v>
                </c:pt>
                <c:pt idx="74">
                  <c:v>35.014944999999898</c:v>
                </c:pt>
                <c:pt idx="75">
                  <c:v>35.30694399999993</c:v>
                </c:pt>
                <c:pt idx="76">
                  <c:v>36.856809999999996</c:v>
                </c:pt>
                <c:pt idx="77">
                  <c:v>38.949640999999929</c:v>
                </c:pt>
                <c:pt idx="78">
                  <c:v>40.7163129999999</c:v>
                </c:pt>
                <c:pt idx="79">
                  <c:v>42.886886999999888</c:v>
                </c:pt>
                <c:pt idx="80">
                  <c:v>43.925645999999915</c:v>
                </c:pt>
                <c:pt idx="81">
                  <c:v>43.127081999999973</c:v>
                </c:pt>
                <c:pt idx="82">
                  <c:v>43.986152999999831</c:v>
                </c:pt>
                <c:pt idx="83">
                  <c:v>44.978161999999884</c:v>
                </c:pt>
                <c:pt idx="84">
                  <c:v>44.267173999999841</c:v>
                </c:pt>
                <c:pt idx="85">
                  <c:v>44.384562999999844</c:v>
                </c:pt>
                <c:pt idx="86">
                  <c:v>45.058470999999827</c:v>
                </c:pt>
                <c:pt idx="87">
                  <c:v>44.904153999999835</c:v>
                </c:pt>
                <c:pt idx="88">
                  <c:v>42.843913999999813</c:v>
                </c:pt>
                <c:pt idx="89">
                  <c:v>39.849752999999964</c:v>
                </c:pt>
                <c:pt idx="90">
                  <c:v>37.918863999999985</c:v>
                </c:pt>
                <c:pt idx="91">
                  <c:v>36.472519999999804</c:v>
                </c:pt>
                <c:pt idx="92">
                  <c:v>36.474481999999853</c:v>
                </c:pt>
                <c:pt idx="93">
                  <c:v>36.872669999999971</c:v>
                </c:pt>
                <c:pt idx="94">
                  <c:v>37.31928599999992</c:v>
                </c:pt>
                <c:pt idx="95">
                  <c:v>36.476732999999967</c:v>
                </c:pt>
                <c:pt idx="96">
                  <c:v>37.245812999999998</c:v>
                </c:pt>
                <c:pt idx="97">
                  <c:v>39.378321999999798</c:v>
                </c:pt>
                <c:pt idx="98">
                  <c:v>40.794189999999844</c:v>
                </c:pt>
                <c:pt idx="99">
                  <c:v>40.814197999999806</c:v>
                </c:pt>
                <c:pt idx="100">
                  <c:v>40.959682999999814</c:v>
                </c:pt>
                <c:pt idx="101">
                  <c:v>41.378250999999864</c:v>
                </c:pt>
                <c:pt idx="102">
                  <c:v>43.552537999999913</c:v>
                </c:pt>
                <c:pt idx="103">
                  <c:v>45.441741999999977</c:v>
                </c:pt>
                <c:pt idx="104">
                  <c:v>45.557833999999957</c:v>
                </c:pt>
                <c:pt idx="105">
                  <c:v>45.367164000000002</c:v>
                </c:pt>
                <c:pt idx="106">
                  <c:v>45.937710999999808</c:v>
                </c:pt>
                <c:pt idx="107">
                  <c:v>46.067772999999988</c:v>
                </c:pt>
                <c:pt idx="108">
                  <c:v>44.618001999999933</c:v>
                </c:pt>
                <c:pt idx="109">
                  <c:v>42.781222999999954</c:v>
                </c:pt>
                <c:pt idx="110">
                  <c:v>40.277258999999958</c:v>
                </c:pt>
                <c:pt idx="111">
                  <c:v>38.740002000000004</c:v>
                </c:pt>
                <c:pt idx="112">
                  <c:v>37.808745999999928</c:v>
                </c:pt>
                <c:pt idx="113">
                  <c:v>36.945686999999907</c:v>
                </c:pt>
                <c:pt idx="114">
                  <c:v>35.998438999999962</c:v>
                </c:pt>
                <c:pt idx="115">
                  <c:v>36.182357999999795</c:v>
                </c:pt>
                <c:pt idx="116">
                  <c:v>36.873387999999977</c:v>
                </c:pt>
                <c:pt idx="117">
                  <c:v>37.547004999999899</c:v>
                </c:pt>
                <c:pt idx="118">
                  <c:v>38.191414999999779</c:v>
                </c:pt>
                <c:pt idx="119">
                  <c:v>39.06062699999984</c:v>
                </c:pt>
                <c:pt idx="120">
                  <c:v>40.301195999999891</c:v>
                </c:pt>
                <c:pt idx="121">
                  <c:v>40.935354999999845</c:v>
                </c:pt>
                <c:pt idx="122">
                  <c:v>41.268839999999955</c:v>
                </c:pt>
                <c:pt idx="123">
                  <c:v>41.380065999999943</c:v>
                </c:pt>
                <c:pt idx="124">
                  <c:v>41.741395999999895</c:v>
                </c:pt>
                <c:pt idx="125">
                  <c:v>41.686194999999998</c:v>
                </c:pt>
                <c:pt idx="126">
                  <c:v>41.330143999999791</c:v>
                </c:pt>
                <c:pt idx="127">
                  <c:v>40.62934099999984</c:v>
                </c:pt>
                <c:pt idx="128">
                  <c:v>40.144851999999901</c:v>
                </c:pt>
                <c:pt idx="129">
                  <c:v>39.695680999999922</c:v>
                </c:pt>
                <c:pt idx="130">
                  <c:v>39.469461999999794</c:v>
                </c:pt>
                <c:pt idx="131">
                  <c:v>39.209330999999793</c:v>
                </c:pt>
                <c:pt idx="132">
                  <c:v>38.976653999999826</c:v>
                </c:pt>
                <c:pt idx="133">
                  <c:v>39.252719999999954</c:v>
                </c:pt>
                <c:pt idx="134">
                  <c:v>39.419121999999788</c:v>
                </c:pt>
                <c:pt idx="135">
                  <c:v>39.549604999999929</c:v>
                </c:pt>
                <c:pt idx="136">
                  <c:v>39.727582999999868</c:v>
                </c:pt>
                <c:pt idx="137">
                  <c:v>40.478841999999986</c:v>
                </c:pt>
                <c:pt idx="138">
                  <c:v>41.087989999999991</c:v>
                </c:pt>
                <c:pt idx="139">
                  <c:v>41.534762000000001</c:v>
                </c:pt>
                <c:pt idx="140">
                  <c:v>42.127950999999939</c:v>
                </c:pt>
                <c:pt idx="141">
                  <c:v>42.276799999999866</c:v>
                </c:pt>
                <c:pt idx="142">
                  <c:v>42.618187999999918</c:v>
                </c:pt>
                <c:pt idx="143">
                  <c:v>42.784763999999996</c:v>
                </c:pt>
                <c:pt idx="144">
                  <c:v>42.512189999999919</c:v>
                </c:pt>
                <c:pt idx="145">
                  <c:v>42.231212999999798</c:v>
                </c:pt>
                <c:pt idx="146">
                  <c:v>41.942372999999861</c:v>
                </c:pt>
                <c:pt idx="147">
                  <c:v>41.782108999999991</c:v>
                </c:pt>
                <c:pt idx="148">
                  <c:v>41.387401999999838</c:v>
                </c:pt>
                <c:pt idx="149">
                  <c:v>40.450739999999996</c:v>
                </c:pt>
                <c:pt idx="150">
                  <c:v>39.538316999999779</c:v>
                </c:pt>
                <c:pt idx="151">
                  <c:v>38.987831999999798</c:v>
                </c:pt>
                <c:pt idx="152">
                  <c:v>38.15391099999988</c:v>
                </c:pt>
                <c:pt idx="153">
                  <c:v>37.972284999999829</c:v>
                </c:pt>
                <c:pt idx="154">
                  <c:v>37.742472999999791</c:v>
                </c:pt>
                <c:pt idx="155">
                  <c:v>37.911082999999962</c:v>
                </c:pt>
                <c:pt idx="156">
                  <c:v>38.489432999999963</c:v>
                </c:pt>
                <c:pt idx="157">
                  <c:v>39.380929999999807</c:v>
                </c:pt>
                <c:pt idx="158">
                  <c:v>40.273118999999951</c:v>
                </c:pt>
                <c:pt idx="159">
                  <c:v>41.515989999999874</c:v>
                </c:pt>
                <c:pt idx="160">
                  <c:v>43.137818999999809</c:v>
                </c:pt>
                <c:pt idx="161">
                  <c:v>44.347862999999961</c:v>
                </c:pt>
                <c:pt idx="162">
                  <c:v>44.817783999999847</c:v>
                </c:pt>
                <c:pt idx="163">
                  <c:v>45.341352999999799</c:v>
                </c:pt>
                <c:pt idx="164">
                  <c:v>45.35361399999988</c:v>
                </c:pt>
                <c:pt idx="165">
                  <c:v>44.907648999999992</c:v>
                </c:pt>
                <c:pt idx="166">
                  <c:v>44.464964999999893</c:v>
                </c:pt>
                <c:pt idx="167">
                  <c:v>43.480822999999873</c:v>
                </c:pt>
                <c:pt idx="168">
                  <c:v>42.321255999999948</c:v>
                </c:pt>
                <c:pt idx="169">
                  <c:v>41.105620999999928</c:v>
                </c:pt>
                <c:pt idx="170">
                  <c:v>40.043539999999894</c:v>
                </c:pt>
                <c:pt idx="171">
                  <c:v>39.549060999999938</c:v>
                </c:pt>
                <c:pt idx="172">
                  <c:v>39.339542999999821</c:v>
                </c:pt>
                <c:pt idx="173">
                  <c:v>39.045155999999906</c:v>
                </c:pt>
                <c:pt idx="174">
                  <c:v>38.22022899999979</c:v>
                </c:pt>
                <c:pt idx="175">
                  <c:v>37.443741999999929</c:v>
                </c:pt>
                <c:pt idx="176">
                  <c:v>37.024182999999994</c:v>
                </c:pt>
                <c:pt idx="177">
                  <c:v>36.75379299999986</c:v>
                </c:pt>
                <c:pt idx="178">
                  <c:v>36.786233999999922</c:v>
                </c:pt>
                <c:pt idx="179">
                  <c:v>36.901321999999936</c:v>
                </c:pt>
                <c:pt idx="180">
                  <c:v>37.034873999999945</c:v>
                </c:pt>
                <c:pt idx="181">
                  <c:v>37.290430999999899</c:v>
                </c:pt>
                <c:pt idx="182">
                  <c:v>38.311204999999973</c:v>
                </c:pt>
                <c:pt idx="183">
                  <c:v>39.565273999999818</c:v>
                </c:pt>
                <c:pt idx="184">
                  <c:v>40.578071999999793</c:v>
                </c:pt>
                <c:pt idx="185">
                  <c:v>41.067288999999846</c:v>
                </c:pt>
                <c:pt idx="186">
                  <c:v>42.214330999999902</c:v>
                </c:pt>
                <c:pt idx="187">
                  <c:v>43.677855999999792</c:v>
                </c:pt>
                <c:pt idx="188">
                  <c:v>44.210040999999819</c:v>
                </c:pt>
                <c:pt idx="189">
                  <c:v>44.273248999999851</c:v>
                </c:pt>
                <c:pt idx="190">
                  <c:v>44.080896999999823</c:v>
                </c:pt>
                <c:pt idx="191">
                  <c:v>43.719340999999986</c:v>
                </c:pt>
                <c:pt idx="192">
                  <c:v>43.515137999999979</c:v>
                </c:pt>
                <c:pt idx="193">
                  <c:v>42.662690999999995</c:v>
                </c:pt>
                <c:pt idx="194">
                  <c:v>41.28547599999979</c:v>
                </c:pt>
                <c:pt idx="195">
                  <c:v>40.288510999999971</c:v>
                </c:pt>
                <c:pt idx="196">
                  <c:v>38.843596999999818</c:v>
                </c:pt>
                <c:pt idx="197">
                  <c:v>37.665383999999904</c:v>
                </c:pt>
                <c:pt idx="198">
                  <c:v>37.547972999999956</c:v>
                </c:pt>
                <c:pt idx="199">
                  <c:v>37.761631999999963</c:v>
                </c:pt>
                <c:pt idx="200">
                  <c:v>37.870492999999897</c:v>
                </c:pt>
                <c:pt idx="201">
                  <c:v>38.231817999999976</c:v>
                </c:pt>
                <c:pt idx="202">
                  <c:v>39.293416999999863</c:v>
                </c:pt>
                <c:pt idx="203">
                  <c:v>41.101345999999921</c:v>
                </c:pt>
                <c:pt idx="204">
                  <c:v>42.523294999999962</c:v>
                </c:pt>
                <c:pt idx="205">
                  <c:v>43.38831499999992</c:v>
                </c:pt>
                <c:pt idx="206">
                  <c:v>43.864629999999806</c:v>
                </c:pt>
                <c:pt idx="207">
                  <c:v>43.596485999999913</c:v>
                </c:pt>
                <c:pt idx="208">
                  <c:v>42.88213299999984</c:v>
                </c:pt>
                <c:pt idx="209">
                  <c:v>42.385188999999855</c:v>
                </c:pt>
                <c:pt idx="210">
                  <c:v>42.483080999999856</c:v>
                </c:pt>
                <c:pt idx="211">
                  <c:v>41.784791999999925</c:v>
                </c:pt>
                <c:pt idx="212">
                  <c:v>40.588358999999855</c:v>
                </c:pt>
                <c:pt idx="213">
                  <c:v>40.164822999999842</c:v>
                </c:pt>
                <c:pt idx="214">
                  <c:v>40.136984999999868</c:v>
                </c:pt>
                <c:pt idx="215">
                  <c:v>40.310167999999976</c:v>
                </c:pt>
                <c:pt idx="216">
                  <c:v>40.54123699999991</c:v>
                </c:pt>
                <c:pt idx="217">
                  <c:v>41.308407999999872</c:v>
                </c:pt>
                <c:pt idx="218">
                  <c:v>41.965333999999984</c:v>
                </c:pt>
                <c:pt idx="219">
                  <c:v>42.9980079999998</c:v>
                </c:pt>
                <c:pt idx="220">
                  <c:v>43.318265999999994</c:v>
                </c:pt>
                <c:pt idx="221">
                  <c:v>43.454083999999966</c:v>
                </c:pt>
                <c:pt idx="222">
                  <c:v>43.677355999999918</c:v>
                </c:pt>
                <c:pt idx="223">
                  <c:v>43.709495999999945</c:v>
                </c:pt>
                <c:pt idx="224">
                  <c:v>44.36342999999988</c:v>
                </c:pt>
                <c:pt idx="225">
                  <c:v>44.989170999999942</c:v>
                </c:pt>
                <c:pt idx="226">
                  <c:v>45.114463999999998</c:v>
                </c:pt>
                <c:pt idx="227">
                  <c:v>45.293444999999792</c:v>
                </c:pt>
                <c:pt idx="228">
                  <c:v>45.533843999999817</c:v>
                </c:pt>
                <c:pt idx="229">
                  <c:v>45.680799999999863</c:v>
                </c:pt>
                <c:pt idx="230">
                  <c:v>46.00405099999989</c:v>
                </c:pt>
                <c:pt idx="231">
                  <c:v>46.293252999999822</c:v>
                </c:pt>
                <c:pt idx="232">
                  <c:v>46.38483599999995</c:v>
                </c:pt>
                <c:pt idx="233">
                  <c:v>46.398762999999917</c:v>
                </c:pt>
                <c:pt idx="234">
                  <c:v>46.020672999999988</c:v>
                </c:pt>
                <c:pt idx="235">
                  <c:v>45.569573999999875</c:v>
                </c:pt>
                <c:pt idx="236">
                  <c:v>44.776213999999982</c:v>
                </c:pt>
                <c:pt idx="237">
                  <c:v>44.1666859999998</c:v>
                </c:pt>
                <c:pt idx="238">
                  <c:v>44.246666999999889</c:v>
                </c:pt>
                <c:pt idx="239">
                  <c:v>44.429956999999831</c:v>
                </c:pt>
                <c:pt idx="240">
                  <c:v>44.975223999999798</c:v>
                </c:pt>
                <c:pt idx="241">
                  <c:v>45.268795999999838</c:v>
                </c:pt>
                <c:pt idx="242">
                  <c:v>46.073292999999921</c:v>
                </c:pt>
                <c:pt idx="243">
                  <c:v>46.941842999999835</c:v>
                </c:pt>
                <c:pt idx="244">
                  <c:v>47.510396999999784</c:v>
                </c:pt>
                <c:pt idx="245">
                  <c:v>48.007196999999906</c:v>
                </c:pt>
                <c:pt idx="246">
                  <c:v>48.073894999999993</c:v>
                </c:pt>
                <c:pt idx="247">
                  <c:v>48.453824999999824</c:v>
                </c:pt>
                <c:pt idx="248">
                  <c:v>47.941095999999789</c:v>
                </c:pt>
                <c:pt idx="249">
                  <c:v>47.434029999999893</c:v>
                </c:pt>
                <c:pt idx="250">
                  <c:v>47.301979999999958</c:v>
                </c:pt>
                <c:pt idx="251">
                  <c:v>46.696106999999984</c:v>
                </c:pt>
                <c:pt idx="252">
                  <c:v>46.575603000000001</c:v>
                </c:pt>
                <c:pt idx="253">
                  <c:v>46.334557999999788</c:v>
                </c:pt>
                <c:pt idx="254">
                  <c:v>45.949998999999934</c:v>
                </c:pt>
                <c:pt idx="255">
                  <c:v>45.942017999999962</c:v>
                </c:pt>
                <c:pt idx="256">
                  <c:v>46.336623999999802</c:v>
                </c:pt>
                <c:pt idx="257">
                  <c:v>46.581078999999818</c:v>
                </c:pt>
                <c:pt idx="258">
                  <c:v>46.454453999999942</c:v>
                </c:pt>
                <c:pt idx="259">
                  <c:v>46.636194999999816</c:v>
                </c:pt>
                <c:pt idx="260">
                  <c:v>46.757314999999835</c:v>
                </c:pt>
                <c:pt idx="261">
                  <c:v>46.699598999999807</c:v>
                </c:pt>
                <c:pt idx="262">
                  <c:v>47.229714999999942</c:v>
                </c:pt>
                <c:pt idx="263">
                  <c:v>48.142352999999957</c:v>
                </c:pt>
                <c:pt idx="264">
                  <c:v>48.333811999999853</c:v>
                </c:pt>
                <c:pt idx="265">
                  <c:v>48.816698999999971</c:v>
                </c:pt>
                <c:pt idx="266">
                  <c:v>49.518920999999864</c:v>
                </c:pt>
                <c:pt idx="267">
                  <c:v>49.792270999999801</c:v>
                </c:pt>
                <c:pt idx="268">
                  <c:v>49.881806999999981</c:v>
                </c:pt>
                <c:pt idx="269">
                  <c:v>50.299212999999781</c:v>
                </c:pt>
                <c:pt idx="270">
                  <c:v>50.678225999999995</c:v>
                </c:pt>
                <c:pt idx="271">
                  <c:v>50.370769999999993</c:v>
                </c:pt>
                <c:pt idx="272">
                  <c:v>49.326950999999781</c:v>
                </c:pt>
                <c:pt idx="273">
                  <c:v>48.473017999999911</c:v>
                </c:pt>
                <c:pt idx="274">
                  <c:v>47.749637999999777</c:v>
                </c:pt>
                <c:pt idx="275">
                  <c:v>47.529799999999796</c:v>
                </c:pt>
                <c:pt idx="276">
                  <c:v>47.675084999999854</c:v>
                </c:pt>
                <c:pt idx="277">
                  <c:v>47.391452999999956</c:v>
                </c:pt>
                <c:pt idx="278">
                  <c:v>47.367392999999993</c:v>
                </c:pt>
                <c:pt idx="279">
                  <c:v>47.420843999999988</c:v>
                </c:pt>
                <c:pt idx="280">
                  <c:v>47.470063999999866</c:v>
                </c:pt>
                <c:pt idx="281">
                  <c:v>47.662084999999934</c:v>
                </c:pt>
                <c:pt idx="282">
                  <c:v>48.535155999999915</c:v>
                </c:pt>
                <c:pt idx="283">
                  <c:v>49.45098999999982</c:v>
                </c:pt>
                <c:pt idx="284">
                  <c:v>50.58863899999983</c:v>
                </c:pt>
                <c:pt idx="285">
                  <c:v>51.434620999999879</c:v>
                </c:pt>
                <c:pt idx="286">
                  <c:v>52.095435999999836</c:v>
                </c:pt>
                <c:pt idx="287">
                  <c:v>52.516124999999874</c:v>
                </c:pt>
                <c:pt idx="288">
                  <c:v>52.8420279999998</c:v>
                </c:pt>
                <c:pt idx="289">
                  <c:v>52.898420999999871</c:v>
                </c:pt>
                <c:pt idx="290">
                  <c:v>52.604233999999906</c:v>
                </c:pt>
                <c:pt idx="291">
                  <c:v>51.863005999999814</c:v>
                </c:pt>
                <c:pt idx="292">
                  <c:v>50.906295999999884</c:v>
                </c:pt>
                <c:pt idx="293">
                  <c:v>49.771534999999858</c:v>
                </c:pt>
                <c:pt idx="294">
                  <c:v>49.090540999999803</c:v>
                </c:pt>
                <c:pt idx="295">
                  <c:v>48.793655999999828</c:v>
                </c:pt>
                <c:pt idx="296">
                  <c:v>48.376373999999942</c:v>
                </c:pt>
                <c:pt idx="297">
                  <c:v>48.354215999999951</c:v>
                </c:pt>
                <c:pt idx="298">
                  <c:v>48.09400299999993</c:v>
                </c:pt>
                <c:pt idx="299">
                  <c:v>48.049187999999958</c:v>
                </c:pt>
                <c:pt idx="300">
                  <c:v>48.293202999999949</c:v>
                </c:pt>
                <c:pt idx="301">
                  <c:v>49.140102999999954</c:v>
                </c:pt>
                <c:pt idx="302">
                  <c:v>50.107854999999972</c:v>
                </c:pt>
                <c:pt idx="303">
                  <c:v>51.285052999999834</c:v>
                </c:pt>
                <c:pt idx="304">
                  <c:v>52.22501699999998</c:v>
                </c:pt>
                <c:pt idx="305">
                  <c:v>52.686885999999959</c:v>
                </c:pt>
                <c:pt idx="306">
                  <c:v>52.959396999999854</c:v>
                </c:pt>
                <c:pt idx="307">
                  <c:v>52.954996999999821</c:v>
                </c:pt>
                <c:pt idx="308">
                  <c:v>53.044786999999815</c:v>
                </c:pt>
                <c:pt idx="309">
                  <c:v>52.780308999999988</c:v>
                </c:pt>
                <c:pt idx="310">
                  <c:v>53.107763999999861</c:v>
                </c:pt>
                <c:pt idx="311">
                  <c:v>53.829063999999789</c:v>
                </c:pt>
                <c:pt idx="312">
                  <c:v>53.765978999999788</c:v>
                </c:pt>
                <c:pt idx="313">
                  <c:v>53.895743999999922</c:v>
                </c:pt>
                <c:pt idx="314">
                  <c:v>54.338763999999856</c:v>
                </c:pt>
                <c:pt idx="315">
                  <c:v>54.940526999999975</c:v>
                </c:pt>
                <c:pt idx="316">
                  <c:v>55.686545999999908</c:v>
                </c:pt>
                <c:pt idx="317">
                  <c:v>55.407169999999951</c:v>
                </c:pt>
                <c:pt idx="318">
                  <c:v>55.106157999999823</c:v>
                </c:pt>
                <c:pt idx="319">
                  <c:v>54.776561999999785</c:v>
                </c:pt>
                <c:pt idx="320">
                  <c:v>54.49399399999993</c:v>
                </c:pt>
                <c:pt idx="321">
                  <c:v>54.282516999999871</c:v>
                </c:pt>
                <c:pt idx="322">
                  <c:v>53.479069999999865</c:v>
                </c:pt>
                <c:pt idx="323">
                  <c:v>52.578539999999975</c:v>
                </c:pt>
                <c:pt idx="324">
                  <c:v>51.911168999999973</c:v>
                </c:pt>
                <c:pt idx="325">
                  <c:v>51.679486999999881</c:v>
                </c:pt>
                <c:pt idx="326">
                  <c:v>51.619473999999855</c:v>
                </c:pt>
                <c:pt idx="327">
                  <c:v>51.688040000000001</c:v>
                </c:pt>
                <c:pt idx="328">
                  <c:v>51.62176599999998</c:v>
                </c:pt>
                <c:pt idx="329">
                  <c:v>51.412271999999803</c:v>
                </c:pt>
                <c:pt idx="330">
                  <c:v>51.438862999999856</c:v>
                </c:pt>
                <c:pt idx="331">
                  <c:v>51.514685999999983</c:v>
                </c:pt>
                <c:pt idx="332">
                  <c:v>51.271890999999869</c:v>
                </c:pt>
                <c:pt idx="333">
                  <c:v>51.309673999999859</c:v>
                </c:pt>
                <c:pt idx="334">
                  <c:v>51.00407499999983</c:v>
                </c:pt>
                <c:pt idx="335">
                  <c:v>50.580326999999897</c:v>
                </c:pt>
                <c:pt idx="336">
                  <c:v>50.412796999999955</c:v>
                </c:pt>
                <c:pt idx="337">
                  <c:v>50.456908999999996</c:v>
                </c:pt>
                <c:pt idx="338">
                  <c:v>50.812115999999833</c:v>
                </c:pt>
                <c:pt idx="339">
                  <c:v>51.65017899999998</c:v>
                </c:pt>
                <c:pt idx="340">
                  <c:v>52.684112999999797</c:v>
                </c:pt>
                <c:pt idx="341">
                  <c:v>53.675281999999925</c:v>
                </c:pt>
                <c:pt idx="342">
                  <c:v>54.63253399999985</c:v>
                </c:pt>
                <c:pt idx="343">
                  <c:v>56.031602999999905</c:v>
                </c:pt>
                <c:pt idx="344">
                  <c:v>56.469663999999966</c:v>
                </c:pt>
                <c:pt idx="345">
                  <c:v>56.771515999999792</c:v>
                </c:pt>
                <c:pt idx="346">
                  <c:v>56.662257999999838</c:v>
                </c:pt>
                <c:pt idx="347">
                  <c:v>56.344155000000001</c:v>
                </c:pt>
                <c:pt idx="348">
                  <c:v>55.594699999999875</c:v>
                </c:pt>
                <c:pt idx="349">
                  <c:v>54.344924999999876</c:v>
                </c:pt>
                <c:pt idx="350">
                  <c:v>53.310302999999976</c:v>
                </c:pt>
                <c:pt idx="351">
                  <c:v>52.445675999999821</c:v>
                </c:pt>
                <c:pt idx="352">
                  <c:v>51.374383999999964</c:v>
                </c:pt>
                <c:pt idx="353">
                  <c:v>49.947603999999956</c:v>
                </c:pt>
                <c:pt idx="354">
                  <c:v>48.846208999999817</c:v>
                </c:pt>
                <c:pt idx="355">
                  <c:v>48.526552999999922</c:v>
                </c:pt>
                <c:pt idx="356">
                  <c:v>48.65040399999998</c:v>
                </c:pt>
                <c:pt idx="357">
                  <c:v>49.490625999999793</c:v>
                </c:pt>
                <c:pt idx="358">
                  <c:v>50.310748999999987</c:v>
                </c:pt>
                <c:pt idx="359">
                  <c:v>51.502531999999974</c:v>
                </c:pt>
                <c:pt idx="360">
                  <c:v>52.542951999999786</c:v>
                </c:pt>
                <c:pt idx="361">
                  <c:v>53.810226999999941</c:v>
                </c:pt>
                <c:pt idx="362">
                  <c:v>54.984072999999853</c:v>
                </c:pt>
                <c:pt idx="363">
                  <c:v>55.634490999999798</c:v>
                </c:pt>
                <c:pt idx="364">
                  <c:v>56.216187999999875</c:v>
                </c:pt>
                <c:pt idx="365">
                  <c:v>56.626216999999997</c:v>
                </c:pt>
                <c:pt idx="366">
                  <c:v>56.939773999999943</c:v>
                </c:pt>
                <c:pt idx="367">
                  <c:v>57.10486899999978</c:v>
                </c:pt>
                <c:pt idx="368">
                  <c:v>57.292294999999967</c:v>
                </c:pt>
                <c:pt idx="369">
                  <c:v>57.773772999999892</c:v>
                </c:pt>
                <c:pt idx="370">
                  <c:v>57.634791999999834</c:v>
                </c:pt>
                <c:pt idx="371">
                  <c:v>57.263495999999805</c:v>
                </c:pt>
                <c:pt idx="372">
                  <c:v>56.487052999999833</c:v>
                </c:pt>
                <c:pt idx="373">
                  <c:v>55.432825999999977</c:v>
                </c:pt>
                <c:pt idx="374">
                  <c:v>54.773658999999952</c:v>
                </c:pt>
                <c:pt idx="375">
                  <c:v>54.114201999999977</c:v>
                </c:pt>
                <c:pt idx="376">
                  <c:v>52.951695999999856</c:v>
                </c:pt>
                <c:pt idx="377">
                  <c:v>52.136369999999943</c:v>
                </c:pt>
                <c:pt idx="378">
                  <c:v>51.999016999999867</c:v>
                </c:pt>
                <c:pt idx="379">
                  <c:v>52.201082999999926</c:v>
                </c:pt>
                <c:pt idx="380">
                  <c:v>52.762229999999818</c:v>
                </c:pt>
                <c:pt idx="381">
                  <c:v>53.317137000000002</c:v>
                </c:pt>
                <c:pt idx="382">
                  <c:v>53.892003999999815</c:v>
                </c:pt>
                <c:pt idx="383">
                  <c:v>54.533128999999917</c:v>
                </c:pt>
                <c:pt idx="384">
                  <c:v>55.369154999999864</c:v>
                </c:pt>
                <c:pt idx="385">
                  <c:v>56.195329999999785</c:v>
                </c:pt>
                <c:pt idx="386">
                  <c:v>56.979574999999841</c:v>
                </c:pt>
                <c:pt idx="387">
                  <c:v>58.12241999999992</c:v>
                </c:pt>
                <c:pt idx="388">
                  <c:v>58.922905999999784</c:v>
                </c:pt>
                <c:pt idx="389">
                  <c:v>59.100419999999986</c:v>
                </c:pt>
                <c:pt idx="390">
                  <c:v>59.638445999999931</c:v>
                </c:pt>
                <c:pt idx="391">
                  <c:v>60.615842999999813</c:v>
                </c:pt>
                <c:pt idx="392">
                  <c:v>60.957928999999922</c:v>
                </c:pt>
                <c:pt idx="393">
                  <c:v>61.132121999999981</c:v>
                </c:pt>
                <c:pt idx="394">
                  <c:v>60.566778999999997</c:v>
                </c:pt>
                <c:pt idx="395">
                  <c:v>59.53828899999985</c:v>
                </c:pt>
                <c:pt idx="396">
                  <c:v>58.398907999999892</c:v>
                </c:pt>
                <c:pt idx="397">
                  <c:v>57.980548999999883</c:v>
                </c:pt>
                <c:pt idx="398">
                  <c:v>57.455759999999827</c:v>
                </c:pt>
                <c:pt idx="399">
                  <c:v>57.274301999999807</c:v>
                </c:pt>
                <c:pt idx="400">
                  <c:v>57.288474999999835</c:v>
                </c:pt>
                <c:pt idx="401">
                  <c:v>57.798505999999861</c:v>
                </c:pt>
                <c:pt idx="402">
                  <c:v>58.498701999999867</c:v>
                </c:pt>
                <c:pt idx="403">
                  <c:v>59.577097999999978</c:v>
                </c:pt>
                <c:pt idx="404">
                  <c:v>60.058277999999973</c:v>
                </c:pt>
                <c:pt idx="405">
                  <c:v>60.366709999999784</c:v>
                </c:pt>
                <c:pt idx="406">
                  <c:v>60.712274999999863</c:v>
                </c:pt>
                <c:pt idx="407">
                  <c:v>60.73825799999986</c:v>
                </c:pt>
                <c:pt idx="408">
                  <c:v>60.398596999999882</c:v>
                </c:pt>
                <c:pt idx="409">
                  <c:v>60.179373999999825</c:v>
                </c:pt>
                <c:pt idx="410">
                  <c:v>59.589351999999963</c:v>
                </c:pt>
                <c:pt idx="411">
                  <c:v>58.432399999999916</c:v>
                </c:pt>
                <c:pt idx="412">
                  <c:v>57.189351999999872</c:v>
                </c:pt>
                <c:pt idx="413">
                  <c:v>55.360998999999993</c:v>
                </c:pt>
                <c:pt idx="414">
                  <c:v>53.03250799999978</c:v>
                </c:pt>
                <c:pt idx="415">
                  <c:v>51.524224000000004</c:v>
                </c:pt>
                <c:pt idx="416">
                  <c:v>49.95061799999984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11B-432D-953C-A7286ABEA02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ulti-20-15s(11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0.1013759842519685"/>
                  <c:y val="-0.3942450422863808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20-15s(11)'!$D$5:$D$416</c:f>
              <c:numCache>
                <c:formatCode>General</c:formatCode>
                <c:ptCount val="412"/>
                <c:pt idx="0">
                  <c:v>1.5015000000000001E-2</c:v>
                </c:pt>
                <c:pt idx="1">
                  <c:v>2.0019999999999705E-2</c:v>
                </c:pt>
                <c:pt idx="2">
                  <c:v>2.5023999999999269E-2</c:v>
                </c:pt>
                <c:pt idx="3">
                  <c:v>3.0028999999999861E-2</c:v>
                </c:pt>
                <c:pt idx="4">
                  <c:v>3.5033999999999565E-2</c:v>
                </c:pt>
                <c:pt idx="5">
                  <c:v>4.003899999999927E-2</c:v>
                </c:pt>
                <c:pt idx="6">
                  <c:v>4.5043999999999862E-2</c:v>
                </c:pt>
                <c:pt idx="7">
                  <c:v>5.0047999999999426E-2</c:v>
                </c:pt>
                <c:pt idx="8">
                  <c:v>5.5053000000000019E-2</c:v>
                </c:pt>
                <c:pt idx="9">
                  <c:v>6.0057999999999723E-2</c:v>
                </c:pt>
                <c:pt idx="10">
                  <c:v>6.5062999999999427E-2</c:v>
                </c:pt>
                <c:pt idx="11">
                  <c:v>7.0068000000000019E-2</c:v>
                </c:pt>
                <c:pt idx="12">
                  <c:v>7.5071999999999584E-2</c:v>
                </c:pt>
                <c:pt idx="13">
                  <c:v>8.0076999999999288E-2</c:v>
                </c:pt>
                <c:pt idx="14">
                  <c:v>8.508199999999988E-2</c:v>
                </c:pt>
                <c:pt idx="15">
                  <c:v>9.0086999999999584E-2</c:v>
                </c:pt>
                <c:pt idx="16">
                  <c:v>9.5091999999999288E-2</c:v>
                </c:pt>
                <c:pt idx="17">
                  <c:v>0.10009599999999974</c:v>
                </c:pt>
                <c:pt idx="18">
                  <c:v>0.10510099999999944</c:v>
                </c:pt>
                <c:pt idx="19">
                  <c:v>0.11010600000000004</c:v>
                </c:pt>
                <c:pt idx="20">
                  <c:v>0.11511099999999974</c:v>
                </c:pt>
                <c:pt idx="21">
                  <c:v>0.12011599999999945</c:v>
                </c:pt>
                <c:pt idx="22">
                  <c:v>0.1251199999999999</c:v>
                </c:pt>
                <c:pt idx="23">
                  <c:v>0.1301249999999996</c:v>
                </c:pt>
                <c:pt idx="24">
                  <c:v>0.13512999999999931</c:v>
                </c:pt>
                <c:pt idx="25">
                  <c:v>0.1401349999999999</c:v>
                </c:pt>
                <c:pt idx="26">
                  <c:v>0.1451399999999996</c:v>
                </c:pt>
                <c:pt idx="27">
                  <c:v>0.15014400000000006</c:v>
                </c:pt>
                <c:pt idx="28">
                  <c:v>0.15514899999999976</c:v>
                </c:pt>
                <c:pt idx="29">
                  <c:v>0.16015399999999946</c:v>
                </c:pt>
                <c:pt idx="30">
                  <c:v>0.16515900000000006</c:v>
                </c:pt>
                <c:pt idx="31">
                  <c:v>0.17016399999999976</c:v>
                </c:pt>
                <c:pt idx="32">
                  <c:v>0.17516799999999932</c:v>
                </c:pt>
                <c:pt idx="33">
                  <c:v>0.18017299999999992</c:v>
                </c:pt>
                <c:pt idx="34">
                  <c:v>0.18517799999999962</c:v>
                </c:pt>
                <c:pt idx="35">
                  <c:v>0.19018299999999932</c:v>
                </c:pt>
                <c:pt idx="36">
                  <c:v>0.19518799999999992</c:v>
                </c:pt>
                <c:pt idx="37">
                  <c:v>0.20019199999999948</c:v>
                </c:pt>
                <c:pt idx="38">
                  <c:v>0.20519700000000007</c:v>
                </c:pt>
                <c:pt idx="39">
                  <c:v>0.21020199999999978</c:v>
                </c:pt>
                <c:pt idx="40">
                  <c:v>0.21520699999999948</c:v>
                </c:pt>
                <c:pt idx="41">
                  <c:v>0.22021200000000007</c:v>
                </c:pt>
                <c:pt idx="42">
                  <c:v>0.22521599999999964</c:v>
                </c:pt>
                <c:pt idx="43">
                  <c:v>0.23022099999999934</c:v>
                </c:pt>
                <c:pt idx="44">
                  <c:v>0.23522599999999994</c:v>
                </c:pt>
                <c:pt idx="45">
                  <c:v>0.24023099999999964</c:v>
                </c:pt>
                <c:pt idx="46">
                  <c:v>0.24523599999999934</c:v>
                </c:pt>
                <c:pt idx="47">
                  <c:v>0.2502399999999998</c:v>
                </c:pt>
                <c:pt idx="48">
                  <c:v>0.2552449999999995</c:v>
                </c:pt>
                <c:pt idx="49">
                  <c:v>0.26025000000000009</c:v>
                </c:pt>
                <c:pt idx="50">
                  <c:v>0.2652549999999998</c:v>
                </c:pt>
                <c:pt idx="51">
                  <c:v>0.2702599999999995</c:v>
                </c:pt>
                <c:pt idx="52">
                  <c:v>0.27526399999999995</c:v>
                </c:pt>
                <c:pt idx="53">
                  <c:v>0.28026899999999966</c:v>
                </c:pt>
                <c:pt idx="54">
                  <c:v>0.28527399999999936</c:v>
                </c:pt>
                <c:pt idx="55">
                  <c:v>0.29027899999999995</c:v>
                </c:pt>
                <c:pt idx="56">
                  <c:v>0.29528399999999966</c:v>
                </c:pt>
                <c:pt idx="57">
                  <c:v>0.30028800000000011</c:v>
                </c:pt>
                <c:pt idx="58">
                  <c:v>0.30529299999999981</c:v>
                </c:pt>
                <c:pt idx="59">
                  <c:v>0.31029799999999952</c:v>
                </c:pt>
                <c:pt idx="60">
                  <c:v>0.31530300000000011</c:v>
                </c:pt>
                <c:pt idx="61">
                  <c:v>0.32030799999999982</c:v>
                </c:pt>
                <c:pt idx="62">
                  <c:v>0.32531199999999938</c:v>
                </c:pt>
                <c:pt idx="63">
                  <c:v>0.33031699999999997</c:v>
                </c:pt>
                <c:pt idx="64">
                  <c:v>0.33532199999999968</c:v>
                </c:pt>
                <c:pt idx="65">
                  <c:v>0.34032699999999938</c:v>
                </c:pt>
                <c:pt idx="66">
                  <c:v>0.34533199999999997</c:v>
                </c:pt>
                <c:pt idx="67">
                  <c:v>0.35033599999999954</c:v>
                </c:pt>
                <c:pt idx="68">
                  <c:v>0.35534100000000013</c:v>
                </c:pt>
                <c:pt idx="69">
                  <c:v>0.36034599999999983</c:v>
                </c:pt>
                <c:pt idx="70">
                  <c:v>0.36535099999999954</c:v>
                </c:pt>
                <c:pt idx="71">
                  <c:v>0.37035600000000013</c:v>
                </c:pt>
                <c:pt idx="72">
                  <c:v>0.37535999999999969</c:v>
                </c:pt>
                <c:pt idx="73">
                  <c:v>0.3803649999999994</c:v>
                </c:pt>
                <c:pt idx="74">
                  <c:v>0.38536999999999999</c:v>
                </c:pt>
                <c:pt idx="75">
                  <c:v>0.39037499999999969</c:v>
                </c:pt>
                <c:pt idx="76">
                  <c:v>0.3953799999999994</c:v>
                </c:pt>
                <c:pt idx="77">
                  <c:v>0.40038399999999985</c:v>
                </c:pt>
                <c:pt idx="78">
                  <c:v>0.40538899999999956</c:v>
                </c:pt>
                <c:pt idx="79">
                  <c:v>0.41039400000000015</c:v>
                </c:pt>
                <c:pt idx="80">
                  <c:v>0.41539899999999985</c:v>
                </c:pt>
                <c:pt idx="81">
                  <c:v>0.42040399999999956</c:v>
                </c:pt>
                <c:pt idx="82">
                  <c:v>0.42540800000000001</c:v>
                </c:pt>
                <c:pt idx="83">
                  <c:v>0.43041299999999971</c:v>
                </c:pt>
                <c:pt idx="84">
                  <c:v>0.43541799999999942</c:v>
                </c:pt>
                <c:pt idx="85">
                  <c:v>0.44042300000000001</c:v>
                </c:pt>
                <c:pt idx="86">
                  <c:v>0.44542799999999971</c:v>
                </c:pt>
                <c:pt idx="87">
                  <c:v>0.45043199999999928</c:v>
                </c:pt>
                <c:pt idx="88">
                  <c:v>0.45543699999999987</c:v>
                </c:pt>
                <c:pt idx="89">
                  <c:v>0.46044199999999957</c:v>
                </c:pt>
                <c:pt idx="90">
                  <c:v>0.46544699999999928</c:v>
                </c:pt>
                <c:pt idx="91">
                  <c:v>0.47045199999999987</c:v>
                </c:pt>
                <c:pt idx="92">
                  <c:v>0.47545599999999943</c:v>
                </c:pt>
                <c:pt idx="93">
                  <c:v>0.48046100000000003</c:v>
                </c:pt>
                <c:pt idx="94">
                  <c:v>0.48546599999999973</c:v>
                </c:pt>
                <c:pt idx="95">
                  <c:v>0.49047099999999944</c:v>
                </c:pt>
                <c:pt idx="96">
                  <c:v>0.49547600000000003</c:v>
                </c:pt>
                <c:pt idx="97">
                  <c:v>0.50047999999999959</c:v>
                </c:pt>
                <c:pt idx="98">
                  <c:v>0.5054849999999993</c:v>
                </c:pt>
                <c:pt idx="99">
                  <c:v>0.51048999999999989</c:v>
                </c:pt>
                <c:pt idx="100">
                  <c:v>0.51549499999999959</c:v>
                </c:pt>
                <c:pt idx="101">
                  <c:v>0.5204999999999993</c:v>
                </c:pt>
                <c:pt idx="102">
                  <c:v>0.52550399999999975</c:v>
                </c:pt>
                <c:pt idx="103">
                  <c:v>0.53050899999999945</c:v>
                </c:pt>
                <c:pt idx="104">
                  <c:v>0.53551400000000005</c:v>
                </c:pt>
                <c:pt idx="105">
                  <c:v>0.54051899999999975</c:v>
                </c:pt>
                <c:pt idx="106">
                  <c:v>0.54552399999999945</c:v>
                </c:pt>
                <c:pt idx="107">
                  <c:v>0.55052799999999991</c:v>
                </c:pt>
                <c:pt idx="108">
                  <c:v>0.55553299999999961</c:v>
                </c:pt>
                <c:pt idx="109">
                  <c:v>0.56053799999999931</c:v>
                </c:pt>
                <c:pt idx="110">
                  <c:v>0.56554299999999991</c:v>
                </c:pt>
                <c:pt idx="111">
                  <c:v>0.57054799999999961</c:v>
                </c:pt>
                <c:pt idx="112">
                  <c:v>0.57555200000000006</c:v>
                </c:pt>
                <c:pt idx="113">
                  <c:v>0.58055699999999977</c:v>
                </c:pt>
                <c:pt idx="114">
                  <c:v>0.58556199999999947</c:v>
                </c:pt>
                <c:pt idx="115">
                  <c:v>0.59056700000000006</c:v>
                </c:pt>
                <c:pt idx="116">
                  <c:v>0.59557199999999977</c:v>
                </c:pt>
                <c:pt idx="117">
                  <c:v>0.60057599999999933</c:v>
                </c:pt>
                <c:pt idx="118">
                  <c:v>0.60558099999999992</c:v>
                </c:pt>
                <c:pt idx="119">
                  <c:v>0.61058599999999963</c:v>
                </c:pt>
                <c:pt idx="120">
                  <c:v>0.61559099999999933</c:v>
                </c:pt>
                <c:pt idx="121">
                  <c:v>0.62059599999999993</c:v>
                </c:pt>
                <c:pt idx="122">
                  <c:v>0.62559999999999949</c:v>
                </c:pt>
                <c:pt idx="123">
                  <c:v>0.63060500000000008</c:v>
                </c:pt>
                <c:pt idx="124">
                  <c:v>0.63560999999999979</c:v>
                </c:pt>
                <c:pt idx="125">
                  <c:v>0.64061499999999949</c:v>
                </c:pt>
                <c:pt idx="126">
                  <c:v>0.64562000000000008</c:v>
                </c:pt>
                <c:pt idx="127">
                  <c:v>0.65062399999999965</c:v>
                </c:pt>
                <c:pt idx="128">
                  <c:v>0.65562899999999935</c:v>
                </c:pt>
                <c:pt idx="129">
                  <c:v>0.66063399999999994</c:v>
                </c:pt>
                <c:pt idx="130">
                  <c:v>0.66563899999999965</c:v>
                </c:pt>
                <c:pt idx="131">
                  <c:v>0.67064399999999935</c:v>
                </c:pt>
                <c:pt idx="132">
                  <c:v>0.6756479999999998</c:v>
                </c:pt>
                <c:pt idx="133">
                  <c:v>0.68065299999999951</c:v>
                </c:pt>
                <c:pt idx="134">
                  <c:v>0.6856580000000001</c:v>
                </c:pt>
                <c:pt idx="135">
                  <c:v>0.6906629999999998</c:v>
                </c:pt>
                <c:pt idx="136">
                  <c:v>0.69566799999999951</c:v>
                </c:pt>
                <c:pt idx="137">
                  <c:v>0.70067199999999996</c:v>
                </c:pt>
                <c:pt idx="138">
                  <c:v>0.70567699999999967</c:v>
                </c:pt>
                <c:pt idx="139">
                  <c:v>0.71068199999999937</c:v>
                </c:pt>
                <c:pt idx="140">
                  <c:v>0.71568699999999996</c:v>
                </c:pt>
                <c:pt idx="141">
                  <c:v>0.72069199999999967</c:v>
                </c:pt>
                <c:pt idx="142">
                  <c:v>0.72569600000000012</c:v>
                </c:pt>
                <c:pt idx="143">
                  <c:v>0.73070099999999982</c:v>
                </c:pt>
                <c:pt idx="144">
                  <c:v>0.73570599999999953</c:v>
                </c:pt>
                <c:pt idx="145">
                  <c:v>0.74071100000000012</c:v>
                </c:pt>
                <c:pt idx="146">
                  <c:v>0.74571599999999982</c:v>
                </c:pt>
                <c:pt idx="147">
                  <c:v>0.75071999999999939</c:v>
                </c:pt>
                <c:pt idx="148">
                  <c:v>0.75572499999999998</c:v>
                </c:pt>
                <c:pt idx="149">
                  <c:v>0.76072999999999968</c:v>
                </c:pt>
                <c:pt idx="150">
                  <c:v>0.76573499999999939</c:v>
                </c:pt>
                <c:pt idx="151">
                  <c:v>0.77073999999999998</c:v>
                </c:pt>
                <c:pt idx="152">
                  <c:v>0.77574399999999955</c:v>
                </c:pt>
                <c:pt idx="153">
                  <c:v>0.78074900000000014</c:v>
                </c:pt>
                <c:pt idx="154">
                  <c:v>0.78575399999999984</c:v>
                </c:pt>
                <c:pt idx="155">
                  <c:v>0.79075899999999955</c:v>
                </c:pt>
                <c:pt idx="156">
                  <c:v>0.79576400000000014</c:v>
                </c:pt>
                <c:pt idx="157">
                  <c:v>0.8007679999999997</c:v>
                </c:pt>
                <c:pt idx="158">
                  <c:v>0.80577299999999941</c:v>
                </c:pt>
                <c:pt idx="159">
                  <c:v>0.810778</c:v>
                </c:pt>
                <c:pt idx="160">
                  <c:v>0.8157829999999997</c:v>
                </c:pt>
                <c:pt idx="161">
                  <c:v>0.82078799999999941</c:v>
                </c:pt>
                <c:pt idx="162">
                  <c:v>0.82579199999999986</c:v>
                </c:pt>
                <c:pt idx="163">
                  <c:v>0.83079699999999956</c:v>
                </c:pt>
                <c:pt idx="164">
                  <c:v>0.83580199999999927</c:v>
                </c:pt>
                <c:pt idx="165">
                  <c:v>0.84080699999999986</c:v>
                </c:pt>
                <c:pt idx="166">
                  <c:v>0.84581199999999956</c:v>
                </c:pt>
                <c:pt idx="167">
                  <c:v>0.85081600000000002</c:v>
                </c:pt>
                <c:pt idx="168">
                  <c:v>0.85582099999999972</c:v>
                </c:pt>
                <c:pt idx="169">
                  <c:v>0.86082599999999942</c:v>
                </c:pt>
                <c:pt idx="170">
                  <c:v>0.86583100000000002</c:v>
                </c:pt>
                <c:pt idx="171">
                  <c:v>0.87083599999999972</c:v>
                </c:pt>
                <c:pt idx="172">
                  <c:v>0.87583999999999929</c:v>
                </c:pt>
                <c:pt idx="173">
                  <c:v>0.88084499999999988</c:v>
                </c:pt>
                <c:pt idx="174">
                  <c:v>0.88584999999999958</c:v>
                </c:pt>
                <c:pt idx="175">
                  <c:v>0.89085499999999929</c:v>
                </c:pt>
                <c:pt idx="176">
                  <c:v>0.89585999999999988</c:v>
                </c:pt>
                <c:pt idx="177">
                  <c:v>0.90086399999999944</c:v>
                </c:pt>
                <c:pt idx="178">
                  <c:v>0.90586900000000004</c:v>
                </c:pt>
                <c:pt idx="179">
                  <c:v>0.91087399999999974</c:v>
                </c:pt>
                <c:pt idx="180">
                  <c:v>0.91587899999999944</c:v>
                </c:pt>
                <c:pt idx="181">
                  <c:v>0.92088400000000004</c:v>
                </c:pt>
                <c:pt idx="182">
                  <c:v>0.9258879999999996</c:v>
                </c:pt>
                <c:pt idx="183">
                  <c:v>0.9308929999999993</c:v>
                </c:pt>
                <c:pt idx="184">
                  <c:v>0.9358979999999999</c:v>
                </c:pt>
                <c:pt idx="185">
                  <c:v>0.9409029999999996</c:v>
                </c:pt>
                <c:pt idx="186">
                  <c:v>0.9459079999999993</c:v>
                </c:pt>
                <c:pt idx="187">
                  <c:v>0.95091199999999976</c:v>
                </c:pt>
                <c:pt idx="188">
                  <c:v>0.95591699999999946</c:v>
                </c:pt>
                <c:pt idx="189">
                  <c:v>0.96092200000000005</c:v>
                </c:pt>
                <c:pt idx="190">
                  <c:v>0.96592699999999976</c:v>
                </c:pt>
                <c:pt idx="191">
                  <c:v>0.97093199999999946</c:v>
                </c:pt>
                <c:pt idx="192">
                  <c:v>0.97593599999999991</c:v>
                </c:pt>
                <c:pt idx="193">
                  <c:v>0.98094099999999962</c:v>
                </c:pt>
                <c:pt idx="194">
                  <c:v>0.98594599999999932</c:v>
                </c:pt>
                <c:pt idx="195">
                  <c:v>0.99095099999999992</c:v>
                </c:pt>
                <c:pt idx="196">
                  <c:v>0.99595599999999962</c:v>
                </c:pt>
                <c:pt idx="197">
                  <c:v>1.0009600000000001</c:v>
                </c:pt>
                <c:pt idx="198">
                  <c:v>1.0059649999999998</c:v>
                </c:pt>
                <c:pt idx="199">
                  <c:v>1.0109699999999995</c:v>
                </c:pt>
                <c:pt idx="200">
                  <c:v>1.0159750000000001</c:v>
                </c:pt>
                <c:pt idx="201">
                  <c:v>1.0209799999999998</c:v>
                </c:pt>
                <c:pt idx="202">
                  <c:v>1.0259839999999993</c:v>
                </c:pt>
                <c:pt idx="203">
                  <c:v>1.0309889999999999</c:v>
                </c:pt>
                <c:pt idx="204">
                  <c:v>1.0359939999999996</c:v>
                </c:pt>
                <c:pt idx="205">
                  <c:v>1.0409989999999993</c:v>
                </c:pt>
                <c:pt idx="206">
                  <c:v>1.0460039999999999</c:v>
                </c:pt>
                <c:pt idx="207">
                  <c:v>1.0510079999999995</c:v>
                </c:pt>
                <c:pt idx="208">
                  <c:v>1.0560130000000001</c:v>
                </c:pt>
                <c:pt idx="209">
                  <c:v>1.0610179999999998</c:v>
                </c:pt>
                <c:pt idx="210">
                  <c:v>1.0660229999999995</c:v>
                </c:pt>
                <c:pt idx="211">
                  <c:v>1.0710280000000001</c:v>
                </c:pt>
                <c:pt idx="212">
                  <c:v>1.0760319999999997</c:v>
                </c:pt>
                <c:pt idx="213">
                  <c:v>1.0810370000000002</c:v>
                </c:pt>
                <c:pt idx="214">
                  <c:v>1.0860419999999991</c:v>
                </c:pt>
                <c:pt idx="215">
                  <c:v>1.0910469999999997</c:v>
                </c:pt>
                <c:pt idx="216">
                  <c:v>1.0960520000000002</c:v>
                </c:pt>
                <c:pt idx="217">
                  <c:v>1.1010559999999998</c:v>
                </c:pt>
                <c:pt idx="218">
                  <c:v>1.1060610000000004</c:v>
                </c:pt>
                <c:pt idx="219">
                  <c:v>1.1110659999999992</c:v>
                </c:pt>
                <c:pt idx="220">
                  <c:v>1.1160709999999998</c:v>
                </c:pt>
                <c:pt idx="221">
                  <c:v>1.1210760000000004</c:v>
                </c:pt>
                <c:pt idx="222">
                  <c:v>1.12608</c:v>
                </c:pt>
                <c:pt idx="223">
                  <c:v>1.1310850000000006</c:v>
                </c:pt>
                <c:pt idx="224">
                  <c:v>1.1360899999999994</c:v>
                </c:pt>
                <c:pt idx="225">
                  <c:v>1.141095</c:v>
                </c:pt>
                <c:pt idx="226">
                  <c:v>1.1461000000000006</c:v>
                </c:pt>
                <c:pt idx="227">
                  <c:v>1.1511040000000001</c:v>
                </c:pt>
                <c:pt idx="228">
                  <c:v>1.1561089999999989</c:v>
                </c:pt>
                <c:pt idx="229">
                  <c:v>1.1611139999999995</c:v>
                </c:pt>
                <c:pt idx="230">
                  <c:v>1.1661190000000001</c:v>
                </c:pt>
                <c:pt idx="231">
                  <c:v>1.1711239999999989</c:v>
                </c:pt>
                <c:pt idx="232">
                  <c:v>1.1761280000000003</c:v>
                </c:pt>
                <c:pt idx="233">
                  <c:v>1.1811329999999991</c:v>
                </c:pt>
                <c:pt idx="234">
                  <c:v>1.1861379999999997</c:v>
                </c:pt>
                <c:pt idx="235">
                  <c:v>1.1911430000000003</c:v>
                </c:pt>
                <c:pt idx="236">
                  <c:v>1.1961479999999991</c:v>
                </c:pt>
                <c:pt idx="237">
                  <c:v>1.2011520000000004</c:v>
                </c:pt>
                <c:pt idx="238">
                  <c:v>1.2061569999999993</c:v>
                </c:pt>
                <c:pt idx="239">
                  <c:v>1.2111619999999998</c:v>
                </c:pt>
                <c:pt idx="240">
                  <c:v>1.2161670000000004</c:v>
                </c:pt>
                <c:pt idx="241">
                  <c:v>1.2211719999999993</c:v>
                </c:pt>
                <c:pt idx="242">
                  <c:v>1.2261759999999988</c:v>
                </c:pt>
                <c:pt idx="243">
                  <c:v>1.2311809999999994</c:v>
                </c:pt>
                <c:pt idx="244">
                  <c:v>1.236186</c:v>
                </c:pt>
                <c:pt idx="245">
                  <c:v>1.2411909999999988</c:v>
                </c:pt>
                <c:pt idx="246">
                  <c:v>1.2461959999999994</c:v>
                </c:pt>
                <c:pt idx="247">
                  <c:v>1.251199999999999</c:v>
                </c:pt>
                <c:pt idx="248">
                  <c:v>1.2562049999999996</c:v>
                </c:pt>
                <c:pt idx="249">
                  <c:v>1.2612100000000002</c:v>
                </c:pt>
                <c:pt idx="250">
                  <c:v>1.266214999999999</c:v>
                </c:pt>
                <c:pt idx="251">
                  <c:v>1.2712199999999996</c:v>
                </c:pt>
                <c:pt idx="252">
                  <c:v>1.2762239999999991</c:v>
                </c:pt>
                <c:pt idx="253">
                  <c:v>1.2812289999999997</c:v>
                </c:pt>
                <c:pt idx="254">
                  <c:v>1.2862340000000003</c:v>
                </c:pt>
                <c:pt idx="255">
                  <c:v>1.2912389999999991</c:v>
                </c:pt>
                <c:pt idx="256">
                  <c:v>1.2962439999999997</c:v>
                </c:pt>
                <c:pt idx="257">
                  <c:v>1.3012479999999993</c:v>
                </c:pt>
                <c:pt idx="258">
                  <c:v>1.3062529999999999</c:v>
                </c:pt>
                <c:pt idx="259">
                  <c:v>1.3112580000000005</c:v>
                </c:pt>
                <c:pt idx="260">
                  <c:v>1.3162629999999993</c:v>
                </c:pt>
                <c:pt idx="261">
                  <c:v>1.3212679999999999</c:v>
                </c:pt>
                <c:pt idx="262">
                  <c:v>1.3262719999999995</c:v>
                </c:pt>
                <c:pt idx="263">
                  <c:v>1.331277</c:v>
                </c:pt>
                <c:pt idx="264">
                  <c:v>1.3362819999999989</c:v>
                </c:pt>
                <c:pt idx="265">
                  <c:v>1.3412869999999995</c:v>
                </c:pt>
                <c:pt idx="266">
                  <c:v>1.346292</c:v>
                </c:pt>
                <c:pt idx="267">
                  <c:v>1.3512959999999996</c:v>
                </c:pt>
                <c:pt idx="268">
                  <c:v>1.3563010000000002</c:v>
                </c:pt>
                <c:pt idx="269">
                  <c:v>1.361305999999999</c:v>
                </c:pt>
                <c:pt idx="270">
                  <c:v>1.3663109999999996</c:v>
                </c:pt>
                <c:pt idx="271">
                  <c:v>1.3713160000000002</c:v>
                </c:pt>
                <c:pt idx="272">
                  <c:v>1.3763199999999998</c:v>
                </c:pt>
                <c:pt idx="273">
                  <c:v>1.3813250000000004</c:v>
                </c:pt>
                <c:pt idx="274">
                  <c:v>1.3863299999999992</c:v>
                </c:pt>
                <c:pt idx="275">
                  <c:v>1.3913349999999998</c:v>
                </c:pt>
                <c:pt idx="276">
                  <c:v>1.3963400000000004</c:v>
                </c:pt>
                <c:pt idx="277">
                  <c:v>1.4013439999999999</c:v>
                </c:pt>
                <c:pt idx="278">
                  <c:v>1.4063490000000005</c:v>
                </c:pt>
                <c:pt idx="279">
                  <c:v>1.4113539999999993</c:v>
                </c:pt>
                <c:pt idx="280">
                  <c:v>1.4163589999999999</c:v>
                </c:pt>
                <c:pt idx="281">
                  <c:v>1.4213640000000005</c:v>
                </c:pt>
                <c:pt idx="282">
                  <c:v>1.4263680000000001</c:v>
                </c:pt>
                <c:pt idx="283">
                  <c:v>1.4313729999999989</c:v>
                </c:pt>
                <c:pt idx="284">
                  <c:v>1.4363779999999995</c:v>
                </c:pt>
                <c:pt idx="285">
                  <c:v>1.4413830000000001</c:v>
                </c:pt>
                <c:pt idx="286">
                  <c:v>1.4463879999999989</c:v>
                </c:pt>
                <c:pt idx="287">
                  <c:v>1.4513920000000002</c:v>
                </c:pt>
                <c:pt idx="288">
                  <c:v>1.4563969999999991</c:v>
                </c:pt>
                <c:pt idx="289">
                  <c:v>1.4614019999999996</c:v>
                </c:pt>
                <c:pt idx="290">
                  <c:v>1.4664070000000002</c:v>
                </c:pt>
                <c:pt idx="291">
                  <c:v>1.4714119999999991</c:v>
                </c:pt>
                <c:pt idx="292">
                  <c:v>1.4764160000000004</c:v>
                </c:pt>
                <c:pt idx="293">
                  <c:v>1.4814209999999992</c:v>
                </c:pt>
                <c:pt idx="294">
                  <c:v>1.4864259999999998</c:v>
                </c:pt>
                <c:pt idx="295">
                  <c:v>1.4914310000000004</c:v>
                </c:pt>
                <c:pt idx="296">
                  <c:v>1.4964359999999992</c:v>
                </c:pt>
                <c:pt idx="297">
                  <c:v>1.5014400000000006</c:v>
                </c:pt>
                <c:pt idx="298">
                  <c:v>1.5064449999999994</c:v>
                </c:pt>
                <c:pt idx="299">
                  <c:v>1.51145</c:v>
                </c:pt>
                <c:pt idx="300">
                  <c:v>1.5164550000000006</c:v>
                </c:pt>
                <c:pt idx="301">
                  <c:v>1.5214599999999994</c:v>
                </c:pt>
                <c:pt idx="302">
                  <c:v>1.5264639999999989</c:v>
                </c:pt>
                <c:pt idx="303">
                  <c:v>1.5314689999999995</c:v>
                </c:pt>
                <c:pt idx="304">
                  <c:v>1.5364740000000001</c:v>
                </c:pt>
                <c:pt idx="305">
                  <c:v>1.5414789999999989</c:v>
                </c:pt>
                <c:pt idx="306">
                  <c:v>1.5464839999999995</c:v>
                </c:pt>
                <c:pt idx="307">
                  <c:v>1.5514879999999991</c:v>
                </c:pt>
                <c:pt idx="308">
                  <c:v>1.5564929999999997</c:v>
                </c:pt>
                <c:pt idx="309">
                  <c:v>1.5614980000000003</c:v>
                </c:pt>
                <c:pt idx="310">
                  <c:v>1.5665029999999991</c:v>
                </c:pt>
                <c:pt idx="311">
                  <c:v>1.5715079999999997</c:v>
                </c:pt>
                <c:pt idx="312">
                  <c:v>1.5765119999999992</c:v>
                </c:pt>
                <c:pt idx="313">
                  <c:v>1.5815169999999998</c:v>
                </c:pt>
                <c:pt idx="314">
                  <c:v>1.5865220000000004</c:v>
                </c:pt>
                <c:pt idx="315">
                  <c:v>1.5915269999999992</c:v>
                </c:pt>
                <c:pt idx="316">
                  <c:v>1.5965319999999998</c:v>
                </c:pt>
                <c:pt idx="317">
                  <c:v>1.6015359999999994</c:v>
                </c:pt>
                <c:pt idx="318">
                  <c:v>1.606541</c:v>
                </c:pt>
                <c:pt idx="319">
                  <c:v>1.6115460000000006</c:v>
                </c:pt>
                <c:pt idx="320">
                  <c:v>1.6165509999999994</c:v>
                </c:pt>
                <c:pt idx="321">
                  <c:v>1.621556</c:v>
                </c:pt>
                <c:pt idx="322">
                  <c:v>1.6265599999999996</c:v>
                </c:pt>
                <c:pt idx="323">
                  <c:v>1.6315650000000002</c:v>
                </c:pt>
                <c:pt idx="324">
                  <c:v>1.636569999999999</c:v>
                </c:pt>
                <c:pt idx="325">
                  <c:v>1.6415749999999996</c:v>
                </c:pt>
                <c:pt idx="326">
                  <c:v>1.6465800000000002</c:v>
                </c:pt>
                <c:pt idx="327">
                  <c:v>1.6515839999999997</c:v>
                </c:pt>
                <c:pt idx="328">
                  <c:v>1.6565890000000003</c:v>
                </c:pt>
                <c:pt idx="329">
                  <c:v>1.6615939999999991</c:v>
                </c:pt>
                <c:pt idx="330">
                  <c:v>1.6665989999999997</c:v>
                </c:pt>
                <c:pt idx="331">
                  <c:v>1.6716040000000003</c:v>
                </c:pt>
                <c:pt idx="332">
                  <c:v>1.6766079999999999</c:v>
                </c:pt>
                <c:pt idx="333">
                  <c:v>1.6816130000000005</c:v>
                </c:pt>
                <c:pt idx="334">
                  <c:v>1.6866179999999993</c:v>
                </c:pt>
                <c:pt idx="335">
                  <c:v>1.6916229999999999</c:v>
                </c:pt>
                <c:pt idx="336">
                  <c:v>1.6966280000000005</c:v>
                </c:pt>
                <c:pt idx="337">
                  <c:v>1.701632</c:v>
                </c:pt>
                <c:pt idx="338">
                  <c:v>1.7066369999999988</c:v>
                </c:pt>
                <c:pt idx="339">
                  <c:v>1.7116419999999994</c:v>
                </c:pt>
                <c:pt idx="340">
                  <c:v>1.716647</c:v>
                </c:pt>
                <c:pt idx="341">
                  <c:v>1.7216519999999988</c:v>
                </c:pt>
                <c:pt idx="342">
                  <c:v>1.7266560000000002</c:v>
                </c:pt>
                <c:pt idx="343">
                  <c:v>1.731660999999999</c:v>
                </c:pt>
                <c:pt idx="344">
                  <c:v>1.7366659999999996</c:v>
                </c:pt>
                <c:pt idx="345">
                  <c:v>1.7416710000000002</c:v>
                </c:pt>
                <c:pt idx="346">
                  <c:v>1.746675999999999</c:v>
                </c:pt>
                <c:pt idx="347">
                  <c:v>1.7516800000000003</c:v>
                </c:pt>
                <c:pt idx="348">
                  <c:v>1.7566849999999992</c:v>
                </c:pt>
                <c:pt idx="349">
                  <c:v>1.7616899999999998</c:v>
                </c:pt>
                <c:pt idx="350">
                  <c:v>1.7666950000000003</c:v>
                </c:pt>
                <c:pt idx="351">
                  <c:v>1.7716999999999992</c:v>
                </c:pt>
                <c:pt idx="352">
                  <c:v>1.7767040000000005</c:v>
                </c:pt>
                <c:pt idx="353">
                  <c:v>1.7817089999999993</c:v>
                </c:pt>
                <c:pt idx="354">
                  <c:v>1.7867139999999999</c:v>
                </c:pt>
                <c:pt idx="355">
                  <c:v>1.7917190000000005</c:v>
                </c:pt>
                <c:pt idx="356">
                  <c:v>1.7967239999999993</c:v>
                </c:pt>
                <c:pt idx="357">
                  <c:v>1.8017279999999989</c:v>
                </c:pt>
                <c:pt idx="358">
                  <c:v>1.8067329999999995</c:v>
                </c:pt>
                <c:pt idx="359">
                  <c:v>1.8117380000000001</c:v>
                </c:pt>
                <c:pt idx="360">
                  <c:v>1.8167429999999989</c:v>
                </c:pt>
                <c:pt idx="361">
                  <c:v>1.8217479999999995</c:v>
                </c:pt>
                <c:pt idx="362">
                  <c:v>1.826751999999999</c:v>
                </c:pt>
                <c:pt idx="363">
                  <c:v>1.8317569999999996</c:v>
                </c:pt>
                <c:pt idx="364">
                  <c:v>1.8367620000000002</c:v>
                </c:pt>
                <c:pt idx="365">
                  <c:v>1.841766999999999</c:v>
                </c:pt>
                <c:pt idx="366">
                  <c:v>1.8467719999999996</c:v>
                </c:pt>
                <c:pt idx="367">
                  <c:v>1.8517759999999992</c:v>
                </c:pt>
                <c:pt idx="368">
                  <c:v>1.8567809999999998</c:v>
                </c:pt>
                <c:pt idx="369">
                  <c:v>1.8617860000000004</c:v>
                </c:pt>
                <c:pt idx="370">
                  <c:v>1.8667909999999992</c:v>
                </c:pt>
                <c:pt idx="371">
                  <c:v>1.8717959999999998</c:v>
                </c:pt>
                <c:pt idx="372">
                  <c:v>1.8767999999999994</c:v>
                </c:pt>
                <c:pt idx="373">
                  <c:v>1.8818049999999999</c:v>
                </c:pt>
                <c:pt idx="374">
                  <c:v>1.8868100000000005</c:v>
                </c:pt>
                <c:pt idx="375">
                  <c:v>1.8918149999999994</c:v>
                </c:pt>
                <c:pt idx="376">
                  <c:v>1.89682</c:v>
                </c:pt>
                <c:pt idx="377">
                  <c:v>1.9018239999999995</c:v>
                </c:pt>
                <c:pt idx="378">
                  <c:v>1.9068290000000001</c:v>
                </c:pt>
                <c:pt idx="379">
                  <c:v>1.9118339999999989</c:v>
                </c:pt>
                <c:pt idx="380">
                  <c:v>1.9168389999999995</c:v>
                </c:pt>
                <c:pt idx="381">
                  <c:v>1.9218440000000001</c:v>
                </c:pt>
                <c:pt idx="382">
                  <c:v>1.9268479999999997</c:v>
                </c:pt>
                <c:pt idx="383">
                  <c:v>1.9318530000000003</c:v>
                </c:pt>
                <c:pt idx="384">
                  <c:v>1.9368579999999991</c:v>
                </c:pt>
                <c:pt idx="385">
                  <c:v>1.9418629999999997</c:v>
                </c:pt>
                <c:pt idx="386">
                  <c:v>1.9468680000000003</c:v>
                </c:pt>
                <c:pt idx="387">
                  <c:v>1.9518719999999998</c:v>
                </c:pt>
                <c:pt idx="388">
                  <c:v>1.9568770000000004</c:v>
                </c:pt>
                <c:pt idx="389">
                  <c:v>1.9618819999999992</c:v>
                </c:pt>
                <c:pt idx="390">
                  <c:v>1.9668869999999998</c:v>
                </c:pt>
                <c:pt idx="391">
                  <c:v>1.9718920000000004</c:v>
                </c:pt>
                <c:pt idx="392">
                  <c:v>1.976896</c:v>
                </c:pt>
                <c:pt idx="393">
                  <c:v>1.9819010000000006</c:v>
                </c:pt>
                <c:pt idx="394">
                  <c:v>1.9869059999999994</c:v>
                </c:pt>
                <c:pt idx="395">
                  <c:v>1.991911</c:v>
                </c:pt>
                <c:pt idx="396">
                  <c:v>1.9969160000000006</c:v>
                </c:pt>
                <c:pt idx="397">
                  <c:v>2.0019200000000001</c:v>
                </c:pt>
                <c:pt idx="398">
                  <c:v>2.006924999999999</c:v>
                </c:pt>
                <c:pt idx="399">
                  <c:v>2.0119299999999996</c:v>
                </c:pt>
                <c:pt idx="400">
                  <c:v>2.0169350000000001</c:v>
                </c:pt>
                <c:pt idx="401">
                  <c:v>2.021939999999999</c:v>
                </c:pt>
                <c:pt idx="402">
                  <c:v>2.0269440000000003</c:v>
                </c:pt>
                <c:pt idx="403">
                  <c:v>2.0319489999999991</c:v>
                </c:pt>
                <c:pt idx="404">
                  <c:v>2.0369539999999997</c:v>
                </c:pt>
                <c:pt idx="405">
                  <c:v>2.0419590000000003</c:v>
                </c:pt>
                <c:pt idx="406">
                  <c:v>2.0469639999999991</c:v>
                </c:pt>
                <c:pt idx="407">
                  <c:v>2.0519680000000005</c:v>
                </c:pt>
                <c:pt idx="408">
                  <c:v>2.0569729999999993</c:v>
                </c:pt>
                <c:pt idx="409">
                  <c:v>2.0619779999999999</c:v>
                </c:pt>
                <c:pt idx="410">
                  <c:v>2.0669830000000005</c:v>
                </c:pt>
                <c:pt idx="411">
                  <c:v>2.0719879999999993</c:v>
                </c:pt>
              </c:numCache>
            </c:numRef>
          </c:xVal>
          <c:yVal>
            <c:numRef>
              <c:f>'Multi-20-15s(11)'!$F$5:$F$416</c:f>
              <c:numCache>
                <c:formatCode>General</c:formatCode>
                <c:ptCount val="412"/>
                <c:pt idx="0">
                  <c:v>7.7278897876476085E-2</c:v>
                </c:pt>
                <c:pt idx="1">
                  <c:v>0.11384085879148702</c:v>
                </c:pt>
                <c:pt idx="2">
                  <c:v>0.13296396522896053</c:v>
                </c:pt>
                <c:pt idx="3">
                  <c:v>0.15383826268677189</c:v>
                </c:pt>
                <c:pt idx="4">
                  <c:v>0.17097849245638744</c:v>
                </c:pt>
                <c:pt idx="5">
                  <c:v>0.19034094790208739</c:v>
                </c:pt>
                <c:pt idx="6">
                  <c:v>0.20882491440737758</c:v>
                </c:pt>
                <c:pt idx="7">
                  <c:v>0.22452036390508021</c:v>
                </c:pt>
                <c:pt idx="8">
                  <c:v>0.23115374405583425</c:v>
                </c:pt>
                <c:pt idx="9">
                  <c:v>0.23544487127513639</c:v>
                </c:pt>
                <c:pt idx="10">
                  <c:v>0.23271134913263591</c:v>
                </c:pt>
                <c:pt idx="11">
                  <c:v>0.22395495788752368</c:v>
                </c:pt>
                <c:pt idx="12">
                  <c:v>0.2175697701933357</c:v>
                </c:pt>
                <c:pt idx="13">
                  <c:v>0.20703380351141132</c:v>
                </c:pt>
                <c:pt idx="14">
                  <c:v>0.19558863444593791</c:v>
                </c:pt>
                <c:pt idx="15">
                  <c:v>0.18090561918669099</c:v>
                </c:pt>
                <c:pt idx="16">
                  <c:v>0.1645185712468534</c:v>
                </c:pt>
                <c:pt idx="17">
                  <c:v>0.14881299577593535</c:v>
                </c:pt>
                <c:pt idx="18">
                  <c:v>0.13543461484430255</c:v>
                </c:pt>
                <c:pt idx="19">
                  <c:v>0.12642125302229881</c:v>
                </c:pt>
                <c:pt idx="20">
                  <c:v>0.11906402338302687</c:v>
                </c:pt>
                <c:pt idx="21">
                  <c:v>0.11209192896518923</c:v>
                </c:pt>
                <c:pt idx="22">
                  <c:v>0.10771452874140723</c:v>
                </c:pt>
                <c:pt idx="23">
                  <c:v>0.10471334760161177</c:v>
                </c:pt>
                <c:pt idx="24">
                  <c:v>0.10175602219679419</c:v>
                </c:pt>
                <c:pt idx="25">
                  <c:v>0.10151692646788421</c:v>
                </c:pt>
                <c:pt idx="26">
                  <c:v>0.1000221187125537</c:v>
                </c:pt>
                <c:pt idx="27">
                  <c:v>9.9117250194120946E-2</c:v>
                </c:pt>
                <c:pt idx="28">
                  <c:v>9.9851613591038779E-2</c:v>
                </c:pt>
                <c:pt idx="29">
                  <c:v>0.10224612295306432</c:v>
                </c:pt>
                <c:pt idx="30">
                  <c:v>0.10451879666148715</c:v>
                </c:pt>
                <c:pt idx="31">
                  <c:v>0.10487321836144614</c:v>
                </c:pt>
                <c:pt idx="32">
                  <c:v>0.10634253950070599</c:v>
                </c:pt>
                <c:pt idx="33">
                  <c:v>0.10898253283318519</c:v>
                </c:pt>
                <c:pt idx="34">
                  <c:v>0.10850321996253809</c:v>
                </c:pt>
                <c:pt idx="35">
                  <c:v>0.10544027635042433</c:v>
                </c:pt>
                <c:pt idx="36">
                  <c:v>0.10195833237570348</c:v>
                </c:pt>
                <c:pt idx="37">
                  <c:v>9.7311580481081475E-2</c:v>
                </c:pt>
                <c:pt idx="38">
                  <c:v>9.2790400335043127E-2</c:v>
                </c:pt>
                <c:pt idx="39">
                  <c:v>8.9373732305610326E-2</c:v>
                </c:pt>
                <c:pt idx="40">
                  <c:v>8.6706402790834414E-2</c:v>
                </c:pt>
                <c:pt idx="41">
                  <c:v>8.4072321700972327E-2</c:v>
                </c:pt>
                <c:pt idx="42">
                  <c:v>8.1090080074184542E-2</c:v>
                </c:pt>
                <c:pt idx="43">
                  <c:v>7.7312069689592394E-2</c:v>
                </c:pt>
                <c:pt idx="44">
                  <c:v>7.3429929522387902E-2</c:v>
                </c:pt>
                <c:pt idx="45">
                  <c:v>7.0383222621602307E-2</c:v>
                </c:pt>
                <c:pt idx="46">
                  <c:v>6.8816902108030362E-2</c:v>
                </c:pt>
                <c:pt idx="47">
                  <c:v>6.7720460527058782E-2</c:v>
                </c:pt>
                <c:pt idx="48">
                  <c:v>6.8637900999619764E-2</c:v>
                </c:pt>
                <c:pt idx="49">
                  <c:v>7.0458063767316503E-2</c:v>
                </c:pt>
                <c:pt idx="50">
                  <c:v>7.3914344779136235E-2</c:v>
                </c:pt>
                <c:pt idx="51">
                  <c:v>7.8183324113470704E-2</c:v>
                </c:pt>
                <c:pt idx="52">
                  <c:v>8.4344860279816955E-2</c:v>
                </c:pt>
                <c:pt idx="53">
                  <c:v>9.1195808910451218E-2</c:v>
                </c:pt>
                <c:pt idx="54">
                  <c:v>9.388325484759738E-2</c:v>
                </c:pt>
                <c:pt idx="55">
                  <c:v>9.4882918933876667E-2</c:v>
                </c:pt>
                <c:pt idx="56">
                  <c:v>9.6145099858036709E-2</c:v>
                </c:pt>
                <c:pt idx="57">
                  <c:v>9.4378464312314753E-2</c:v>
                </c:pt>
                <c:pt idx="58">
                  <c:v>9.0938660168067911E-2</c:v>
                </c:pt>
                <c:pt idx="59">
                  <c:v>8.3392558464169084E-2</c:v>
                </c:pt>
                <c:pt idx="60">
                  <c:v>7.586295128929374E-2</c:v>
                </c:pt>
                <c:pt idx="61">
                  <c:v>6.8812761278856258E-2</c:v>
                </c:pt>
                <c:pt idx="62">
                  <c:v>6.2560834492754153E-2</c:v>
                </c:pt>
                <c:pt idx="63">
                  <c:v>5.8237868630489541E-2</c:v>
                </c:pt>
                <c:pt idx="64">
                  <c:v>5.6057513528852528E-2</c:v>
                </c:pt>
                <c:pt idx="65">
                  <c:v>5.6647900278029649E-2</c:v>
                </c:pt>
                <c:pt idx="66">
                  <c:v>5.9040838207561487E-2</c:v>
                </c:pt>
                <c:pt idx="67">
                  <c:v>6.0496914618198089E-2</c:v>
                </c:pt>
                <c:pt idx="68">
                  <c:v>6.2105017420274577E-2</c:v>
                </c:pt>
                <c:pt idx="69">
                  <c:v>6.4656040714682769E-2</c:v>
                </c:pt>
                <c:pt idx="70">
                  <c:v>6.7829111177222928E-2</c:v>
                </c:pt>
                <c:pt idx="71">
                  <c:v>6.8065267185270104E-2</c:v>
                </c:pt>
                <c:pt idx="72">
                  <c:v>6.7703690225973015E-2</c:v>
                </c:pt>
                <c:pt idx="73">
                  <c:v>6.9667974709440431E-2</c:v>
                </c:pt>
                <c:pt idx="74">
                  <c:v>7.2558543008088214E-2</c:v>
                </c:pt>
                <c:pt idx="75">
                  <c:v>7.4782328129734302E-2</c:v>
                </c:pt>
                <c:pt idx="76">
                  <c:v>7.765099114568691E-2</c:v>
                </c:pt>
                <c:pt idx="77">
                  <c:v>7.8479420855386992E-2</c:v>
                </c:pt>
                <c:pt idx="78">
                  <c:v>7.6144864999714054E-2</c:v>
                </c:pt>
                <c:pt idx="79">
                  <c:v>7.6667363175751374E-2</c:v>
                </c:pt>
                <c:pt idx="80">
                  <c:v>7.739693139485096E-2</c:v>
                </c:pt>
                <c:pt idx="81">
                  <c:v>7.5304896336071833E-2</c:v>
                </c:pt>
                <c:pt idx="82">
                  <c:v>7.4610181016132579E-2</c:v>
                </c:pt>
                <c:pt idx="83">
                  <c:v>7.4826188714344266E-2</c:v>
                </c:pt>
                <c:pt idx="84">
                  <c:v>7.3720895156743779E-2</c:v>
                </c:pt>
                <c:pt idx="85">
                  <c:v>6.9641751567675242E-2</c:v>
                </c:pt>
                <c:pt idx="86">
                  <c:v>6.4184560504770963E-2</c:v>
                </c:pt>
                <c:pt idx="87">
                  <c:v>6.0479831521774677E-2</c:v>
                </c:pt>
                <c:pt idx="88">
                  <c:v>5.7593498569793761E-2</c:v>
                </c:pt>
                <c:pt idx="89">
                  <c:v>5.6970441924589305E-2</c:v>
                </c:pt>
                <c:pt idx="90">
                  <c:v>5.6956774678857465E-2</c:v>
                </c:pt>
                <c:pt idx="91">
                  <c:v>5.7015063578980521E-2</c:v>
                </c:pt>
                <c:pt idx="92">
                  <c:v>5.5174738816205993E-2</c:v>
                </c:pt>
                <c:pt idx="93">
                  <c:v>5.572035290743018E-2</c:v>
                </c:pt>
                <c:pt idx="94">
                  <c:v>5.821404144561259E-2</c:v>
                </c:pt>
                <c:pt idx="95">
                  <c:v>5.9631161104369002E-2</c:v>
                </c:pt>
                <c:pt idx="96">
                  <c:v>5.9056907276196925E-2</c:v>
                </c:pt>
                <c:pt idx="97">
                  <c:v>5.8668720828780323E-2</c:v>
                </c:pt>
                <c:pt idx="98">
                  <c:v>5.8663817816296648E-2</c:v>
                </c:pt>
                <c:pt idx="99">
                  <c:v>6.1045900471570026E-2</c:v>
                </c:pt>
                <c:pt idx="100">
                  <c:v>6.2990362991271365E-2</c:v>
                </c:pt>
                <c:pt idx="101">
                  <c:v>6.2538852020562974E-2</c:v>
                </c:pt>
                <c:pt idx="102">
                  <c:v>6.1692496710625787E-2</c:v>
                </c:pt>
                <c:pt idx="103">
                  <c:v>6.1853788299124877E-2</c:v>
                </c:pt>
                <c:pt idx="104">
                  <c:v>6.1443472369577444E-2</c:v>
                </c:pt>
                <c:pt idx="105">
                  <c:v>5.9019898680278765E-2</c:v>
                </c:pt>
                <c:pt idx="106">
                  <c:v>5.6144777242925208E-2</c:v>
                </c:pt>
                <c:pt idx="107">
                  <c:v>5.2472259548421961E-2</c:v>
                </c:pt>
                <c:pt idx="108">
                  <c:v>5.0070063240470086E-2</c:v>
                </c:pt>
                <c:pt idx="109">
                  <c:v>4.8462527925156984E-2</c:v>
                </c:pt>
                <c:pt idx="110">
                  <c:v>4.6966300652649645E-2</c:v>
                </c:pt>
                <c:pt idx="111">
                  <c:v>4.5391609124235649E-2</c:v>
                </c:pt>
                <c:pt idx="112">
                  <c:v>4.5220872351333749E-2</c:v>
                </c:pt>
                <c:pt idx="113">
                  <c:v>4.5664529820965985E-2</c:v>
                </c:pt>
                <c:pt idx="114">
                  <c:v>4.6078989392506452E-2</c:v>
                </c:pt>
                <c:pt idx="115">
                  <c:v>4.6451103393633855E-2</c:v>
                </c:pt>
                <c:pt idx="116">
                  <c:v>4.7079661758119423E-2</c:v>
                </c:pt>
                <c:pt idx="117">
                  <c:v>4.8127330847927786E-2</c:v>
                </c:pt>
                <c:pt idx="118">
                  <c:v>4.8458576667216369E-2</c:v>
                </c:pt>
                <c:pt idx="119">
                  <c:v>4.8441316749063275E-2</c:v>
                </c:pt>
                <c:pt idx="120">
                  <c:v>4.8173124840998102E-2</c:v>
                </c:pt>
                <c:pt idx="121">
                  <c:v>4.8189392827937154E-2</c:v>
                </c:pt>
                <c:pt idx="122">
                  <c:v>4.7742609078713485E-2</c:v>
                </c:pt>
                <c:pt idx="123">
                  <c:v>4.6971123444822495E-2</c:v>
                </c:pt>
                <c:pt idx="124">
                  <c:v>4.5834096412688957E-2</c:v>
                </c:pt>
                <c:pt idx="125">
                  <c:v>4.4949335178474076E-2</c:v>
                </c:pt>
                <c:pt idx="126">
                  <c:v>4.4116062275253803E-2</c:v>
                </c:pt>
                <c:pt idx="127">
                  <c:v>4.3534352093041073E-2</c:v>
                </c:pt>
                <c:pt idx="128">
                  <c:v>4.2925297718361288E-2</c:v>
                </c:pt>
                <c:pt idx="129">
                  <c:v>4.2354368213111837E-2</c:v>
                </c:pt>
                <c:pt idx="130">
                  <c:v>4.2325247922065344E-2</c:v>
                </c:pt>
                <c:pt idx="131">
                  <c:v>4.2182425758094312E-2</c:v>
                </c:pt>
                <c:pt idx="132">
                  <c:v>4.20046756951305E-2</c:v>
                </c:pt>
                <c:pt idx="133">
                  <c:v>4.1878093230006387E-2</c:v>
                </c:pt>
                <c:pt idx="134">
                  <c:v>4.2335726601446022E-2</c:v>
                </c:pt>
                <c:pt idx="135">
                  <c:v>4.26427811112913E-2</c:v>
                </c:pt>
                <c:pt idx="136">
                  <c:v>4.2782627815194423E-2</c:v>
                </c:pt>
                <c:pt idx="137">
                  <c:v>4.3065428087996759E-2</c:v>
                </c:pt>
                <c:pt idx="138">
                  <c:v>4.2906495065561934E-2</c:v>
                </c:pt>
                <c:pt idx="139">
                  <c:v>4.2937859312510658E-2</c:v>
                </c:pt>
                <c:pt idx="140">
                  <c:v>4.2799129945698705E-2</c:v>
                </c:pt>
                <c:pt idx="141">
                  <c:v>4.2239373004657459E-2</c:v>
                </c:pt>
                <c:pt idx="142">
                  <c:v>4.1679250511635374E-2</c:v>
                </c:pt>
                <c:pt idx="143">
                  <c:v>4.111915892011004E-2</c:v>
                </c:pt>
                <c:pt idx="144">
                  <c:v>4.0688047400629021E-2</c:v>
                </c:pt>
                <c:pt idx="145">
                  <c:v>4.0042666426163352E-2</c:v>
                </c:pt>
                <c:pt idx="146">
                  <c:v>3.8899878712613897E-2</c:v>
                </c:pt>
                <c:pt idx="147">
                  <c:v>3.7793724420618006E-2</c:v>
                </c:pt>
                <c:pt idx="148">
                  <c:v>3.7035344349669347E-2</c:v>
                </c:pt>
                <c:pt idx="149">
                  <c:v>3.6026301503149304E-2</c:v>
                </c:pt>
                <c:pt idx="150">
                  <c:v>3.5625097143966958E-2</c:v>
                </c:pt>
                <c:pt idx="151">
                  <c:v>3.5185358864047306E-2</c:v>
                </c:pt>
                <c:pt idx="152">
                  <c:v>3.5110311679217854E-2</c:v>
                </c:pt>
                <c:pt idx="153">
                  <c:v>3.5402715991830307E-2</c:v>
                </c:pt>
                <c:pt idx="154">
                  <c:v>3.5968963120786464E-2</c:v>
                </c:pt>
                <c:pt idx="155">
                  <c:v>3.6527645719198192E-2</c:v>
                </c:pt>
                <c:pt idx="156">
                  <c:v>3.7384769698362033E-2</c:v>
                </c:pt>
                <c:pt idx="157">
                  <c:v>3.8557657679316223E-2</c:v>
                </c:pt>
                <c:pt idx="158">
                  <c:v>3.9358920860976886E-2</c:v>
                </c:pt>
                <c:pt idx="159">
                  <c:v>3.9517157502283441E-2</c:v>
                </c:pt>
                <c:pt idx="160">
                  <c:v>3.9718658925231937E-2</c:v>
                </c:pt>
                <c:pt idx="161">
                  <c:v>3.94867916005626E-2</c:v>
                </c:pt>
                <c:pt idx="162">
                  <c:v>3.8873981462703273E-2</c:v>
                </c:pt>
                <c:pt idx="163">
                  <c:v>3.8271004716973915E-2</c:v>
                </c:pt>
                <c:pt idx="164">
                  <c:v>3.7226046109701441E-2</c:v>
                </c:pt>
                <c:pt idx="165">
                  <c:v>3.6047512161475892E-2</c:v>
                </c:pt>
                <c:pt idx="166">
                  <c:v>3.4835231273951904E-2</c:v>
                </c:pt>
                <c:pt idx="167">
                  <c:v>3.3761279037034977E-2</c:v>
                </c:pt>
                <c:pt idx="168">
                  <c:v>3.3161135137043274E-2</c:v>
                </c:pt>
                <c:pt idx="169">
                  <c:v>3.2798605988745497E-2</c:v>
                </c:pt>
                <c:pt idx="170">
                  <c:v>3.2371829916135061E-2</c:v>
                </c:pt>
                <c:pt idx="171">
                  <c:v>3.1524440178997429E-2</c:v>
                </c:pt>
                <c:pt idx="172">
                  <c:v>3.0724670058140242E-2</c:v>
                </c:pt>
                <c:pt idx="173">
                  <c:v>3.0216887033827387E-2</c:v>
                </c:pt>
                <c:pt idx="174">
                  <c:v>2.9832533225587047E-2</c:v>
                </c:pt>
                <c:pt idx="175">
                  <c:v>2.9690419539982457E-2</c:v>
                </c:pt>
                <c:pt idx="176">
                  <c:v>2.9614463554735154E-2</c:v>
                </c:pt>
                <c:pt idx="177">
                  <c:v>2.955371167304514E-2</c:v>
                </c:pt>
                <c:pt idx="178">
                  <c:v>2.9587796165791838E-2</c:v>
                </c:pt>
                <c:pt idx="179">
                  <c:v>3.020853056288585E-2</c:v>
                </c:pt>
                <c:pt idx="180">
                  <c:v>3.0998963621127001E-2</c:v>
                </c:pt>
                <c:pt idx="181">
                  <c:v>3.1596724522662815E-2</c:v>
                </c:pt>
                <c:pt idx="182">
                  <c:v>3.1793682928234916E-2</c:v>
                </c:pt>
                <c:pt idx="183">
                  <c:v>3.2479285882814693E-2</c:v>
                </c:pt>
                <c:pt idx="184">
                  <c:v>3.3390592606589539E-2</c:v>
                </c:pt>
                <c:pt idx="185">
                  <c:v>3.3604858171661603E-2</c:v>
                </c:pt>
                <c:pt idx="186">
                  <c:v>3.3473325866247745E-2</c:v>
                </c:pt>
                <c:pt idx="187">
                  <c:v>3.3157075070648717E-2</c:v>
                </c:pt>
                <c:pt idx="188">
                  <c:v>3.2721399145757987E-2</c:v>
                </c:pt>
                <c:pt idx="189">
                  <c:v>3.2403664425461921E-2</c:v>
                </c:pt>
                <c:pt idx="190">
                  <c:v>3.1623564828096015E-2</c:v>
                </c:pt>
                <c:pt idx="191">
                  <c:v>3.0475007663327062E-2</c:v>
                </c:pt>
                <c:pt idx="192">
                  <c:v>2.9607766306640682E-2</c:v>
                </c:pt>
                <c:pt idx="193">
                  <c:v>2.8429722042824675E-2</c:v>
                </c:pt>
                <c:pt idx="194">
                  <c:v>2.7450664176862732E-2</c:v>
                </c:pt>
                <c:pt idx="195">
                  <c:v>2.7229178882565985E-2</c:v>
                </c:pt>
                <c:pt idx="196">
                  <c:v>2.7242324090170959E-2</c:v>
                </c:pt>
                <c:pt idx="197">
                  <c:v>2.7182150945666093E-2</c:v>
                </c:pt>
                <c:pt idx="198">
                  <c:v>2.729788102576719E-2</c:v>
                </c:pt>
                <c:pt idx="199">
                  <c:v>2.7895705992274481E-2</c:v>
                </c:pt>
                <c:pt idx="200">
                  <c:v>2.899784211042802E-2</c:v>
                </c:pt>
                <c:pt idx="201">
                  <c:v>2.982358910414673E-2</c:v>
                </c:pt>
                <c:pt idx="202">
                  <c:v>3.026310656427313E-2</c:v>
                </c:pt>
                <c:pt idx="203">
                  <c:v>3.0436432113231153E-2</c:v>
                </c:pt>
                <c:pt idx="204">
                  <c:v>3.011000748184851E-2</c:v>
                </c:pt>
                <c:pt idx="205">
                  <c:v>2.9489317553948766E-2</c:v>
                </c:pt>
                <c:pt idx="206">
                  <c:v>2.9018433346506313E-2</c:v>
                </c:pt>
                <c:pt idx="207">
                  <c:v>2.8944944583454563E-2</c:v>
                </c:pt>
                <c:pt idx="208">
                  <c:v>2.8348424943408876E-2</c:v>
                </c:pt>
                <c:pt idx="209">
                  <c:v>2.7430335564279575E-2</c:v>
                </c:pt>
                <c:pt idx="210">
                  <c:v>2.7024867687366175E-2</c:v>
                </c:pt>
                <c:pt idx="211">
                  <c:v>2.6880471796163836E-2</c:v>
                </c:pt>
                <c:pt idx="212">
                  <c:v>2.6867573233614824E-2</c:v>
                </c:pt>
                <c:pt idx="213">
                  <c:v>2.689202405831536E-2</c:v>
                </c:pt>
                <c:pt idx="214">
                  <c:v>2.7259635316573785E-2</c:v>
                </c:pt>
                <c:pt idx="215">
                  <c:v>2.7553134194138042E-2</c:v>
                </c:pt>
                <c:pt idx="216">
                  <c:v>2.8081468042357626E-2</c:v>
                </c:pt>
                <c:pt idx="217">
                  <c:v>2.8155596823831747E-2</c:v>
                </c:pt>
                <c:pt idx="218">
                  <c:v>2.8113336522188507E-2</c:v>
                </c:pt>
                <c:pt idx="219">
                  <c:v>2.8125999970802545E-2</c:v>
                </c:pt>
                <c:pt idx="220">
                  <c:v>2.8019828831399033E-2</c:v>
                </c:pt>
                <c:pt idx="221">
                  <c:v>2.8298826257197884E-2</c:v>
                </c:pt>
                <c:pt idx="222">
                  <c:v>2.8557672748559422E-2</c:v>
                </c:pt>
                <c:pt idx="223">
                  <c:v>2.8507933210389306E-2</c:v>
                </c:pt>
                <c:pt idx="224">
                  <c:v>2.8491298158824268E-2</c:v>
                </c:pt>
                <c:pt idx="225">
                  <c:v>2.8511989881382545E-2</c:v>
                </c:pt>
                <c:pt idx="226">
                  <c:v>2.8476106198735921E-2</c:v>
                </c:pt>
                <c:pt idx="227">
                  <c:v>2.8546353654757339E-2</c:v>
                </c:pt>
                <c:pt idx="228">
                  <c:v>2.859554265362229E-2</c:v>
                </c:pt>
                <c:pt idx="229">
                  <c:v>2.8526742765341544E-2</c:v>
                </c:pt>
                <c:pt idx="230">
                  <c:v>2.8412551362013927E-2</c:v>
                </c:pt>
                <c:pt idx="231">
                  <c:v>2.8068167318981718E-2</c:v>
                </c:pt>
                <c:pt idx="232">
                  <c:v>2.7683711032417516E-2</c:v>
                </c:pt>
                <c:pt idx="233">
                  <c:v>2.7101838129621973E-2</c:v>
                </c:pt>
                <c:pt idx="234">
                  <c:v>2.6631710617509526E-2</c:v>
                </c:pt>
                <c:pt idx="235">
                  <c:v>2.6566313009025018E-2</c:v>
                </c:pt>
                <c:pt idx="236">
                  <c:v>2.6561260116332218E-2</c:v>
                </c:pt>
                <c:pt idx="237">
                  <c:v>2.6764785241987082E-2</c:v>
                </c:pt>
                <c:pt idx="238">
                  <c:v>2.6822075030770984E-2</c:v>
                </c:pt>
                <c:pt idx="239">
                  <c:v>2.7170314599573711E-2</c:v>
                </c:pt>
                <c:pt idx="240">
                  <c:v>2.7551499273449433E-2</c:v>
                </c:pt>
                <c:pt idx="241">
                  <c:v>2.7759645797082649E-2</c:v>
                </c:pt>
                <c:pt idx="242">
                  <c:v>2.7925548905869735E-2</c:v>
                </c:pt>
                <c:pt idx="243">
                  <c:v>2.7849341193556774E-2</c:v>
                </c:pt>
                <c:pt idx="244">
                  <c:v>2.7948216454750818E-2</c:v>
                </c:pt>
                <c:pt idx="245">
                  <c:v>2.7551039988050807E-2</c:v>
                </c:pt>
                <c:pt idx="246">
                  <c:v>2.7159979305111381E-2</c:v>
                </c:pt>
                <c:pt idx="247">
                  <c:v>2.6978591438003741E-2</c:v>
                </c:pt>
                <c:pt idx="248">
                  <c:v>2.6538395251372474E-2</c:v>
                </c:pt>
                <c:pt idx="249">
                  <c:v>2.6367135159209621E-2</c:v>
                </c:pt>
                <c:pt idx="250">
                  <c:v>2.6131490701441711E-2</c:v>
                </c:pt>
                <c:pt idx="251">
                  <c:v>2.581966990676797E-2</c:v>
                </c:pt>
                <c:pt idx="252">
                  <c:v>2.5714112074266885E-2</c:v>
                </c:pt>
                <c:pt idx="253">
                  <c:v>2.5826383914241677E-2</c:v>
                </c:pt>
                <c:pt idx="254">
                  <c:v>2.5857094671402389E-2</c:v>
                </c:pt>
                <c:pt idx="255">
                  <c:v>2.5689175019479791E-2</c:v>
                </c:pt>
                <c:pt idx="256">
                  <c:v>2.5686765857968436E-2</c:v>
                </c:pt>
                <c:pt idx="257">
                  <c:v>2.5652223312914179E-2</c:v>
                </c:pt>
                <c:pt idx="258">
                  <c:v>2.5523443563974523E-2</c:v>
                </c:pt>
                <c:pt idx="259">
                  <c:v>2.5704920079878155E-2</c:v>
                </c:pt>
                <c:pt idx="260">
                  <c:v>2.6085006853138446E-2</c:v>
                </c:pt>
                <c:pt idx="261">
                  <c:v>2.608597956680149E-2</c:v>
                </c:pt>
                <c:pt idx="262">
                  <c:v>2.6238155714756264E-2</c:v>
                </c:pt>
                <c:pt idx="263">
                  <c:v>2.6502259205203896E-2</c:v>
                </c:pt>
                <c:pt idx="264">
                  <c:v>2.6543573750167145E-2</c:v>
                </c:pt>
                <c:pt idx="265">
                  <c:v>2.6490389362439151E-2</c:v>
                </c:pt>
                <c:pt idx="266">
                  <c:v>2.660484286843149E-2</c:v>
                </c:pt>
                <c:pt idx="267">
                  <c:v>2.6698845891483244E-2</c:v>
                </c:pt>
                <c:pt idx="268">
                  <c:v>2.6444730907211739E-2</c:v>
                </c:pt>
                <c:pt idx="269">
                  <c:v>2.5820703565476666E-2</c:v>
                </c:pt>
                <c:pt idx="270">
                  <c:v>2.5296148651783718E-2</c:v>
                </c:pt>
                <c:pt idx="271">
                  <c:v>2.4840510144867597E-2</c:v>
                </c:pt>
                <c:pt idx="272">
                  <c:v>2.4640110569817034E-2</c:v>
                </c:pt>
                <c:pt idx="273">
                  <c:v>2.462332363219082E-2</c:v>
                </c:pt>
                <c:pt idx="274">
                  <c:v>2.4393401324122668E-2</c:v>
                </c:pt>
                <c:pt idx="275">
                  <c:v>2.4293729245757241E-2</c:v>
                </c:pt>
                <c:pt idx="276">
                  <c:v>2.423304284398272E-2</c:v>
                </c:pt>
                <c:pt idx="277">
                  <c:v>2.4170723820976674E-2</c:v>
                </c:pt>
                <c:pt idx="278">
                  <c:v>2.4178815716576089E-2</c:v>
                </c:pt>
                <c:pt idx="279">
                  <c:v>2.4519134681483402E-2</c:v>
                </c:pt>
                <c:pt idx="280">
                  <c:v>2.4877275611872966E-2</c:v>
                </c:pt>
                <c:pt idx="281">
                  <c:v>2.533943686111622E-2</c:v>
                </c:pt>
                <c:pt idx="282">
                  <c:v>2.565734633487363E-2</c:v>
                </c:pt>
                <c:pt idx="283">
                  <c:v>2.5883946025910019E-2</c:v>
                </c:pt>
                <c:pt idx="284">
                  <c:v>2.5994270951881442E-2</c:v>
                </c:pt>
                <c:pt idx="285">
                  <c:v>2.6058725796071928E-2</c:v>
                </c:pt>
                <c:pt idx="286">
                  <c:v>2.5995225265720564E-2</c:v>
                </c:pt>
                <c:pt idx="287">
                  <c:v>2.576691851975697E-2</c:v>
                </c:pt>
                <c:pt idx="288">
                  <c:v>2.5329891760403695E-2</c:v>
                </c:pt>
                <c:pt idx="289">
                  <c:v>2.4794358071310488E-2</c:v>
                </c:pt>
                <c:pt idx="290">
                  <c:v>2.4178452626486817E-2</c:v>
                </c:pt>
                <c:pt idx="291">
                  <c:v>2.3778050898595287E-2</c:v>
                </c:pt>
                <c:pt idx="292">
                  <c:v>2.3559129968387597E-2</c:v>
                </c:pt>
                <c:pt idx="293">
                  <c:v>2.3285665451520363E-2</c:v>
                </c:pt>
                <c:pt idx="294">
                  <c:v>2.319699624193311E-2</c:v>
                </c:pt>
                <c:pt idx="295">
                  <c:v>2.2999005226587158E-2</c:v>
                </c:pt>
                <c:pt idx="296">
                  <c:v>2.2901455161523757E-2</c:v>
                </c:pt>
                <c:pt idx="297">
                  <c:v>2.2937053279029684E-2</c:v>
                </c:pt>
                <c:pt idx="298">
                  <c:v>2.3247709461422766E-2</c:v>
                </c:pt>
                <c:pt idx="299">
                  <c:v>2.3610760930404033E-2</c:v>
                </c:pt>
                <c:pt idx="300">
                  <c:v>2.4065521720159518E-2</c:v>
                </c:pt>
                <c:pt idx="301">
                  <c:v>2.440965600819324E-2</c:v>
                </c:pt>
                <c:pt idx="302">
                  <c:v>2.4536745269625113E-2</c:v>
                </c:pt>
                <c:pt idx="303">
                  <c:v>2.4578291218360252E-2</c:v>
                </c:pt>
                <c:pt idx="304">
                  <c:v>2.4496269692077549E-2</c:v>
                </c:pt>
                <c:pt idx="305">
                  <c:v>2.4456573206752968E-2</c:v>
                </c:pt>
                <c:pt idx="306">
                  <c:v>2.4260438435428633E-2</c:v>
                </c:pt>
                <c:pt idx="307">
                  <c:v>2.4326558063227283E-2</c:v>
                </c:pt>
                <c:pt idx="308">
                  <c:v>2.4565078673508878E-2</c:v>
                </c:pt>
                <c:pt idx="309">
                  <c:v>2.4458740535483782E-2</c:v>
                </c:pt>
                <c:pt idx="310">
                  <c:v>2.4437184871901687E-2</c:v>
                </c:pt>
                <c:pt idx="311">
                  <c:v>2.4551863255991093E-2</c:v>
                </c:pt>
                <c:pt idx="312">
                  <c:v>2.4734396007297706E-2</c:v>
                </c:pt>
                <c:pt idx="313">
                  <c:v>2.4977691292210173E-2</c:v>
                </c:pt>
                <c:pt idx="314">
                  <c:v>2.4778888691548356E-2</c:v>
                </c:pt>
                <c:pt idx="315">
                  <c:v>2.4572018901711255E-2</c:v>
                </c:pt>
                <c:pt idx="316">
                  <c:v>2.4354176897540457E-2</c:v>
                </c:pt>
                <c:pt idx="317">
                  <c:v>2.4157687852664884E-2</c:v>
                </c:pt>
                <c:pt idx="318">
                  <c:v>2.399257196017085E-2</c:v>
                </c:pt>
                <c:pt idx="319">
                  <c:v>2.3577492957315767E-2</c:v>
                </c:pt>
                <c:pt idx="320">
                  <c:v>2.3123499100792821E-2</c:v>
                </c:pt>
                <c:pt idx="321">
                  <c:v>2.2770334158861205E-2</c:v>
                </c:pt>
                <c:pt idx="322">
                  <c:v>2.2602695071970127E-2</c:v>
                </c:pt>
                <c:pt idx="323">
                  <c:v>2.2508152883283492E-2</c:v>
                </c:pt>
                <c:pt idx="324">
                  <c:v>2.2468027974991023E-2</c:v>
                </c:pt>
                <c:pt idx="325">
                  <c:v>2.2371859444295018E-2</c:v>
                </c:pt>
                <c:pt idx="326">
                  <c:v>2.2216653732689037E-2</c:v>
                </c:pt>
                <c:pt idx="327">
                  <c:v>2.216037790479633E-2</c:v>
                </c:pt>
                <c:pt idx="328">
                  <c:v>2.2124798451364228E-2</c:v>
                </c:pt>
                <c:pt idx="329">
                  <c:v>2.1957985178717717E-2</c:v>
                </c:pt>
                <c:pt idx="330">
                  <c:v>2.1907586217038214E-2</c:v>
                </c:pt>
                <c:pt idx="331">
                  <c:v>2.1716624236435875E-2</c:v>
                </c:pt>
                <c:pt idx="332">
                  <c:v>2.1478400861517935E-2</c:v>
                </c:pt>
                <c:pt idx="333">
                  <c:v>2.1346092420100361E-2</c:v>
                </c:pt>
                <c:pt idx="334">
                  <c:v>2.13007020836E-2</c:v>
                </c:pt>
                <c:pt idx="335">
                  <c:v>2.1381781232112949E-2</c:v>
                </c:pt>
                <c:pt idx="336">
                  <c:v>2.1657402906791932E-2</c:v>
                </c:pt>
                <c:pt idx="337">
                  <c:v>2.2009788761391178E-2</c:v>
                </c:pt>
                <c:pt idx="338">
                  <c:v>2.2342363989499948E-2</c:v>
                </c:pt>
                <c:pt idx="339">
                  <c:v>2.2658915826923073E-2</c:v>
                </c:pt>
                <c:pt idx="340">
                  <c:v>2.3148434955996652E-2</c:v>
                </c:pt>
                <c:pt idx="341">
                  <c:v>2.3254366618158693E-2</c:v>
                </c:pt>
                <c:pt idx="342">
                  <c:v>2.3305929051539925E-2</c:v>
                </c:pt>
                <c:pt idx="343">
                  <c:v>2.3195641461419555E-2</c:v>
                </c:pt>
                <c:pt idx="344">
                  <c:v>2.3004134484475872E-2</c:v>
                </c:pt>
                <c:pt idx="345">
                  <c:v>2.2644954065218277E-2</c:v>
                </c:pt>
                <c:pt idx="346">
                  <c:v>2.2092051048047484E-2</c:v>
                </c:pt>
                <c:pt idx="347">
                  <c:v>2.1625439454312001E-2</c:v>
                </c:pt>
                <c:pt idx="348">
                  <c:v>2.1227129077218052E-2</c:v>
                </c:pt>
                <c:pt idx="349">
                  <c:v>2.0750259493362226E-2</c:v>
                </c:pt>
                <c:pt idx="350">
                  <c:v>2.0137270568164587E-2</c:v>
                </c:pt>
                <c:pt idx="351">
                  <c:v>1.9653008389910045E-2</c:v>
                </c:pt>
                <c:pt idx="352">
                  <c:v>1.9473844358023823E-2</c:v>
                </c:pt>
                <c:pt idx="353">
                  <c:v>1.9466983472958041E-2</c:v>
                </c:pt>
                <c:pt idx="354">
                  <c:v>1.9735894523789283E-2</c:v>
                </c:pt>
                <c:pt idx="355">
                  <c:v>1.9995215521491035E-2</c:v>
                </c:pt>
                <c:pt idx="356">
                  <c:v>2.0394544334277707E-2</c:v>
                </c:pt>
                <c:pt idx="357">
                  <c:v>2.0733406884473653E-2</c:v>
                </c:pt>
                <c:pt idx="358">
                  <c:v>2.1155590944856979E-2</c:v>
                </c:pt>
                <c:pt idx="359">
                  <c:v>2.1539412883124019E-2</c:v>
                </c:pt>
                <c:pt idx="360">
                  <c:v>2.1724137244033249E-2</c:v>
                </c:pt>
                <c:pt idx="361">
                  <c:v>2.1881940273650098E-2</c:v>
                </c:pt>
                <c:pt idx="362">
                  <c:v>2.1974775111156961E-2</c:v>
                </c:pt>
                <c:pt idx="363">
                  <c:v>2.2031183926880523E-2</c:v>
                </c:pt>
                <c:pt idx="364">
                  <c:v>2.2032277694108041E-2</c:v>
                </c:pt>
                <c:pt idx="365">
                  <c:v>2.2041593841796488E-2</c:v>
                </c:pt>
                <c:pt idx="366">
                  <c:v>2.2159031454567754E-2</c:v>
                </c:pt>
                <c:pt idx="367">
                  <c:v>2.2048160383159824E-2</c:v>
                </c:pt>
                <c:pt idx="368">
                  <c:v>2.1852820614015556E-2</c:v>
                </c:pt>
                <c:pt idx="369">
                  <c:v>2.1510399982700653E-2</c:v>
                </c:pt>
                <c:pt idx="370">
                  <c:v>2.1068099988091647E-2</c:v>
                </c:pt>
                <c:pt idx="371">
                  <c:v>2.0771623736340995E-2</c:v>
                </c:pt>
                <c:pt idx="372">
                  <c:v>2.0476409916704772E-2</c:v>
                </c:pt>
                <c:pt idx="373">
                  <c:v>1.9999746831493411E-2</c:v>
                </c:pt>
                <c:pt idx="374">
                  <c:v>1.9650952559369186E-2</c:v>
                </c:pt>
                <c:pt idx="375">
                  <c:v>1.9549240066511923E-2</c:v>
                </c:pt>
                <c:pt idx="376">
                  <c:v>1.9570611376072987E-2</c:v>
                </c:pt>
                <c:pt idx="377">
                  <c:v>1.9721073342681833E-2</c:v>
                </c:pt>
                <c:pt idx="378">
                  <c:v>1.9868337361924646E-2</c:v>
                </c:pt>
                <c:pt idx="379">
                  <c:v>2.0021805585826499E-2</c:v>
                </c:pt>
                <c:pt idx="380">
                  <c:v>2.01978966126862E-2</c:v>
                </c:pt>
                <c:pt idx="381">
                  <c:v>2.0442002290081109E-2</c:v>
                </c:pt>
                <c:pt idx="382">
                  <c:v>2.0681018811936732E-2</c:v>
                </c:pt>
                <c:pt idx="383">
                  <c:v>2.0903684174178632E-2</c:v>
                </c:pt>
                <c:pt idx="384">
                  <c:v>2.1250638963791649E-2</c:v>
                </c:pt>
                <c:pt idx="385">
                  <c:v>2.1475611571836351E-2</c:v>
                </c:pt>
                <c:pt idx="386">
                  <c:v>2.1482235368837942E-2</c:v>
                </c:pt>
                <c:pt idx="387">
                  <c:v>2.161399629873156E-2</c:v>
                </c:pt>
                <c:pt idx="388">
                  <c:v>2.1896895221884094E-2</c:v>
                </c:pt>
                <c:pt idx="389">
                  <c:v>2.1958983465888735E-2</c:v>
                </c:pt>
                <c:pt idx="390">
                  <c:v>2.1962992338003626E-2</c:v>
                </c:pt>
                <c:pt idx="391">
                  <c:v>2.1713325149066091E-2</c:v>
                </c:pt>
                <c:pt idx="392">
                  <c:v>2.1306071809950519E-2</c:v>
                </c:pt>
                <c:pt idx="393">
                  <c:v>2.0862379023218285E-2</c:v>
                </c:pt>
                <c:pt idx="394">
                  <c:v>2.0666870700636115E-2</c:v>
                </c:pt>
                <c:pt idx="395">
                  <c:v>2.0435948860433619E-2</c:v>
                </c:pt>
                <c:pt idx="396">
                  <c:v>2.0322962162540543E-2</c:v>
                </c:pt>
                <c:pt idx="397">
                  <c:v>2.0276975758201598E-2</c:v>
                </c:pt>
                <c:pt idx="398">
                  <c:v>2.0399108412108017E-2</c:v>
                </c:pt>
                <c:pt idx="399">
                  <c:v>2.0584662032463983E-2</c:v>
                </c:pt>
                <c:pt idx="400">
                  <c:v>2.089615487167841E-2</c:v>
                </c:pt>
                <c:pt idx="401">
                  <c:v>2.1005631387154944E-2</c:v>
                </c:pt>
                <c:pt idx="402">
                  <c:v>2.1056790118918662E-2</c:v>
                </c:pt>
                <c:pt idx="403">
                  <c:v>2.1120005127194929E-2</c:v>
                </c:pt>
                <c:pt idx="404">
                  <c:v>2.1076740567623993E-2</c:v>
                </c:pt>
                <c:pt idx="405">
                  <c:v>2.0912524029270515E-2</c:v>
                </c:pt>
                <c:pt idx="406">
                  <c:v>2.0788894685942479E-2</c:v>
                </c:pt>
                <c:pt idx="407">
                  <c:v>2.0543443882045397E-2</c:v>
                </c:pt>
                <c:pt idx="408">
                  <c:v>2.0112029480194717E-2</c:v>
                </c:pt>
                <c:pt idx="409">
                  <c:v>1.9653698573145244E-2</c:v>
                </c:pt>
                <c:pt idx="410">
                  <c:v>1.9003920109786337E-2</c:v>
                </c:pt>
                <c:pt idx="411">
                  <c:v>1.8190692301500902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F03-48ED-972A-606CAC9C153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321432304"/>
        <c:axId val="1321434928"/>
      </c:scatterChart>
      <c:valAx>
        <c:axId val="13214323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321434928"/>
        <c:crosses val="autoZero"/>
        <c:crossBetween val="midCat"/>
      </c:valAx>
      <c:valAx>
        <c:axId val="13214349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3214323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3.4129909735848146E-2"/>
                  <c:y val="-0.13812980857734777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20-15s(12)'!$D$2:$D$2664</c:f>
              <c:numCache>
                <c:formatCode>General</c:formatCode>
                <c:ptCount val="2663"/>
                <c:pt idx="0">
                  <c:v>0</c:v>
                </c:pt>
                <c:pt idx="1">
                  <c:v>5.0049999999997041E-3</c:v>
                </c:pt>
                <c:pt idx="2">
                  <c:v>1.0009000000000157E-2</c:v>
                </c:pt>
                <c:pt idx="3">
                  <c:v>1.501399999999986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3000000000314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6999999999583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6999999999288E-2</c:v>
                </c:pt>
                <c:pt idx="17">
                  <c:v>8.5081000000000628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099999999944</c:v>
                </c:pt>
                <c:pt idx="22">
                  <c:v>0.11010500000000079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2000000000079</c:v>
                </c:pt>
                <c:pt idx="26">
                  <c:v>0.1301249999999996</c:v>
                </c:pt>
                <c:pt idx="27">
                  <c:v>0.13512899999999917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399999999917</c:v>
                </c:pt>
                <c:pt idx="31">
                  <c:v>0.15514899999999976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300000000051</c:v>
                </c:pt>
                <c:pt idx="35">
                  <c:v>0.17516799999999932</c:v>
                </c:pt>
                <c:pt idx="36">
                  <c:v>0.18017299999999992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700000000067</c:v>
                </c:pt>
                <c:pt idx="40">
                  <c:v>0.20019199999999948</c:v>
                </c:pt>
                <c:pt idx="41">
                  <c:v>0.20519700000000007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100000000082</c:v>
                </c:pt>
                <c:pt idx="45">
                  <c:v>0.22521599999999964</c:v>
                </c:pt>
                <c:pt idx="46">
                  <c:v>0.23022100000000023</c:v>
                </c:pt>
                <c:pt idx="47">
                  <c:v>0.2352249999999998</c:v>
                </c:pt>
                <c:pt idx="48">
                  <c:v>0.24023000000000039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500000000039</c:v>
                </c:pt>
                <c:pt idx="52">
                  <c:v>0.26024899999999995</c:v>
                </c:pt>
                <c:pt idx="53">
                  <c:v>0.26525400000000054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300000000011</c:v>
                </c:pt>
                <c:pt idx="58">
                  <c:v>0.2902780000000007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700000000027</c:v>
                </c:pt>
                <c:pt idx="63">
                  <c:v>0.31530200000000086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700000000086</c:v>
                </c:pt>
                <c:pt idx="67">
                  <c:v>0.33532100000000042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4099999999924</c:v>
                </c:pt>
                <c:pt idx="72">
                  <c:v>0.36034500000000058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49999999994</c:v>
                </c:pt>
                <c:pt idx="77">
                  <c:v>0.38536900000000074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899999999956</c:v>
                </c:pt>
                <c:pt idx="82">
                  <c:v>0.4103930000000009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80000000009</c:v>
                </c:pt>
                <c:pt idx="86">
                  <c:v>0.43041299999999971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700000000046</c:v>
                </c:pt>
                <c:pt idx="90">
                  <c:v>0.45043199999999928</c:v>
                </c:pt>
                <c:pt idx="91">
                  <c:v>0.45543699999999987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100000000062</c:v>
                </c:pt>
                <c:pt idx="95">
                  <c:v>0.47545599999999943</c:v>
                </c:pt>
                <c:pt idx="96">
                  <c:v>0.48046100000000003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500000000078</c:v>
                </c:pt>
                <c:pt idx="100">
                  <c:v>0.50047999999999959</c:v>
                </c:pt>
                <c:pt idx="101">
                  <c:v>0.50548500000000018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899999999916</c:v>
                </c:pt>
                <c:pt idx="105">
                  <c:v>0.52550399999999975</c:v>
                </c:pt>
                <c:pt idx="106">
                  <c:v>0.53050900000000034</c:v>
                </c:pt>
                <c:pt idx="107">
                  <c:v>0.53551299999999991</c:v>
                </c:pt>
                <c:pt idx="108">
                  <c:v>0.5405180000000005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700000000006</c:v>
                </c:pt>
                <c:pt idx="113">
                  <c:v>0.56554200000000066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100000000022</c:v>
                </c:pt>
                <c:pt idx="118">
                  <c:v>0.59056600000000081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8100000000081</c:v>
                </c:pt>
                <c:pt idx="122">
                  <c:v>0.61058500000000038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60000000000038</c:v>
                </c:pt>
                <c:pt idx="126">
                  <c:v>0.63060499999999919</c:v>
                </c:pt>
                <c:pt idx="127">
                  <c:v>0.63560900000000053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899999999935</c:v>
                </c:pt>
                <c:pt idx="132">
                  <c:v>0.66063300000000069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800000000069</c:v>
                </c:pt>
                <c:pt idx="136">
                  <c:v>0.68065299999999951</c:v>
                </c:pt>
                <c:pt idx="137">
                  <c:v>0.68565700000000085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200000000085</c:v>
                </c:pt>
                <c:pt idx="141">
                  <c:v>0.70567699999999967</c:v>
                </c:pt>
                <c:pt idx="142">
                  <c:v>0.71068099999999923</c:v>
                </c:pt>
                <c:pt idx="143">
                  <c:v>0.71568599999999982</c:v>
                </c:pt>
                <c:pt idx="144">
                  <c:v>0.72069100000000041</c:v>
                </c:pt>
                <c:pt idx="145">
                  <c:v>0.72569599999999923</c:v>
                </c:pt>
                <c:pt idx="146">
                  <c:v>0.73070099999999982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500000000057</c:v>
                </c:pt>
                <c:pt idx="150">
                  <c:v>0.75071999999999939</c:v>
                </c:pt>
                <c:pt idx="151">
                  <c:v>0.75572499999999998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900000000073</c:v>
                </c:pt>
                <c:pt idx="155">
                  <c:v>0.77574399999999955</c:v>
                </c:pt>
                <c:pt idx="156">
                  <c:v>0.78074900000000014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300000000089</c:v>
                </c:pt>
                <c:pt idx="160">
                  <c:v>0.8007679999999997</c:v>
                </c:pt>
                <c:pt idx="161">
                  <c:v>0.80577300000000029</c:v>
                </c:pt>
                <c:pt idx="162">
                  <c:v>0.81077699999999986</c:v>
                </c:pt>
                <c:pt idx="163">
                  <c:v>0.81578200000000045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100000000002</c:v>
                </c:pt>
                <c:pt idx="168">
                  <c:v>0.84080600000000061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500000000017</c:v>
                </c:pt>
                <c:pt idx="173">
                  <c:v>0.86583000000000077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500000000077</c:v>
                </c:pt>
                <c:pt idx="177">
                  <c:v>0.88584900000000033</c:v>
                </c:pt>
                <c:pt idx="178">
                  <c:v>0.89085399999999915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899999999915</c:v>
                </c:pt>
                <c:pt idx="182">
                  <c:v>0.91087300000000049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29999999993</c:v>
                </c:pt>
                <c:pt idx="187">
                  <c:v>0.93589700000000065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699999999946</c:v>
                </c:pt>
                <c:pt idx="192">
                  <c:v>0.9609210000000008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60000000008</c:v>
                </c:pt>
                <c:pt idx="196">
                  <c:v>0.98094099999999962</c:v>
                </c:pt>
                <c:pt idx="197">
                  <c:v>0.98594499999999918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599999999992</c:v>
                </c:pt>
                <c:pt idx="201">
                  <c:v>1.0059649999999998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90000000005</c:v>
                </c:pt>
                <c:pt idx="205">
                  <c:v>1.0259839999999993</c:v>
                </c:pt>
                <c:pt idx="206">
                  <c:v>1.030988999999999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30000000007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0000000008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5</c:v>
                </c:pt>
                <c:pt idx="223">
                  <c:v>1.1160700000000006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890000000001</c:v>
                </c:pt>
                <c:pt idx="228">
                  <c:v>1.1410940000000007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90000000007</c:v>
                </c:pt>
                <c:pt idx="232">
                  <c:v>1.1611130000000003</c:v>
                </c:pt>
                <c:pt idx="233">
                  <c:v>1.1661180000000009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30000000009</c:v>
                </c:pt>
                <c:pt idx="237">
                  <c:v>1.1861370000000004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69999999993</c:v>
                </c:pt>
                <c:pt idx="242">
                  <c:v>1.2111610000000006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09999999994</c:v>
                </c:pt>
                <c:pt idx="247">
                  <c:v>1.2361850000000008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2000000000008</c:v>
                </c:pt>
                <c:pt idx="251">
                  <c:v>1.2562049999999996</c:v>
                </c:pt>
                <c:pt idx="252">
                  <c:v>1.2612089999999991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39999999991</c:v>
                </c:pt>
                <c:pt idx="256">
                  <c:v>1.2812289999999997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30000000005</c:v>
                </c:pt>
                <c:pt idx="260">
                  <c:v>1.3012479999999993</c:v>
                </c:pt>
                <c:pt idx="261">
                  <c:v>1.306252999999999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70000000006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10000000008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49999999992</c:v>
                </c:pt>
                <c:pt idx="275">
                  <c:v>1.3763199999999998</c:v>
                </c:pt>
                <c:pt idx="276">
                  <c:v>1.3813250000000004</c:v>
                </c:pt>
                <c:pt idx="277">
                  <c:v>1.3863289999999999</c:v>
                </c:pt>
                <c:pt idx="278">
                  <c:v>1.3913340000000005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30000000001</c:v>
                </c:pt>
                <c:pt idx="283">
                  <c:v>1.4163580000000007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70000000002</c:v>
                </c:pt>
                <c:pt idx="288">
                  <c:v>1.4413820000000008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70000000008</c:v>
                </c:pt>
                <c:pt idx="292">
                  <c:v>1.4614010000000004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09999999992</c:v>
                </c:pt>
                <c:pt idx="297">
                  <c:v>1.4864250000000006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49999999994</c:v>
                </c:pt>
                <c:pt idx="302">
                  <c:v>1.5114490000000007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40000000007</c:v>
                </c:pt>
                <c:pt idx="306">
                  <c:v>1.5314689999999995</c:v>
                </c:pt>
                <c:pt idx="307">
                  <c:v>1.5364730000000009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80000000009</c:v>
                </c:pt>
                <c:pt idx="311">
                  <c:v>1.5564929999999997</c:v>
                </c:pt>
                <c:pt idx="312">
                  <c:v>1.5614969999999992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19999999992</c:v>
                </c:pt>
                <c:pt idx="316">
                  <c:v>1.5815169999999998</c:v>
                </c:pt>
                <c:pt idx="317">
                  <c:v>1.5865209999999994</c:v>
                </c:pt>
                <c:pt idx="318">
                  <c:v>1.591526</c:v>
                </c:pt>
                <c:pt idx="319">
                  <c:v>1.5965310000000006</c:v>
                </c:pt>
                <c:pt idx="320">
                  <c:v>1.6015359999999994</c:v>
                </c:pt>
                <c:pt idx="321">
                  <c:v>1.606541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50000000007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90000000009</c:v>
                </c:pt>
                <c:pt idx="330">
                  <c:v>1.6515839999999997</c:v>
                </c:pt>
                <c:pt idx="331">
                  <c:v>1.6565890000000003</c:v>
                </c:pt>
                <c:pt idx="332">
                  <c:v>1.6615929999999999</c:v>
                </c:pt>
                <c:pt idx="333">
                  <c:v>1.6665980000000005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7</c:v>
                </c:pt>
                <c:pt idx="338">
                  <c:v>1.6916220000000006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10000000002</c:v>
                </c:pt>
                <c:pt idx="343">
                  <c:v>1.7166460000000008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610000000008</c:v>
                </c:pt>
                <c:pt idx="347">
                  <c:v>1.7366650000000003</c:v>
                </c:pt>
                <c:pt idx="348">
                  <c:v>1.741669999999999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49999999992</c:v>
                </c:pt>
                <c:pt idx="352">
                  <c:v>1.7616890000000005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89999999993</c:v>
                </c:pt>
                <c:pt idx="357">
                  <c:v>1.7867130000000007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29999999995</c:v>
                </c:pt>
                <c:pt idx="362">
                  <c:v>1.8117370000000008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20000000008</c:v>
                </c:pt>
                <c:pt idx="366">
                  <c:v>1.8317569999999996</c:v>
                </c:pt>
                <c:pt idx="367">
                  <c:v>1.8367609999999992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59999999992</c:v>
                </c:pt>
                <c:pt idx="371">
                  <c:v>1.8567809999999998</c:v>
                </c:pt>
                <c:pt idx="372">
                  <c:v>1.8617849999999994</c:v>
                </c:pt>
                <c:pt idx="373">
                  <c:v>1.8667899999999999</c:v>
                </c:pt>
                <c:pt idx="374">
                  <c:v>1.8717950000000005</c:v>
                </c:pt>
                <c:pt idx="375">
                  <c:v>1.8767999999999994</c:v>
                </c:pt>
                <c:pt idx="376">
                  <c:v>1.8818049999999999</c:v>
                </c:pt>
                <c:pt idx="377">
                  <c:v>1.8868089999999995</c:v>
                </c:pt>
                <c:pt idx="378">
                  <c:v>1.8918140000000001</c:v>
                </c:pt>
                <c:pt idx="379">
                  <c:v>1.8968190000000007</c:v>
                </c:pt>
                <c:pt idx="380">
                  <c:v>1.9018239999999995</c:v>
                </c:pt>
                <c:pt idx="381">
                  <c:v>1.9068290000000001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30000000009</c:v>
                </c:pt>
                <c:pt idx="385">
                  <c:v>1.9268479999999997</c:v>
                </c:pt>
                <c:pt idx="386">
                  <c:v>1.9318530000000003</c:v>
                </c:pt>
                <c:pt idx="387">
                  <c:v>1.9368569999999998</c:v>
                </c:pt>
                <c:pt idx="388">
                  <c:v>1.9418620000000004</c:v>
                </c:pt>
                <c:pt idx="389">
                  <c:v>1.9468669999999992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1</c:v>
                </c:pt>
                <c:pt idx="393">
                  <c:v>1.9668860000000006</c:v>
                </c:pt>
                <c:pt idx="394">
                  <c:v>1.9718909999999994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50000000001</c:v>
                </c:pt>
                <c:pt idx="398">
                  <c:v>1.9919100000000007</c:v>
                </c:pt>
                <c:pt idx="399">
                  <c:v>1.9969149999999996</c:v>
                </c:pt>
                <c:pt idx="400">
                  <c:v>2.0019200000000001</c:v>
                </c:pt>
                <c:pt idx="401">
                  <c:v>2.0069250000000007</c:v>
                </c:pt>
                <c:pt idx="402">
                  <c:v>2.0119290000000003</c:v>
                </c:pt>
                <c:pt idx="403">
                  <c:v>2.0169340000000009</c:v>
                </c:pt>
                <c:pt idx="404">
                  <c:v>2.0219389999999997</c:v>
                </c:pt>
                <c:pt idx="405">
                  <c:v>2.0269440000000003</c:v>
                </c:pt>
                <c:pt idx="406">
                  <c:v>2.0319490000000009</c:v>
                </c:pt>
                <c:pt idx="407">
                  <c:v>2.0369530000000005</c:v>
                </c:pt>
                <c:pt idx="408">
                  <c:v>2.0419579999999993</c:v>
                </c:pt>
                <c:pt idx="409">
                  <c:v>2.0469629999999999</c:v>
                </c:pt>
                <c:pt idx="410">
                  <c:v>2.0519680000000005</c:v>
                </c:pt>
                <c:pt idx="411">
                  <c:v>2.0569729999999993</c:v>
                </c:pt>
                <c:pt idx="412">
                  <c:v>2.0619770000000006</c:v>
                </c:pt>
                <c:pt idx="413">
                  <c:v>2.0669819999999994</c:v>
                </c:pt>
                <c:pt idx="414">
                  <c:v>2.071987</c:v>
                </c:pt>
              </c:numCache>
            </c:numRef>
          </c:xVal>
          <c:yVal>
            <c:numRef>
              <c:f>'Multi-20-15s(12)'!$E$2:$E$2664</c:f>
              <c:numCache>
                <c:formatCode>General</c:formatCode>
                <c:ptCount val="2663"/>
                <c:pt idx="0">
                  <c:v>0</c:v>
                </c:pt>
                <c:pt idx="1">
                  <c:v>0.7896699999998873</c:v>
                </c:pt>
                <c:pt idx="2">
                  <c:v>1.7144529999998213</c:v>
                </c:pt>
                <c:pt idx="3">
                  <c:v>3.1703789999999117</c:v>
                </c:pt>
                <c:pt idx="4">
                  <c:v>4.5621609999998327</c:v>
                </c:pt>
                <c:pt idx="5">
                  <c:v>5.5109909999998763</c:v>
                </c:pt>
                <c:pt idx="6">
                  <c:v>6.4793409999999767</c:v>
                </c:pt>
                <c:pt idx="7">
                  <c:v>7.6286379999999099</c:v>
                </c:pt>
                <c:pt idx="8">
                  <c:v>8.5120629999998982</c:v>
                </c:pt>
                <c:pt idx="9">
                  <c:v>8.8875160000000051</c:v>
                </c:pt>
                <c:pt idx="10">
                  <c:v>9.736409999999978</c:v>
                </c:pt>
                <c:pt idx="11">
                  <c:v>10.375298999999814</c:v>
                </c:pt>
                <c:pt idx="12">
                  <c:v>11.012274999999818</c:v>
                </c:pt>
                <c:pt idx="13">
                  <c:v>11.723428999999896</c:v>
                </c:pt>
                <c:pt idx="14">
                  <c:v>12.406322999999929</c:v>
                </c:pt>
                <c:pt idx="15">
                  <c:v>13.101342999999815</c:v>
                </c:pt>
                <c:pt idx="16">
                  <c:v>13.354257999999845</c:v>
                </c:pt>
                <c:pt idx="17">
                  <c:v>13.590792999999849</c:v>
                </c:pt>
                <c:pt idx="18">
                  <c:v>13.886529999999993</c:v>
                </c:pt>
                <c:pt idx="19">
                  <c:v>14.234659999999849</c:v>
                </c:pt>
                <c:pt idx="20">
                  <c:v>14.924641999999949</c:v>
                </c:pt>
                <c:pt idx="21">
                  <c:v>15.906196999999793</c:v>
                </c:pt>
                <c:pt idx="22">
                  <c:v>16.55724999999984</c:v>
                </c:pt>
                <c:pt idx="23">
                  <c:v>17.089092999999821</c:v>
                </c:pt>
                <c:pt idx="24">
                  <c:v>17.679785999999922</c:v>
                </c:pt>
                <c:pt idx="25">
                  <c:v>18.221641999999974</c:v>
                </c:pt>
                <c:pt idx="26">
                  <c:v>18.7107239999998</c:v>
                </c:pt>
                <c:pt idx="27">
                  <c:v>18.573404999999866</c:v>
                </c:pt>
                <c:pt idx="28">
                  <c:v>18.368568999999979</c:v>
                </c:pt>
                <c:pt idx="29">
                  <c:v>17.926985999999943</c:v>
                </c:pt>
                <c:pt idx="30">
                  <c:v>17.362059999999929</c:v>
                </c:pt>
                <c:pt idx="31">
                  <c:v>17.039750999999796</c:v>
                </c:pt>
                <c:pt idx="32">
                  <c:v>17.002600999999913</c:v>
                </c:pt>
                <c:pt idx="33">
                  <c:v>17.08411000000001</c:v>
                </c:pt>
                <c:pt idx="34">
                  <c:v>17.168420999999853</c:v>
                </c:pt>
                <c:pt idx="35">
                  <c:v>17.273333999999977</c:v>
                </c:pt>
                <c:pt idx="36">
                  <c:v>17.880422999999837</c:v>
                </c:pt>
                <c:pt idx="37">
                  <c:v>18.166480999999976</c:v>
                </c:pt>
                <c:pt idx="38">
                  <c:v>18.282236000000012</c:v>
                </c:pt>
                <c:pt idx="39">
                  <c:v>18.496062999999822</c:v>
                </c:pt>
                <c:pt idx="40">
                  <c:v>18.64391999999998</c:v>
                </c:pt>
                <c:pt idx="41">
                  <c:v>18.808581999999888</c:v>
                </c:pt>
                <c:pt idx="42">
                  <c:v>18.742987999999968</c:v>
                </c:pt>
                <c:pt idx="43">
                  <c:v>18.908369999999877</c:v>
                </c:pt>
                <c:pt idx="44">
                  <c:v>18.846323999999868</c:v>
                </c:pt>
                <c:pt idx="45">
                  <c:v>18.721486999999797</c:v>
                </c:pt>
                <c:pt idx="46">
                  <c:v>18.796711999999843</c:v>
                </c:pt>
                <c:pt idx="47">
                  <c:v>18.916858999999931</c:v>
                </c:pt>
                <c:pt idx="48">
                  <c:v>19.406966000000011</c:v>
                </c:pt>
                <c:pt idx="49">
                  <c:v>19.52588199999991</c:v>
                </c:pt>
                <c:pt idx="50">
                  <c:v>19.753240999999889</c:v>
                </c:pt>
                <c:pt idx="51">
                  <c:v>20.214101999999912</c:v>
                </c:pt>
                <c:pt idx="52">
                  <c:v>20.825833999999986</c:v>
                </c:pt>
                <c:pt idx="53">
                  <c:v>21.408024999999952</c:v>
                </c:pt>
                <c:pt idx="54">
                  <c:v>22.023594000000003</c:v>
                </c:pt>
                <c:pt idx="55">
                  <c:v>22.762881999999991</c:v>
                </c:pt>
                <c:pt idx="56">
                  <c:v>23.441825999999992</c:v>
                </c:pt>
                <c:pt idx="57">
                  <c:v>23.717554999999948</c:v>
                </c:pt>
                <c:pt idx="58">
                  <c:v>23.692429999999831</c:v>
                </c:pt>
                <c:pt idx="59">
                  <c:v>24.287271999999803</c:v>
                </c:pt>
                <c:pt idx="60">
                  <c:v>24.801155999999992</c:v>
                </c:pt>
                <c:pt idx="61">
                  <c:v>24.644326999999976</c:v>
                </c:pt>
                <c:pt idx="62">
                  <c:v>24.58214299999986</c:v>
                </c:pt>
                <c:pt idx="63">
                  <c:v>24.414796999999908</c:v>
                </c:pt>
                <c:pt idx="64">
                  <c:v>24.632996999999932</c:v>
                </c:pt>
                <c:pt idx="65">
                  <c:v>24.780657999999903</c:v>
                </c:pt>
                <c:pt idx="66">
                  <c:v>24.525394999999889</c:v>
                </c:pt>
                <c:pt idx="67">
                  <c:v>24.719781999999896</c:v>
                </c:pt>
                <c:pt idx="68">
                  <c:v>24.723522999999886</c:v>
                </c:pt>
                <c:pt idx="69">
                  <c:v>24.184766999999965</c:v>
                </c:pt>
                <c:pt idx="70">
                  <c:v>24.05328099999997</c:v>
                </c:pt>
                <c:pt idx="71">
                  <c:v>23.868368999999802</c:v>
                </c:pt>
                <c:pt idx="72">
                  <c:v>23.920583999999963</c:v>
                </c:pt>
                <c:pt idx="73">
                  <c:v>24.376080000000002</c:v>
                </c:pt>
                <c:pt idx="74">
                  <c:v>24.96918299999993</c:v>
                </c:pt>
                <c:pt idx="75">
                  <c:v>25.268350999999939</c:v>
                </c:pt>
                <c:pt idx="76">
                  <c:v>26.018860999999788</c:v>
                </c:pt>
                <c:pt idx="77">
                  <c:v>27.258338999999978</c:v>
                </c:pt>
                <c:pt idx="78">
                  <c:v>28.617355999999972</c:v>
                </c:pt>
                <c:pt idx="79">
                  <c:v>29.426681999999801</c:v>
                </c:pt>
                <c:pt idx="80">
                  <c:v>30.31984599999987</c:v>
                </c:pt>
                <c:pt idx="81">
                  <c:v>30.717154999999821</c:v>
                </c:pt>
                <c:pt idx="82">
                  <c:v>30.705241999999998</c:v>
                </c:pt>
                <c:pt idx="83">
                  <c:v>30.676685999999791</c:v>
                </c:pt>
                <c:pt idx="84">
                  <c:v>29.968785999999909</c:v>
                </c:pt>
                <c:pt idx="85">
                  <c:v>29.531763999999839</c:v>
                </c:pt>
                <c:pt idx="86">
                  <c:v>29.167604999999867</c:v>
                </c:pt>
                <c:pt idx="87">
                  <c:v>28.333684999999832</c:v>
                </c:pt>
                <c:pt idx="88">
                  <c:v>26.956568999999945</c:v>
                </c:pt>
                <c:pt idx="89">
                  <c:v>25.366795999999795</c:v>
                </c:pt>
                <c:pt idx="90">
                  <c:v>24.256776999999829</c:v>
                </c:pt>
                <c:pt idx="91">
                  <c:v>23.652594999999792</c:v>
                </c:pt>
                <c:pt idx="92">
                  <c:v>23.653739999999971</c:v>
                </c:pt>
                <c:pt idx="93">
                  <c:v>23.328881999999794</c:v>
                </c:pt>
                <c:pt idx="94">
                  <c:v>22.784860999999864</c:v>
                </c:pt>
                <c:pt idx="95">
                  <c:v>22.646819999999934</c:v>
                </c:pt>
                <c:pt idx="96">
                  <c:v>22.761909999999943</c:v>
                </c:pt>
                <c:pt idx="97">
                  <c:v>23.298861999999872</c:v>
                </c:pt>
                <c:pt idx="98">
                  <c:v>24.440178999999944</c:v>
                </c:pt>
                <c:pt idx="99">
                  <c:v>25.737507999999934</c:v>
                </c:pt>
                <c:pt idx="100">
                  <c:v>26.96908099999996</c:v>
                </c:pt>
                <c:pt idx="101">
                  <c:v>27.5295729999998</c:v>
                </c:pt>
                <c:pt idx="102">
                  <c:v>27.945444999999836</c:v>
                </c:pt>
                <c:pt idx="103">
                  <c:v>29.135032999999794</c:v>
                </c:pt>
                <c:pt idx="104">
                  <c:v>30.670982999999978</c:v>
                </c:pt>
                <c:pt idx="105">
                  <c:v>31.949626999999964</c:v>
                </c:pt>
                <c:pt idx="106">
                  <c:v>32.926001999999926</c:v>
                </c:pt>
                <c:pt idx="107">
                  <c:v>33.131802999999991</c:v>
                </c:pt>
                <c:pt idx="108">
                  <c:v>33.012116999999989</c:v>
                </c:pt>
                <c:pt idx="109">
                  <c:v>32.279547999999977</c:v>
                </c:pt>
                <c:pt idx="110">
                  <c:v>31.673720999999887</c:v>
                </c:pt>
                <c:pt idx="111">
                  <c:v>30.673091999999997</c:v>
                </c:pt>
                <c:pt idx="112">
                  <c:v>29.763566999999966</c:v>
                </c:pt>
                <c:pt idx="113">
                  <c:v>28.29134699999986</c:v>
                </c:pt>
                <c:pt idx="114">
                  <c:v>26.713342999999895</c:v>
                </c:pt>
                <c:pt idx="115">
                  <c:v>25.337897999999996</c:v>
                </c:pt>
                <c:pt idx="116">
                  <c:v>24.150451999999859</c:v>
                </c:pt>
                <c:pt idx="117">
                  <c:v>23.398522999999841</c:v>
                </c:pt>
                <c:pt idx="118">
                  <c:v>23.497155999999904</c:v>
                </c:pt>
                <c:pt idx="119">
                  <c:v>24.206196999999975</c:v>
                </c:pt>
                <c:pt idx="120">
                  <c:v>24.411623999999847</c:v>
                </c:pt>
                <c:pt idx="121">
                  <c:v>24.733283999999912</c:v>
                </c:pt>
                <c:pt idx="122">
                  <c:v>25.639841999999817</c:v>
                </c:pt>
                <c:pt idx="123">
                  <c:v>26.819675999999845</c:v>
                </c:pt>
                <c:pt idx="124">
                  <c:v>27.928209999999808</c:v>
                </c:pt>
                <c:pt idx="125">
                  <c:v>29.379948999999897</c:v>
                </c:pt>
                <c:pt idx="126">
                  <c:v>30.712138999999979</c:v>
                </c:pt>
                <c:pt idx="127">
                  <c:v>31.856448</c:v>
                </c:pt>
                <c:pt idx="128">
                  <c:v>32.190918999999894</c:v>
                </c:pt>
                <c:pt idx="129">
                  <c:v>32.551254999999855</c:v>
                </c:pt>
                <c:pt idx="130">
                  <c:v>32.859350999999833</c:v>
                </c:pt>
                <c:pt idx="131">
                  <c:v>32.700042999999823</c:v>
                </c:pt>
                <c:pt idx="132">
                  <c:v>32.745299999999816</c:v>
                </c:pt>
                <c:pt idx="133">
                  <c:v>32.510228999999981</c:v>
                </c:pt>
                <c:pt idx="134">
                  <c:v>31.890138999999863</c:v>
                </c:pt>
                <c:pt idx="135">
                  <c:v>31.244511999999986</c:v>
                </c:pt>
                <c:pt idx="136">
                  <c:v>30.678461999999854</c:v>
                </c:pt>
                <c:pt idx="137">
                  <c:v>30.461812000000009</c:v>
                </c:pt>
                <c:pt idx="138">
                  <c:v>30.522448999999824</c:v>
                </c:pt>
                <c:pt idx="139">
                  <c:v>30.374269999999797</c:v>
                </c:pt>
                <c:pt idx="140">
                  <c:v>30.231117999999924</c:v>
                </c:pt>
                <c:pt idx="141">
                  <c:v>29.988972999999987</c:v>
                </c:pt>
                <c:pt idx="142">
                  <c:v>30.308998999999858</c:v>
                </c:pt>
                <c:pt idx="143">
                  <c:v>30.543489999999792</c:v>
                </c:pt>
                <c:pt idx="144">
                  <c:v>30.634771000000001</c:v>
                </c:pt>
                <c:pt idx="145">
                  <c:v>30.718478999999888</c:v>
                </c:pt>
                <c:pt idx="146">
                  <c:v>30.550721999999951</c:v>
                </c:pt>
                <c:pt idx="147">
                  <c:v>30.595029999999952</c:v>
                </c:pt>
                <c:pt idx="148">
                  <c:v>30.452280999999857</c:v>
                </c:pt>
                <c:pt idx="149">
                  <c:v>30.190541999999823</c:v>
                </c:pt>
                <c:pt idx="150">
                  <c:v>30.024433999999928</c:v>
                </c:pt>
                <c:pt idx="151">
                  <c:v>30.235527999999931</c:v>
                </c:pt>
                <c:pt idx="152">
                  <c:v>30.479454999999916</c:v>
                </c:pt>
                <c:pt idx="153">
                  <c:v>30.627578999999969</c:v>
                </c:pt>
                <c:pt idx="154">
                  <c:v>30.689923999999792</c:v>
                </c:pt>
                <c:pt idx="155">
                  <c:v>31.07255599999985</c:v>
                </c:pt>
                <c:pt idx="156">
                  <c:v>31.486233999999968</c:v>
                </c:pt>
                <c:pt idx="157">
                  <c:v>31.508429999999862</c:v>
                </c:pt>
                <c:pt idx="158">
                  <c:v>31.084025999999994</c:v>
                </c:pt>
                <c:pt idx="159">
                  <c:v>30.394064999999955</c:v>
                </c:pt>
                <c:pt idx="160">
                  <c:v>29.489188999999897</c:v>
                </c:pt>
                <c:pt idx="161">
                  <c:v>29.225223999999798</c:v>
                </c:pt>
                <c:pt idx="162">
                  <c:v>29.247685999999931</c:v>
                </c:pt>
                <c:pt idx="163">
                  <c:v>29.340187999999898</c:v>
                </c:pt>
                <c:pt idx="164">
                  <c:v>29.045192999999927</c:v>
                </c:pt>
                <c:pt idx="165">
                  <c:v>28.997420999999804</c:v>
                </c:pt>
                <c:pt idx="166">
                  <c:v>29.044288999999935</c:v>
                </c:pt>
                <c:pt idx="167">
                  <c:v>29.014510999999857</c:v>
                </c:pt>
                <c:pt idx="168">
                  <c:v>28.903724000000011</c:v>
                </c:pt>
                <c:pt idx="169">
                  <c:v>29.164193999999952</c:v>
                </c:pt>
                <c:pt idx="170">
                  <c:v>29.744529999999941</c:v>
                </c:pt>
                <c:pt idx="171">
                  <c:v>30.705268999999817</c:v>
                </c:pt>
                <c:pt idx="172">
                  <c:v>31.430725999999822</c:v>
                </c:pt>
                <c:pt idx="173">
                  <c:v>32.428920999999946</c:v>
                </c:pt>
                <c:pt idx="174">
                  <c:v>33.318229999999858</c:v>
                </c:pt>
                <c:pt idx="175">
                  <c:v>34.62902999999983</c:v>
                </c:pt>
                <c:pt idx="176">
                  <c:v>35.466739999999845</c:v>
                </c:pt>
                <c:pt idx="177">
                  <c:v>35.59681599999999</c:v>
                </c:pt>
                <c:pt idx="178">
                  <c:v>36.020583999999872</c:v>
                </c:pt>
                <c:pt idx="179">
                  <c:v>36.423054999999977</c:v>
                </c:pt>
                <c:pt idx="180">
                  <c:v>36.556889999999839</c:v>
                </c:pt>
                <c:pt idx="181">
                  <c:v>36.567549999999983</c:v>
                </c:pt>
                <c:pt idx="182">
                  <c:v>36.617288999999801</c:v>
                </c:pt>
                <c:pt idx="183">
                  <c:v>36.614787999999862</c:v>
                </c:pt>
                <c:pt idx="184">
                  <c:v>36.318959999999834</c:v>
                </c:pt>
                <c:pt idx="185">
                  <c:v>35.464793999999983</c:v>
                </c:pt>
                <c:pt idx="186">
                  <c:v>34.511595999999827</c:v>
                </c:pt>
                <c:pt idx="187">
                  <c:v>33.599175999999943</c:v>
                </c:pt>
                <c:pt idx="188">
                  <c:v>32.658808999999792</c:v>
                </c:pt>
                <c:pt idx="189">
                  <c:v>32.064622999999983</c:v>
                </c:pt>
                <c:pt idx="190">
                  <c:v>31.414035999999896</c:v>
                </c:pt>
                <c:pt idx="191">
                  <c:v>31.02503200000001</c:v>
                </c:pt>
                <c:pt idx="192">
                  <c:v>30.856898000000001</c:v>
                </c:pt>
                <c:pt idx="193">
                  <c:v>31.192298999999821</c:v>
                </c:pt>
                <c:pt idx="194">
                  <c:v>31.366114999999809</c:v>
                </c:pt>
                <c:pt idx="195">
                  <c:v>31.705013000000008</c:v>
                </c:pt>
                <c:pt idx="196">
                  <c:v>32.361876999999822</c:v>
                </c:pt>
                <c:pt idx="197">
                  <c:v>33.004166999999825</c:v>
                </c:pt>
                <c:pt idx="198">
                  <c:v>33.506028999999899</c:v>
                </c:pt>
                <c:pt idx="199">
                  <c:v>34.447876999999835</c:v>
                </c:pt>
                <c:pt idx="200">
                  <c:v>35.833510999999817</c:v>
                </c:pt>
                <c:pt idx="201">
                  <c:v>37.329265999999961</c:v>
                </c:pt>
                <c:pt idx="202">
                  <c:v>38.422433999999839</c:v>
                </c:pt>
                <c:pt idx="203">
                  <c:v>39.690517</c:v>
                </c:pt>
                <c:pt idx="204">
                  <c:v>40.731229999999869</c:v>
                </c:pt>
                <c:pt idx="205">
                  <c:v>40.93252799999982</c:v>
                </c:pt>
                <c:pt idx="206">
                  <c:v>40.662123999999949</c:v>
                </c:pt>
                <c:pt idx="207">
                  <c:v>39.743914999999788</c:v>
                </c:pt>
                <c:pt idx="208">
                  <c:v>38.442410999999993</c:v>
                </c:pt>
                <c:pt idx="209">
                  <c:v>37.520413999999846</c:v>
                </c:pt>
                <c:pt idx="210">
                  <c:v>36.862836999999899</c:v>
                </c:pt>
                <c:pt idx="211">
                  <c:v>35.891824999999926</c:v>
                </c:pt>
                <c:pt idx="212">
                  <c:v>34.740744999999833</c:v>
                </c:pt>
                <c:pt idx="213">
                  <c:v>34.243696999999884</c:v>
                </c:pt>
                <c:pt idx="214">
                  <c:v>34.071281999999883</c:v>
                </c:pt>
                <c:pt idx="215">
                  <c:v>34.002139999999827</c:v>
                </c:pt>
                <c:pt idx="216">
                  <c:v>33.588232999999946</c:v>
                </c:pt>
                <c:pt idx="217">
                  <c:v>33.314768999999842</c:v>
                </c:pt>
                <c:pt idx="218">
                  <c:v>33.221442999999908</c:v>
                </c:pt>
                <c:pt idx="219">
                  <c:v>33.898347999999942</c:v>
                </c:pt>
                <c:pt idx="220">
                  <c:v>35.030083999999988</c:v>
                </c:pt>
                <c:pt idx="221">
                  <c:v>36.183132999999998</c:v>
                </c:pt>
                <c:pt idx="222">
                  <c:v>37.546323999999913</c:v>
                </c:pt>
                <c:pt idx="223">
                  <c:v>39.038191999999981</c:v>
                </c:pt>
                <c:pt idx="224">
                  <c:v>40.032037999999829</c:v>
                </c:pt>
                <c:pt idx="225">
                  <c:v>40.783403999999791</c:v>
                </c:pt>
                <c:pt idx="226">
                  <c:v>41.293707999999924</c:v>
                </c:pt>
                <c:pt idx="227">
                  <c:v>41.945877999999993</c:v>
                </c:pt>
                <c:pt idx="228">
                  <c:v>42.134393999999929</c:v>
                </c:pt>
                <c:pt idx="229">
                  <c:v>41.640686999999843</c:v>
                </c:pt>
                <c:pt idx="230">
                  <c:v>40.964161999999988</c:v>
                </c:pt>
                <c:pt idx="231">
                  <c:v>40.232085999999981</c:v>
                </c:pt>
                <c:pt idx="232">
                  <c:v>39.348972000000003</c:v>
                </c:pt>
                <c:pt idx="233">
                  <c:v>38.674908999999843</c:v>
                </c:pt>
                <c:pt idx="234">
                  <c:v>38.560136999999941</c:v>
                </c:pt>
                <c:pt idx="235">
                  <c:v>38.525467999999819</c:v>
                </c:pt>
                <c:pt idx="236">
                  <c:v>38.172972999999956</c:v>
                </c:pt>
                <c:pt idx="237">
                  <c:v>37.988556999999901</c:v>
                </c:pt>
                <c:pt idx="238">
                  <c:v>37.781350999999859</c:v>
                </c:pt>
                <c:pt idx="239">
                  <c:v>37.746735999999828</c:v>
                </c:pt>
                <c:pt idx="240">
                  <c:v>37.787750999999844</c:v>
                </c:pt>
                <c:pt idx="241">
                  <c:v>37.957895000000008</c:v>
                </c:pt>
                <c:pt idx="242">
                  <c:v>38.850514999999859</c:v>
                </c:pt>
                <c:pt idx="243">
                  <c:v>39.843779999999924</c:v>
                </c:pt>
                <c:pt idx="244">
                  <c:v>40.457906999999977</c:v>
                </c:pt>
                <c:pt idx="245">
                  <c:v>40.724081999999953</c:v>
                </c:pt>
                <c:pt idx="246">
                  <c:v>40.782723999999916</c:v>
                </c:pt>
                <c:pt idx="247">
                  <c:v>40.721071999999822</c:v>
                </c:pt>
                <c:pt idx="248">
                  <c:v>40.676001999999926</c:v>
                </c:pt>
                <c:pt idx="249">
                  <c:v>40.928442999999788</c:v>
                </c:pt>
                <c:pt idx="250">
                  <c:v>40.838439999999991</c:v>
                </c:pt>
                <c:pt idx="251">
                  <c:v>40.656051999999818</c:v>
                </c:pt>
                <c:pt idx="252">
                  <c:v>41.011201999999912</c:v>
                </c:pt>
                <c:pt idx="253">
                  <c:v>40.920884999999998</c:v>
                </c:pt>
                <c:pt idx="254">
                  <c:v>40.653501000000006</c:v>
                </c:pt>
                <c:pt idx="255">
                  <c:v>40.218142999999827</c:v>
                </c:pt>
                <c:pt idx="256">
                  <c:v>39.283642999999984</c:v>
                </c:pt>
                <c:pt idx="257">
                  <c:v>38.361102999999957</c:v>
                </c:pt>
                <c:pt idx="258">
                  <c:v>38.483886999999868</c:v>
                </c:pt>
                <c:pt idx="259">
                  <c:v>39.710378999999875</c:v>
                </c:pt>
                <c:pt idx="260">
                  <c:v>40.034357</c:v>
                </c:pt>
                <c:pt idx="261">
                  <c:v>40.571192999999994</c:v>
                </c:pt>
                <c:pt idx="262">
                  <c:v>42.01290199999994</c:v>
                </c:pt>
                <c:pt idx="263">
                  <c:v>42.796181999999817</c:v>
                </c:pt>
                <c:pt idx="264">
                  <c:v>42.047318999999789</c:v>
                </c:pt>
                <c:pt idx="265">
                  <c:v>42.992912999999817</c:v>
                </c:pt>
                <c:pt idx="266">
                  <c:v>44.678698999999824</c:v>
                </c:pt>
                <c:pt idx="267">
                  <c:v>44.49077699999998</c:v>
                </c:pt>
                <c:pt idx="268">
                  <c:v>43.939501999999948</c:v>
                </c:pt>
                <c:pt idx="269">
                  <c:v>42.504361999999901</c:v>
                </c:pt>
                <c:pt idx="270">
                  <c:v>41.106270999999879</c:v>
                </c:pt>
                <c:pt idx="271">
                  <c:v>40.286124999999856</c:v>
                </c:pt>
                <c:pt idx="272">
                  <c:v>41.47584199999983</c:v>
                </c:pt>
                <c:pt idx="273">
                  <c:v>42.432605999999851</c:v>
                </c:pt>
                <c:pt idx="274">
                  <c:v>43.510086999999885</c:v>
                </c:pt>
                <c:pt idx="275">
                  <c:v>43.267504999999801</c:v>
                </c:pt>
                <c:pt idx="276">
                  <c:v>43.6977159999999</c:v>
                </c:pt>
                <c:pt idx="277">
                  <c:v>44.194863999999825</c:v>
                </c:pt>
                <c:pt idx="278">
                  <c:v>42.386572999999999</c:v>
                </c:pt>
                <c:pt idx="279">
                  <c:v>40.328436000000011</c:v>
                </c:pt>
                <c:pt idx="280">
                  <c:v>39.778649999999971</c:v>
                </c:pt>
                <c:pt idx="281">
                  <c:v>40.887203999999883</c:v>
                </c:pt>
                <c:pt idx="282">
                  <c:v>42.053248999999823</c:v>
                </c:pt>
                <c:pt idx="283">
                  <c:v>42.253872000000001</c:v>
                </c:pt>
                <c:pt idx="284">
                  <c:v>40.644464999999855</c:v>
                </c:pt>
                <c:pt idx="285">
                  <c:v>39.589201000000003</c:v>
                </c:pt>
                <c:pt idx="286">
                  <c:v>38.761876999999913</c:v>
                </c:pt>
                <c:pt idx="287">
                  <c:v>38.049131999999872</c:v>
                </c:pt>
                <c:pt idx="288">
                  <c:v>39.034190999999964</c:v>
                </c:pt>
                <c:pt idx="289">
                  <c:v>41.272682999999915</c:v>
                </c:pt>
                <c:pt idx="290">
                  <c:v>43.271920999999793</c:v>
                </c:pt>
                <c:pt idx="291">
                  <c:v>44.363406999999825</c:v>
                </c:pt>
                <c:pt idx="292">
                  <c:v>44.721266999999898</c:v>
                </c:pt>
                <c:pt idx="293">
                  <c:v>43.714913999999908</c:v>
                </c:pt>
                <c:pt idx="294">
                  <c:v>42.174820999999838</c:v>
                </c:pt>
                <c:pt idx="295">
                  <c:v>40.972536999999875</c:v>
                </c:pt>
                <c:pt idx="296">
                  <c:v>38.962722999999869</c:v>
                </c:pt>
                <c:pt idx="297">
                  <c:v>37.368048999999928</c:v>
                </c:pt>
                <c:pt idx="298">
                  <c:v>37.754015999999865</c:v>
                </c:pt>
                <c:pt idx="299">
                  <c:v>38.516050999999834</c:v>
                </c:pt>
                <c:pt idx="300">
                  <c:v>38.032000999999809</c:v>
                </c:pt>
                <c:pt idx="301">
                  <c:v>37.481665999999905</c:v>
                </c:pt>
                <c:pt idx="302">
                  <c:v>37.362407999999959</c:v>
                </c:pt>
                <c:pt idx="303">
                  <c:v>37.323297999999795</c:v>
                </c:pt>
                <c:pt idx="304">
                  <c:v>37.736024999999927</c:v>
                </c:pt>
                <c:pt idx="305">
                  <c:v>38.239276999999902</c:v>
                </c:pt>
                <c:pt idx="306">
                  <c:v>38.857979999999998</c:v>
                </c:pt>
                <c:pt idx="307">
                  <c:v>40.033702999999832</c:v>
                </c:pt>
                <c:pt idx="308">
                  <c:v>40.913772999999992</c:v>
                </c:pt>
                <c:pt idx="309">
                  <c:v>41.929425999999921</c:v>
                </c:pt>
                <c:pt idx="310">
                  <c:v>42.915212999999994</c:v>
                </c:pt>
                <c:pt idx="311">
                  <c:v>43.278621999999814</c:v>
                </c:pt>
                <c:pt idx="312">
                  <c:v>43.536523999999872</c:v>
                </c:pt>
                <c:pt idx="313">
                  <c:v>43.327992999999879</c:v>
                </c:pt>
                <c:pt idx="314">
                  <c:v>43.027362999999923</c:v>
                </c:pt>
                <c:pt idx="315">
                  <c:v>42.742374999999811</c:v>
                </c:pt>
                <c:pt idx="316">
                  <c:v>41.70112099999983</c:v>
                </c:pt>
                <c:pt idx="317">
                  <c:v>40.410629999999855</c:v>
                </c:pt>
                <c:pt idx="318">
                  <c:v>39.159152999999833</c:v>
                </c:pt>
                <c:pt idx="319">
                  <c:v>38.427595999999994</c:v>
                </c:pt>
                <c:pt idx="320">
                  <c:v>38.164947999999868</c:v>
                </c:pt>
                <c:pt idx="321">
                  <c:v>37.489121999999952</c:v>
                </c:pt>
                <c:pt idx="322">
                  <c:v>36.684395999999879</c:v>
                </c:pt>
                <c:pt idx="323">
                  <c:v>35.846834999999828</c:v>
                </c:pt>
                <c:pt idx="324">
                  <c:v>35.400928999999905</c:v>
                </c:pt>
                <c:pt idx="325">
                  <c:v>35.65142499999979</c:v>
                </c:pt>
                <c:pt idx="326">
                  <c:v>36.149051999999983</c:v>
                </c:pt>
                <c:pt idx="327">
                  <c:v>36.725977999999941</c:v>
                </c:pt>
                <c:pt idx="328">
                  <c:v>37.692992999999888</c:v>
                </c:pt>
                <c:pt idx="329">
                  <c:v>38.817624999999907</c:v>
                </c:pt>
                <c:pt idx="330">
                  <c:v>40.145935999999892</c:v>
                </c:pt>
                <c:pt idx="331">
                  <c:v>41.734596999999894</c:v>
                </c:pt>
                <c:pt idx="332">
                  <c:v>43.618481999999858</c:v>
                </c:pt>
                <c:pt idx="333">
                  <c:v>44.737341000000015</c:v>
                </c:pt>
                <c:pt idx="334">
                  <c:v>45.755944</c:v>
                </c:pt>
                <c:pt idx="335">
                  <c:v>46.858688999999913</c:v>
                </c:pt>
                <c:pt idx="336">
                  <c:v>47.236058999999841</c:v>
                </c:pt>
                <c:pt idx="337">
                  <c:v>47.031218999999965</c:v>
                </c:pt>
                <c:pt idx="338">
                  <c:v>46.346389999999928</c:v>
                </c:pt>
                <c:pt idx="339">
                  <c:v>45.489062999999987</c:v>
                </c:pt>
                <c:pt idx="340">
                  <c:v>44.685512999999901</c:v>
                </c:pt>
                <c:pt idx="341">
                  <c:v>43.700054999999793</c:v>
                </c:pt>
                <c:pt idx="342">
                  <c:v>42.747859999999946</c:v>
                </c:pt>
                <c:pt idx="343">
                  <c:v>41.355906000000004</c:v>
                </c:pt>
                <c:pt idx="344">
                  <c:v>40.111596999999847</c:v>
                </c:pt>
                <c:pt idx="345">
                  <c:v>39.390443999999889</c:v>
                </c:pt>
                <c:pt idx="346">
                  <c:v>39.552572999999938</c:v>
                </c:pt>
                <c:pt idx="347">
                  <c:v>40.086202999999841</c:v>
                </c:pt>
                <c:pt idx="348">
                  <c:v>40.117583999999852</c:v>
                </c:pt>
                <c:pt idx="349">
                  <c:v>39.972693999999819</c:v>
                </c:pt>
                <c:pt idx="350">
                  <c:v>40.010745999999926</c:v>
                </c:pt>
                <c:pt idx="351">
                  <c:v>40.586367999999993</c:v>
                </c:pt>
                <c:pt idx="352">
                  <c:v>41.175191999999925</c:v>
                </c:pt>
                <c:pt idx="353">
                  <c:v>41.655845999999883</c:v>
                </c:pt>
                <c:pt idx="354">
                  <c:v>42.520718999999872</c:v>
                </c:pt>
                <c:pt idx="355">
                  <c:v>44.114642999999887</c:v>
                </c:pt>
                <c:pt idx="356">
                  <c:v>45.187653999999839</c:v>
                </c:pt>
                <c:pt idx="357">
                  <c:v>46.142568999999867</c:v>
                </c:pt>
                <c:pt idx="358">
                  <c:v>46.719041999999945</c:v>
                </c:pt>
                <c:pt idx="359">
                  <c:v>46.755872999999838</c:v>
                </c:pt>
                <c:pt idx="360">
                  <c:v>47.504178999999795</c:v>
                </c:pt>
                <c:pt idx="361">
                  <c:v>48.476780999999846</c:v>
                </c:pt>
                <c:pt idx="362">
                  <c:v>48.900242999999818</c:v>
                </c:pt>
                <c:pt idx="363">
                  <c:v>48.546213999999964</c:v>
                </c:pt>
                <c:pt idx="364">
                  <c:v>48.762992999999824</c:v>
                </c:pt>
                <c:pt idx="365">
                  <c:v>48.767310999999836</c:v>
                </c:pt>
                <c:pt idx="366">
                  <c:v>48.910675999999967</c:v>
                </c:pt>
                <c:pt idx="367">
                  <c:v>48.557990999999902</c:v>
                </c:pt>
                <c:pt idx="368">
                  <c:v>48.454869999999801</c:v>
                </c:pt>
                <c:pt idx="369">
                  <c:v>48.932394999999815</c:v>
                </c:pt>
                <c:pt idx="370">
                  <c:v>49.282846999999947</c:v>
                </c:pt>
                <c:pt idx="371">
                  <c:v>49.645710999999892</c:v>
                </c:pt>
                <c:pt idx="372">
                  <c:v>50.146297000000004</c:v>
                </c:pt>
                <c:pt idx="373">
                  <c:v>50.501830999999811</c:v>
                </c:pt>
                <c:pt idx="374">
                  <c:v>50.761148999999932</c:v>
                </c:pt>
                <c:pt idx="375">
                  <c:v>50.777646999999888</c:v>
                </c:pt>
                <c:pt idx="376">
                  <c:v>51.100254999999834</c:v>
                </c:pt>
                <c:pt idx="377">
                  <c:v>51.832312999999886</c:v>
                </c:pt>
                <c:pt idx="378">
                  <c:v>52.886547999999948</c:v>
                </c:pt>
                <c:pt idx="379">
                  <c:v>53.578180999999859</c:v>
                </c:pt>
                <c:pt idx="380">
                  <c:v>53.798911999999973</c:v>
                </c:pt>
                <c:pt idx="381">
                  <c:v>54.583971999999903</c:v>
                </c:pt>
                <c:pt idx="382">
                  <c:v>55.476108999999951</c:v>
                </c:pt>
                <c:pt idx="383">
                  <c:v>55.855667999999923</c:v>
                </c:pt>
                <c:pt idx="384">
                  <c:v>55.699244999999792</c:v>
                </c:pt>
                <c:pt idx="385">
                  <c:v>55.418725999999879</c:v>
                </c:pt>
                <c:pt idx="386">
                  <c:v>55.430904999999939</c:v>
                </c:pt>
                <c:pt idx="387">
                  <c:v>54.766101999999819</c:v>
                </c:pt>
                <c:pt idx="388">
                  <c:v>54.320379000000003</c:v>
                </c:pt>
                <c:pt idx="389">
                  <c:v>53.810786000000007</c:v>
                </c:pt>
                <c:pt idx="390">
                  <c:v>53.483561999999893</c:v>
                </c:pt>
                <c:pt idx="391">
                  <c:v>52.967506999999841</c:v>
                </c:pt>
                <c:pt idx="392">
                  <c:v>52.495298999999932</c:v>
                </c:pt>
                <c:pt idx="393">
                  <c:v>51.914491999999882</c:v>
                </c:pt>
                <c:pt idx="394">
                  <c:v>51.574877000000015</c:v>
                </c:pt>
                <c:pt idx="395">
                  <c:v>51.746435999999903</c:v>
                </c:pt>
                <c:pt idx="396">
                  <c:v>52.122097999999824</c:v>
                </c:pt>
                <c:pt idx="397">
                  <c:v>52.395230999999967</c:v>
                </c:pt>
                <c:pt idx="398">
                  <c:v>52.95129699999984</c:v>
                </c:pt>
                <c:pt idx="399">
                  <c:v>53.625638999999865</c:v>
                </c:pt>
                <c:pt idx="400">
                  <c:v>54.083014999999932</c:v>
                </c:pt>
                <c:pt idx="401">
                  <c:v>54.376423999999815</c:v>
                </c:pt>
                <c:pt idx="402">
                  <c:v>55.177054999999882</c:v>
                </c:pt>
                <c:pt idx="403">
                  <c:v>55.708163000000013</c:v>
                </c:pt>
                <c:pt idx="404">
                  <c:v>55.687873999999965</c:v>
                </c:pt>
                <c:pt idx="405">
                  <c:v>55.470739999999978</c:v>
                </c:pt>
                <c:pt idx="406">
                  <c:v>55.091175999999905</c:v>
                </c:pt>
                <c:pt idx="407">
                  <c:v>54.877352999999857</c:v>
                </c:pt>
                <c:pt idx="408">
                  <c:v>54.324904999999944</c:v>
                </c:pt>
                <c:pt idx="409">
                  <c:v>53.708903999999848</c:v>
                </c:pt>
                <c:pt idx="410">
                  <c:v>52.590999999999894</c:v>
                </c:pt>
                <c:pt idx="411">
                  <c:v>51.261440999999877</c:v>
                </c:pt>
                <c:pt idx="412">
                  <c:v>50.17207899999994</c:v>
                </c:pt>
                <c:pt idx="413">
                  <c:v>48.719128999999839</c:v>
                </c:pt>
                <c:pt idx="414">
                  <c:v>46.76837299999988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32D-4283-BA55-86C7A042B9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ulti-20-15s(12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Multi-20-15s(12)'!$D$2:$D$419</c:f>
              <c:numCache>
                <c:formatCode>General</c:formatCode>
                <c:ptCount val="418"/>
                <c:pt idx="0">
                  <c:v>0</c:v>
                </c:pt>
                <c:pt idx="1">
                  <c:v>5.0049999999997041E-3</c:v>
                </c:pt>
                <c:pt idx="2">
                  <c:v>1.0009000000000157E-2</c:v>
                </c:pt>
                <c:pt idx="3">
                  <c:v>1.501399999999986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3000000000314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6999999999583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6999999999288E-2</c:v>
                </c:pt>
                <c:pt idx="17">
                  <c:v>8.5081000000000628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099999999944</c:v>
                </c:pt>
                <c:pt idx="22">
                  <c:v>0.11010500000000079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2000000000079</c:v>
                </c:pt>
                <c:pt idx="26">
                  <c:v>0.1301249999999996</c:v>
                </c:pt>
                <c:pt idx="27">
                  <c:v>0.13512899999999917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399999999917</c:v>
                </c:pt>
                <c:pt idx="31">
                  <c:v>0.15514899999999976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300000000051</c:v>
                </c:pt>
                <c:pt idx="35">
                  <c:v>0.17516799999999932</c:v>
                </c:pt>
                <c:pt idx="36">
                  <c:v>0.18017299999999992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700000000067</c:v>
                </c:pt>
                <c:pt idx="40">
                  <c:v>0.20019199999999948</c:v>
                </c:pt>
                <c:pt idx="41">
                  <c:v>0.20519700000000007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100000000082</c:v>
                </c:pt>
                <c:pt idx="45">
                  <c:v>0.22521599999999964</c:v>
                </c:pt>
                <c:pt idx="46">
                  <c:v>0.23022100000000023</c:v>
                </c:pt>
                <c:pt idx="47">
                  <c:v>0.2352249999999998</c:v>
                </c:pt>
                <c:pt idx="48">
                  <c:v>0.24023000000000039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500000000039</c:v>
                </c:pt>
                <c:pt idx="52">
                  <c:v>0.26024899999999995</c:v>
                </c:pt>
                <c:pt idx="53">
                  <c:v>0.26525400000000054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300000000011</c:v>
                </c:pt>
                <c:pt idx="58">
                  <c:v>0.2902780000000007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700000000027</c:v>
                </c:pt>
                <c:pt idx="63">
                  <c:v>0.31530200000000086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700000000086</c:v>
                </c:pt>
                <c:pt idx="67">
                  <c:v>0.33532100000000042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4099999999924</c:v>
                </c:pt>
                <c:pt idx="72">
                  <c:v>0.36034500000000058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49999999994</c:v>
                </c:pt>
                <c:pt idx="77">
                  <c:v>0.38536900000000074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899999999956</c:v>
                </c:pt>
                <c:pt idx="82">
                  <c:v>0.4103930000000009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80000000009</c:v>
                </c:pt>
                <c:pt idx="86">
                  <c:v>0.43041299999999971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700000000046</c:v>
                </c:pt>
                <c:pt idx="90">
                  <c:v>0.45043199999999928</c:v>
                </c:pt>
                <c:pt idx="91">
                  <c:v>0.45543699999999987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100000000062</c:v>
                </c:pt>
                <c:pt idx="95">
                  <c:v>0.47545599999999943</c:v>
                </c:pt>
                <c:pt idx="96">
                  <c:v>0.48046100000000003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500000000078</c:v>
                </c:pt>
                <c:pt idx="100">
                  <c:v>0.50047999999999959</c:v>
                </c:pt>
                <c:pt idx="101">
                  <c:v>0.50548500000000018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899999999916</c:v>
                </c:pt>
                <c:pt idx="105">
                  <c:v>0.52550399999999975</c:v>
                </c:pt>
                <c:pt idx="106">
                  <c:v>0.53050900000000034</c:v>
                </c:pt>
                <c:pt idx="107">
                  <c:v>0.53551299999999991</c:v>
                </c:pt>
                <c:pt idx="108">
                  <c:v>0.5405180000000005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700000000006</c:v>
                </c:pt>
                <c:pt idx="113">
                  <c:v>0.56554200000000066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100000000022</c:v>
                </c:pt>
                <c:pt idx="118">
                  <c:v>0.59056600000000081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8100000000081</c:v>
                </c:pt>
                <c:pt idx="122">
                  <c:v>0.61058500000000038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60000000000038</c:v>
                </c:pt>
                <c:pt idx="126">
                  <c:v>0.63060499999999919</c:v>
                </c:pt>
                <c:pt idx="127">
                  <c:v>0.63560900000000053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899999999935</c:v>
                </c:pt>
                <c:pt idx="132">
                  <c:v>0.66063300000000069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800000000069</c:v>
                </c:pt>
                <c:pt idx="136">
                  <c:v>0.68065299999999951</c:v>
                </c:pt>
                <c:pt idx="137">
                  <c:v>0.68565700000000085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200000000085</c:v>
                </c:pt>
                <c:pt idx="141">
                  <c:v>0.70567699999999967</c:v>
                </c:pt>
                <c:pt idx="142">
                  <c:v>0.71068099999999923</c:v>
                </c:pt>
                <c:pt idx="143">
                  <c:v>0.71568599999999982</c:v>
                </c:pt>
                <c:pt idx="144">
                  <c:v>0.72069100000000041</c:v>
                </c:pt>
                <c:pt idx="145">
                  <c:v>0.72569599999999923</c:v>
                </c:pt>
                <c:pt idx="146">
                  <c:v>0.73070099999999982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500000000057</c:v>
                </c:pt>
                <c:pt idx="150">
                  <c:v>0.75071999999999939</c:v>
                </c:pt>
                <c:pt idx="151">
                  <c:v>0.75572499999999998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900000000073</c:v>
                </c:pt>
                <c:pt idx="155">
                  <c:v>0.77574399999999955</c:v>
                </c:pt>
                <c:pt idx="156">
                  <c:v>0.78074900000000014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300000000089</c:v>
                </c:pt>
                <c:pt idx="160">
                  <c:v>0.8007679999999997</c:v>
                </c:pt>
                <c:pt idx="161">
                  <c:v>0.80577300000000029</c:v>
                </c:pt>
                <c:pt idx="162">
                  <c:v>0.81077699999999986</c:v>
                </c:pt>
                <c:pt idx="163">
                  <c:v>0.81578200000000045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100000000002</c:v>
                </c:pt>
                <c:pt idx="168">
                  <c:v>0.84080600000000061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500000000017</c:v>
                </c:pt>
                <c:pt idx="173">
                  <c:v>0.86583000000000077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500000000077</c:v>
                </c:pt>
                <c:pt idx="177">
                  <c:v>0.88584900000000033</c:v>
                </c:pt>
                <c:pt idx="178">
                  <c:v>0.89085399999999915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899999999915</c:v>
                </c:pt>
                <c:pt idx="182">
                  <c:v>0.91087300000000049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29999999993</c:v>
                </c:pt>
                <c:pt idx="187">
                  <c:v>0.93589700000000065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699999999946</c:v>
                </c:pt>
                <c:pt idx="192">
                  <c:v>0.9609210000000008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60000000008</c:v>
                </c:pt>
                <c:pt idx="196">
                  <c:v>0.98094099999999962</c:v>
                </c:pt>
                <c:pt idx="197">
                  <c:v>0.98594499999999918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599999999992</c:v>
                </c:pt>
                <c:pt idx="201">
                  <c:v>1.0059649999999998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90000000005</c:v>
                </c:pt>
                <c:pt idx="205">
                  <c:v>1.0259839999999993</c:v>
                </c:pt>
                <c:pt idx="206">
                  <c:v>1.030988999999999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30000000007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0000000008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5</c:v>
                </c:pt>
                <c:pt idx="223">
                  <c:v>1.1160700000000006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890000000001</c:v>
                </c:pt>
                <c:pt idx="228">
                  <c:v>1.1410940000000007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90000000007</c:v>
                </c:pt>
                <c:pt idx="232">
                  <c:v>1.1611130000000003</c:v>
                </c:pt>
                <c:pt idx="233">
                  <c:v>1.1661180000000009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30000000009</c:v>
                </c:pt>
                <c:pt idx="237">
                  <c:v>1.1861370000000004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69999999993</c:v>
                </c:pt>
                <c:pt idx="242">
                  <c:v>1.2111610000000006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09999999994</c:v>
                </c:pt>
                <c:pt idx="247">
                  <c:v>1.2361850000000008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2000000000008</c:v>
                </c:pt>
                <c:pt idx="251">
                  <c:v>1.2562049999999996</c:v>
                </c:pt>
                <c:pt idx="252">
                  <c:v>1.2612089999999991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39999999991</c:v>
                </c:pt>
                <c:pt idx="256">
                  <c:v>1.2812289999999997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30000000005</c:v>
                </c:pt>
                <c:pt idx="260">
                  <c:v>1.3012479999999993</c:v>
                </c:pt>
                <c:pt idx="261">
                  <c:v>1.306252999999999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70000000006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10000000008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49999999992</c:v>
                </c:pt>
                <c:pt idx="275">
                  <c:v>1.3763199999999998</c:v>
                </c:pt>
                <c:pt idx="276">
                  <c:v>1.3813250000000004</c:v>
                </c:pt>
                <c:pt idx="277">
                  <c:v>1.3863289999999999</c:v>
                </c:pt>
                <c:pt idx="278">
                  <c:v>1.3913340000000005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30000000001</c:v>
                </c:pt>
                <c:pt idx="283">
                  <c:v>1.4163580000000007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70000000002</c:v>
                </c:pt>
                <c:pt idx="288">
                  <c:v>1.4413820000000008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70000000008</c:v>
                </c:pt>
                <c:pt idx="292">
                  <c:v>1.4614010000000004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09999999992</c:v>
                </c:pt>
                <c:pt idx="297">
                  <c:v>1.4864250000000006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49999999994</c:v>
                </c:pt>
                <c:pt idx="302">
                  <c:v>1.5114490000000007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40000000007</c:v>
                </c:pt>
                <c:pt idx="306">
                  <c:v>1.5314689999999995</c:v>
                </c:pt>
                <c:pt idx="307">
                  <c:v>1.5364730000000009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80000000009</c:v>
                </c:pt>
                <c:pt idx="311">
                  <c:v>1.5564929999999997</c:v>
                </c:pt>
                <c:pt idx="312">
                  <c:v>1.5614969999999992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19999999992</c:v>
                </c:pt>
                <c:pt idx="316">
                  <c:v>1.5815169999999998</c:v>
                </c:pt>
                <c:pt idx="317">
                  <c:v>1.5865209999999994</c:v>
                </c:pt>
                <c:pt idx="318">
                  <c:v>1.591526</c:v>
                </c:pt>
                <c:pt idx="319">
                  <c:v>1.5965310000000006</c:v>
                </c:pt>
                <c:pt idx="320">
                  <c:v>1.6015359999999994</c:v>
                </c:pt>
                <c:pt idx="321">
                  <c:v>1.606541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50000000007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90000000009</c:v>
                </c:pt>
                <c:pt idx="330">
                  <c:v>1.6515839999999997</c:v>
                </c:pt>
                <c:pt idx="331">
                  <c:v>1.6565890000000003</c:v>
                </c:pt>
                <c:pt idx="332">
                  <c:v>1.6615929999999999</c:v>
                </c:pt>
                <c:pt idx="333">
                  <c:v>1.6665980000000005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7</c:v>
                </c:pt>
                <c:pt idx="338">
                  <c:v>1.6916220000000006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10000000002</c:v>
                </c:pt>
                <c:pt idx="343">
                  <c:v>1.7166460000000008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610000000008</c:v>
                </c:pt>
                <c:pt idx="347">
                  <c:v>1.7366650000000003</c:v>
                </c:pt>
                <c:pt idx="348">
                  <c:v>1.741669999999999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49999999992</c:v>
                </c:pt>
                <c:pt idx="352">
                  <c:v>1.7616890000000005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89999999993</c:v>
                </c:pt>
                <c:pt idx="357">
                  <c:v>1.7867130000000007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29999999995</c:v>
                </c:pt>
                <c:pt idx="362">
                  <c:v>1.8117370000000008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20000000008</c:v>
                </c:pt>
                <c:pt idx="366">
                  <c:v>1.8317569999999996</c:v>
                </c:pt>
                <c:pt idx="367">
                  <c:v>1.8367609999999992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59999999992</c:v>
                </c:pt>
                <c:pt idx="371">
                  <c:v>1.8567809999999998</c:v>
                </c:pt>
                <c:pt idx="372">
                  <c:v>1.8617849999999994</c:v>
                </c:pt>
                <c:pt idx="373">
                  <c:v>1.8667899999999999</c:v>
                </c:pt>
                <c:pt idx="374">
                  <c:v>1.8717950000000005</c:v>
                </c:pt>
                <c:pt idx="375">
                  <c:v>1.8767999999999994</c:v>
                </c:pt>
                <c:pt idx="376">
                  <c:v>1.8818049999999999</c:v>
                </c:pt>
                <c:pt idx="377">
                  <c:v>1.8868089999999995</c:v>
                </c:pt>
                <c:pt idx="378">
                  <c:v>1.8918140000000001</c:v>
                </c:pt>
                <c:pt idx="379">
                  <c:v>1.8968190000000007</c:v>
                </c:pt>
                <c:pt idx="380">
                  <c:v>1.9018239999999995</c:v>
                </c:pt>
                <c:pt idx="381">
                  <c:v>1.9068290000000001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30000000009</c:v>
                </c:pt>
                <c:pt idx="385">
                  <c:v>1.9268479999999997</c:v>
                </c:pt>
                <c:pt idx="386">
                  <c:v>1.9318530000000003</c:v>
                </c:pt>
                <c:pt idx="387">
                  <c:v>1.9368569999999998</c:v>
                </c:pt>
                <c:pt idx="388">
                  <c:v>1.9418620000000004</c:v>
                </c:pt>
                <c:pt idx="389">
                  <c:v>1.9468669999999992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1</c:v>
                </c:pt>
                <c:pt idx="393">
                  <c:v>1.9668860000000006</c:v>
                </c:pt>
                <c:pt idx="394">
                  <c:v>1.9718909999999994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50000000001</c:v>
                </c:pt>
                <c:pt idx="398">
                  <c:v>1.9919100000000007</c:v>
                </c:pt>
                <c:pt idx="399">
                  <c:v>1.9969149999999996</c:v>
                </c:pt>
                <c:pt idx="400">
                  <c:v>2.0019200000000001</c:v>
                </c:pt>
                <c:pt idx="401">
                  <c:v>2.0069250000000007</c:v>
                </c:pt>
                <c:pt idx="402">
                  <c:v>2.0119290000000003</c:v>
                </c:pt>
                <c:pt idx="403">
                  <c:v>2.0169340000000009</c:v>
                </c:pt>
                <c:pt idx="404">
                  <c:v>2.0219389999999997</c:v>
                </c:pt>
                <c:pt idx="405">
                  <c:v>2.0269440000000003</c:v>
                </c:pt>
                <c:pt idx="406">
                  <c:v>2.0319490000000009</c:v>
                </c:pt>
                <c:pt idx="407">
                  <c:v>2.0369530000000005</c:v>
                </c:pt>
                <c:pt idx="408">
                  <c:v>2.0419579999999993</c:v>
                </c:pt>
                <c:pt idx="409">
                  <c:v>2.0469629999999999</c:v>
                </c:pt>
                <c:pt idx="410">
                  <c:v>2.0519680000000005</c:v>
                </c:pt>
                <c:pt idx="411">
                  <c:v>2.0569729999999993</c:v>
                </c:pt>
                <c:pt idx="412">
                  <c:v>2.0619770000000006</c:v>
                </c:pt>
                <c:pt idx="413">
                  <c:v>2.0669819999999994</c:v>
                </c:pt>
                <c:pt idx="414">
                  <c:v>2.071987</c:v>
                </c:pt>
              </c:numCache>
            </c:numRef>
          </c:xVal>
          <c:yVal>
            <c:numRef>
              <c:f>'Multi-20-15s(12)'!$F$2:$F$419</c:f>
              <c:numCache>
                <c:formatCode>General</c:formatCode>
                <c:ptCount val="418"/>
                <c:pt idx="1">
                  <c:v>0.12432097244900672</c:v>
                </c:pt>
                <c:pt idx="2">
                  <c:v>0.13487187186493629</c:v>
                </c:pt>
                <c:pt idx="3">
                  <c:v>0.16607477908590976</c:v>
                </c:pt>
                <c:pt idx="4">
                  <c:v>0.17903668024646438</c:v>
                </c:pt>
                <c:pt idx="5">
                  <c:v>0.17288732182779315</c:v>
                </c:pt>
                <c:pt idx="6">
                  <c:v>0.16925835752377852</c:v>
                </c:pt>
                <c:pt idx="7">
                  <c:v>0.17066264367145806</c:v>
                </c:pt>
                <c:pt idx="8">
                  <c:v>0.16650629470727565</c:v>
                </c:pt>
                <c:pt idx="9">
                  <c:v>0.15448759190515463</c:v>
                </c:pt>
                <c:pt idx="10">
                  <c:v>0.15221732453887307</c:v>
                </c:pt>
                <c:pt idx="11">
                  <c:v>0.14738542639099855</c:v>
                </c:pt>
                <c:pt idx="12">
                  <c:v>0.1433283284040402</c:v>
                </c:pt>
                <c:pt idx="13">
                  <c:v>0.14076818824292717</c:v>
                </c:pt>
                <c:pt idx="14">
                  <c:v>0.13825320289621035</c:v>
                </c:pt>
                <c:pt idx="15">
                  <c:v>0.1361908256416195</c:v>
                </c:pt>
                <c:pt idx="16">
                  <c:v>0.13011767097835664</c:v>
                </c:pt>
                <c:pt idx="17">
                  <c:v>0.1246110003513054</c:v>
                </c:pt>
                <c:pt idx="18">
                  <c:v>0.12022102394360698</c:v>
                </c:pt>
                <c:pt idx="19">
                  <c:v>0.11671690808157031</c:v>
                </c:pt>
                <c:pt idx="20">
                  <c:v>0.11619293246407539</c:v>
                </c:pt>
                <c:pt idx="21">
                  <c:v>0.11784738626301078</c:v>
                </c:pt>
                <c:pt idx="22">
                  <c:v>0.11703654573673765</c:v>
                </c:pt>
                <c:pt idx="23">
                  <c:v>0.1154958981854346</c:v>
                </c:pt>
                <c:pt idx="24">
                  <c:v>0.1144565971940123</c:v>
                </c:pt>
                <c:pt idx="25">
                  <c:v>0.11319803647931248</c:v>
                </c:pt>
                <c:pt idx="26">
                  <c:v>0.11172308058223132</c:v>
                </c:pt>
                <c:pt idx="27">
                  <c:v>0.10680764944896888</c:v>
                </c:pt>
                <c:pt idx="28">
                  <c:v>0.10187328947533172</c:v>
                </c:pt>
                <c:pt idx="29">
                  <c:v>9.6028633871303948E-2</c:v>
                </c:pt>
                <c:pt idx="30">
                  <c:v>8.9941816745707781E-2</c:v>
                </c:pt>
                <c:pt idx="31">
                  <c:v>8.5445960502897295E-2</c:v>
                </c:pt>
                <c:pt idx="32">
                  <c:v>8.259811001547443E-2</c:v>
                </c:pt>
                <c:pt idx="33">
                  <c:v>8.0473896264672648E-2</c:v>
                </c:pt>
                <c:pt idx="34">
                  <c:v>7.8487233354653019E-2</c:v>
                </c:pt>
                <c:pt idx="35">
                  <c:v>7.6704307997738447E-2</c:v>
                </c:pt>
                <c:pt idx="36">
                  <c:v>7.7158077604927919E-2</c:v>
                </c:pt>
                <c:pt idx="37">
                  <c:v>7.6257138681854561E-2</c:v>
                </c:pt>
                <c:pt idx="38">
                  <c:v>7.4716680005380481E-2</c:v>
                </c:pt>
                <c:pt idx="39">
                  <c:v>7.3640020446342616E-2</c:v>
                </c:pt>
                <c:pt idx="40">
                  <c:v>7.2364590262654696E-2</c:v>
                </c:pt>
                <c:pt idx="41">
                  <c:v>7.1213950747848392E-2</c:v>
                </c:pt>
                <c:pt idx="42">
                  <c:v>6.9279734454976816E-2</c:v>
                </c:pt>
                <c:pt idx="43">
                  <c:v>6.8256824534506835E-2</c:v>
                </c:pt>
                <c:pt idx="44">
                  <c:v>6.6489786979571905E-2</c:v>
                </c:pt>
                <c:pt idx="45">
                  <c:v>6.4587804209409447E-2</c:v>
                </c:pt>
                <c:pt idx="46">
                  <c:v>6.3433837964364082E-2</c:v>
                </c:pt>
                <c:pt idx="47">
                  <c:v>6.2475400506055427E-2</c:v>
                </c:pt>
                <c:pt idx="48">
                  <c:v>6.2734808841076309E-2</c:v>
                </c:pt>
                <c:pt idx="49">
                  <c:v>6.1825306674152709E-2</c:v>
                </c:pt>
                <c:pt idx="50">
                  <c:v>6.1283426244918657E-2</c:v>
                </c:pt>
                <c:pt idx="51">
                  <c:v>6.1461514362229276E-2</c:v>
                </c:pt>
                <c:pt idx="52">
                  <c:v>6.207450239572488E-2</c:v>
                </c:pt>
                <c:pt idx="53">
                  <c:v>6.2577540088712302E-2</c:v>
                </c:pt>
                <c:pt idx="54">
                  <c:v>6.3154546126817632E-2</c:v>
                </c:pt>
                <c:pt idx="55">
                  <c:v>6.4050963625436635E-2</c:v>
                </c:pt>
                <c:pt idx="56">
                  <c:v>6.4749420706939065E-2</c:v>
                </c:pt>
                <c:pt idx="57">
                  <c:v>6.4348150485793731E-2</c:v>
                </c:pt>
                <c:pt idx="58">
                  <c:v>6.3172890862211256E-2</c:v>
                </c:pt>
                <c:pt idx="59">
                  <c:v>6.3632011971632901E-2</c:v>
                </c:pt>
                <c:pt idx="60">
                  <c:v>6.3869966296524888E-2</c:v>
                </c:pt>
                <c:pt idx="61">
                  <c:v>6.243319076095033E-2</c:v>
                </c:pt>
                <c:pt idx="62">
                  <c:v>6.127431520493571E-2</c:v>
                </c:pt>
                <c:pt idx="63">
                  <c:v>5.9898908832070628E-2</c:v>
                </c:pt>
                <c:pt idx="64">
                  <c:v>5.9479874639876022E-2</c:v>
                </c:pt>
                <c:pt idx="65">
                  <c:v>5.8909098270187574E-2</c:v>
                </c:pt>
                <c:pt idx="66">
                  <c:v>5.7430216053735036E-2</c:v>
                </c:pt>
                <c:pt idx="67">
                  <c:v>5.7013007951016485E-2</c:v>
                </c:pt>
                <c:pt idx="68">
                  <c:v>5.6182885572347879E-2</c:v>
                </c:pt>
                <c:pt idx="69">
                  <c:v>5.4184634246140166E-2</c:v>
                </c:pt>
                <c:pt idx="70">
                  <c:v>5.3125563013834962E-2</c:v>
                </c:pt>
                <c:pt idx="71">
                  <c:v>5.1982068145757052E-2</c:v>
                </c:pt>
                <c:pt idx="72">
                  <c:v>5.1370271418343987E-2</c:v>
                </c:pt>
                <c:pt idx="73">
                  <c:v>5.1613139981114844E-2</c:v>
                </c:pt>
                <c:pt idx="74">
                  <c:v>5.2130565009141677E-2</c:v>
                </c:pt>
                <c:pt idx="75">
                  <c:v>5.2039698432686798E-2</c:v>
                </c:pt>
                <c:pt idx="76">
                  <c:v>5.2849599224211598E-2</c:v>
                </c:pt>
                <c:pt idx="77">
                  <c:v>5.4596007856601451E-2</c:v>
                </c:pt>
                <c:pt idx="78">
                  <c:v>5.6523828951312173E-2</c:v>
                </c:pt>
                <c:pt idx="79">
                  <c:v>5.7350831725906479E-2</c:v>
                </c:pt>
                <c:pt idx="80">
                  <c:v>5.8312747171179055E-2</c:v>
                </c:pt>
                <c:pt idx="81">
                  <c:v>5.8329654566956671E-2</c:v>
                </c:pt>
                <c:pt idx="82">
                  <c:v>5.7596612089693307E-2</c:v>
                </c:pt>
                <c:pt idx="83">
                  <c:v>5.6850978650532215E-2</c:v>
                </c:pt>
                <c:pt idx="84">
                  <c:v>5.4907792996512141E-2</c:v>
                </c:pt>
                <c:pt idx="85">
                  <c:v>5.34885216633035E-2</c:v>
                </c:pt>
                <c:pt idx="86">
                  <c:v>5.2229290096238772E-2</c:v>
                </c:pt>
                <c:pt idx="87">
                  <c:v>5.0185197023883125E-2</c:v>
                </c:pt>
                <c:pt idx="88">
                  <c:v>4.7253616770579231E-2</c:v>
                </c:pt>
                <c:pt idx="89">
                  <c:v>4.4021201165074929E-2</c:v>
                </c:pt>
                <c:pt idx="90">
                  <c:v>4.1662897320918775E-2</c:v>
                </c:pt>
                <c:pt idx="91">
                  <c:v>4.0197509162822234E-2</c:v>
                </c:pt>
                <c:pt idx="92">
                  <c:v>3.9762538524240561E-2</c:v>
                </c:pt>
                <c:pt idx="93">
                  <c:v>3.8804501729224825E-2</c:v>
                </c:pt>
                <c:pt idx="94">
                  <c:v>3.7512191052401118E-2</c:v>
                </c:pt>
                <c:pt idx="95">
                  <c:v>3.6896381507221174E-2</c:v>
                </c:pt>
                <c:pt idx="96">
                  <c:v>3.6694309974502057E-2</c:v>
                </c:pt>
                <c:pt idx="97">
                  <c:v>3.7157318538197245E-2</c:v>
                </c:pt>
                <c:pt idx="98">
                  <c:v>3.8545698995596872E-2</c:v>
                </c:pt>
                <c:pt idx="99">
                  <c:v>4.0141456583817202E-2</c:v>
                </c:pt>
                <c:pt idx="100">
                  <c:v>4.1602044109972598E-2</c:v>
                </c:pt>
                <c:pt idx="101">
                  <c:v>4.2027984738630758E-2</c:v>
                </c:pt>
                <c:pt idx="102">
                  <c:v>4.2231124906898974E-2</c:v>
                </c:pt>
                <c:pt idx="103">
                  <c:v>4.3561370551439577E-2</c:v>
                </c:pt>
                <c:pt idx="104">
                  <c:v>4.5363192168729749E-2</c:v>
                </c:pt>
                <c:pt idx="105">
                  <c:v>4.6758254966509663E-2</c:v>
                </c:pt>
                <c:pt idx="106">
                  <c:v>4.7696749274720861E-2</c:v>
                </c:pt>
                <c:pt idx="107">
                  <c:v>4.7538875839200578E-2</c:v>
                </c:pt>
                <c:pt idx="108">
                  <c:v>4.6932859031766264E-2</c:v>
                </c:pt>
                <c:pt idx="109">
                  <c:v>4.5495948788143316E-2</c:v>
                </c:pt>
                <c:pt idx="110">
                  <c:v>4.4256836489483663E-2</c:v>
                </c:pt>
                <c:pt idx="111">
                  <c:v>4.2505272230733381E-2</c:v>
                </c:pt>
                <c:pt idx="112">
                  <c:v>4.0905338489771341E-2</c:v>
                </c:pt>
                <c:pt idx="113">
                  <c:v>3.8581658823670088E-2</c:v>
                </c:pt>
                <c:pt idx="114">
                  <c:v>3.6154121948494967E-2</c:v>
                </c:pt>
                <c:pt idx="115">
                  <c:v>3.4030515534387636E-2</c:v>
                </c:pt>
                <c:pt idx="116">
                  <c:v>3.2185609120149339E-2</c:v>
                </c:pt>
                <c:pt idx="117">
                  <c:v>3.0935017951675518E-2</c:v>
                </c:pt>
                <c:pt idx="118">
                  <c:v>3.079979113780773E-2</c:v>
                </c:pt>
                <c:pt idx="119">
                  <c:v>3.1445291492177833E-2</c:v>
                </c:pt>
                <c:pt idx="120">
                  <c:v>3.144287751328536E-2</c:v>
                </c:pt>
                <c:pt idx="121">
                  <c:v>3.1586032605686723E-2</c:v>
                </c:pt>
                <c:pt idx="122">
                  <c:v>3.2452665359071237E-2</c:v>
                </c:pt>
                <c:pt idx="123">
                  <c:v>3.3639328426601112E-2</c:v>
                </c:pt>
                <c:pt idx="124">
                  <c:v>3.4717513423403443E-2</c:v>
                </c:pt>
                <c:pt idx="125">
                  <c:v>3.6189448129035406E-2</c:v>
                </c:pt>
                <c:pt idx="126">
                  <c:v>3.7491663224881885E-2</c:v>
                </c:pt>
                <c:pt idx="127">
                  <c:v>3.8548453908465605E-2</c:v>
                </c:pt>
                <c:pt idx="128">
                  <c:v>3.8638912368285344E-2</c:v>
                </c:pt>
                <c:pt idx="129">
                  <c:v>3.8757795137029087E-2</c:v>
                </c:pt>
                <c:pt idx="130">
                  <c:v>3.8814472175010731E-2</c:v>
                </c:pt>
                <c:pt idx="131">
                  <c:v>3.8336117443065948E-2</c:v>
                </c:pt>
                <c:pt idx="132">
                  <c:v>3.809706869387141E-2</c:v>
                </c:pt>
                <c:pt idx="133">
                  <c:v>3.7545962906152058E-2</c:v>
                </c:pt>
                <c:pt idx="134">
                  <c:v>3.657239608936081E-2</c:v>
                </c:pt>
                <c:pt idx="135">
                  <c:v>3.5584212143895115E-2</c:v>
                </c:pt>
                <c:pt idx="136">
                  <c:v>3.4697735490708315E-2</c:v>
                </c:pt>
                <c:pt idx="137">
                  <c:v>3.4206967099732109E-2</c:v>
                </c:pt>
                <c:pt idx="138">
                  <c:v>3.4025090550775634E-2</c:v>
                </c:pt>
                <c:pt idx="139">
                  <c:v>3.3620136412105511E-2</c:v>
                </c:pt>
                <c:pt idx="140">
                  <c:v>3.3226327726199927E-2</c:v>
                </c:pt>
                <c:pt idx="141">
                  <c:v>3.2732525982617729E-2</c:v>
                </c:pt>
                <c:pt idx="142">
                  <c:v>3.2840800985693544E-2</c:v>
                </c:pt>
                <c:pt idx="143">
                  <c:v>3.2857504577606625E-2</c:v>
                </c:pt>
                <c:pt idx="144">
                  <c:v>3.2724533088468705E-2</c:v>
                </c:pt>
                <c:pt idx="145">
                  <c:v>3.2585539198947959E-2</c:v>
                </c:pt>
                <c:pt idx="146">
                  <c:v>3.2189764385180328E-2</c:v>
                </c:pt>
                <c:pt idx="147">
                  <c:v>3.201609664305051E-2</c:v>
                </c:pt>
                <c:pt idx="148">
                  <c:v>3.1654871755336655E-2</c:v>
                </c:pt>
                <c:pt idx="149">
                  <c:v>3.117844851377435E-2</c:v>
                </c:pt>
                <c:pt idx="150">
                  <c:v>3.0804124644343206E-2</c:v>
                </c:pt>
                <c:pt idx="151">
                  <c:v>3.081024781938442E-2</c:v>
                </c:pt>
                <c:pt idx="152">
                  <c:v>3.0848714823674392E-2</c:v>
                </c:pt>
                <c:pt idx="153">
                  <c:v>3.079250789825962E-2</c:v>
                </c:pt>
                <c:pt idx="154">
                  <c:v>3.0653350936863017E-2</c:v>
                </c:pt>
                <c:pt idx="155">
                  <c:v>3.082620964263405E-2</c:v>
                </c:pt>
                <c:pt idx="156">
                  <c:v>3.1026487627151888E-2</c:v>
                </c:pt>
                <c:pt idx="157">
                  <c:v>3.0850103929867444E-2</c:v>
                </c:pt>
                <c:pt idx="158">
                  <c:v>3.0251813133870993E-2</c:v>
                </c:pt>
                <c:pt idx="159">
                  <c:v>2.9409893420625128E-2</c:v>
                </c:pt>
                <c:pt idx="160">
                  <c:v>2.8375741864151486E-2</c:v>
                </c:pt>
                <c:pt idx="161">
                  <c:v>2.795275286553181E-2</c:v>
                </c:pt>
                <c:pt idx="162">
                  <c:v>2.7801102595207197E-2</c:v>
                </c:pt>
                <c:pt idx="163">
                  <c:v>2.771594836266664E-2</c:v>
                </c:pt>
                <c:pt idx="164">
                  <c:v>2.7276177391400244E-2</c:v>
                </c:pt>
                <c:pt idx="165">
                  <c:v>2.7067266791217025E-2</c:v>
                </c:pt>
                <c:pt idx="166">
                  <c:v>2.6946715758477218E-2</c:v>
                </c:pt>
                <c:pt idx="167">
                  <c:v>2.6758536008007611E-2</c:v>
                </c:pt>
                <c:pt idx="168">
                  <c:v>2.6499950819126983E-2</c:v>
                </c:pt>
                <c:pt idx="169">
                  <c:v>2.657519894131867E-2</c:v>
                </c:pt>
                <c:pt idx="170">
                  <c:v>2.6932528589838377E-2</c:v>
                </c:pt>
                <c:pt idx="171">
                  <c:v>2.7619404897678054E-2</c:v>
                </c:pt>
                <c:pt idx="172">
                  <c:v>2.80919198125586E-2</c:v>
                </c:pt>
                <c:pt idx="173">
                  <c:v>2.8794420377578522E-2</c:v>
                </c:pt>
                <c:pt idx="174">
                  <c:v>2.9393932678075659E-2</c:v>
                </c:pt>
                <c:pt idx="175">
                  <c:v>3.0345204357643395E-2</c:v>
                </c:pt>
                <c:pt idx="176">
                  <c:v>3.0882834870621014E-2</c:v>
                </c:pt>
                <c:pt idx="177">
                  <c:v>3.0817933191377787E-2</c:v>
                </c:pt>
                <c:pt idx="178">
                  <c:v>3.0999532797306942E-2</c:v>
                </c:pt>
                <c:pt idx="179">
                  <c:v>3.1161162752248575E-2</c:v>
                </c:pt>
                <c:pt idx="180">
                  <c:v>3.1098712532425993E-2</c:v>
                </c:pt>
                <c:pt idx="181">
                  <c:v>3.09356551777645E-2</c:v>
                </c:pt>
                <c:pt idx="182">
                  <c:v>3.0806379203106162E-2</c:v>
                </c:pt>
                <c:pt idx="183">
                  <c:v>3.0635997638333197E-2</c:v>
                </c:pt>
                <c:pt idx="184">
                  <c:v>3.0230166883672343E-2</c:v>
                </c:pt>
                <c:pt idx="185">
                  <c:v>2.9378865154403685E-2</c:v>
                </c:pt>
                <c:pt idx="186">
                  <c:v>2.8456333340929136E-2</c:v>
                </c:pt>
                <c:pt idx="187">
                  <c:v>2.7575188625718838E-2</c:v>
                </c:pt>
                <c:pt idx="188">
                  <c:v>2.6680113579871316E-2</c:v>
                </c:pt>
                <c:pt idx="189">
                  <c:v>2.606800644742753E-2</c:v>
                </c:pt>
                <c:pt idx="190">
                  <c:v>2.5417384840985137E-2</c:v>
                </c:pt>
                <c:pt idx="191">
                  <c:v>2.4978681514981387E-2</c:v>
                </c:pt>
                <c:pt idx="192">
                  <c:v>2.4717141238503805E-2</c:v>
                </c:pt>
                <c:pt idx="193">
                  <c:v>2.4849925013924828E-2</c:v>
                </c:pt>
                <c:pt idx="194">
                  <c:v>2.4856262750160372E-2</c:v>
                </c:pt>
                <c:pt idx="195">
                  <c:v>2.498945794213368E-2</c:v>
                </c:pt>
                <c:pt idx="196">
                  <c:v>2.5364229426749985E-2</c:v>
                </c:pt>
                <c:pt idx="197">
                  <c:v>2.5723646742097418E-2</c:v>
                </c:pt>
                <c:pt idx="198">
                  <c:v>2.5972886137492851E-2</c:v>
                </c:pt>
                <c:pt idx="199">
                  <c:v>2.654957949934951E-2</c:v>
                </c:pt>
                <c:pt idx="200">
                  <c:v>2.745022230885702E-2</c:v>
                </c:pt>
                <c:pt idx="201">
                  <c:v>2.8421172422316232E-2</c:v>
                </c:pt>
                <c:pt idx="202">
                  <c:v>2.9084324212981939E-2</c:v>
                </c:pt>
                <c:pt idx="203">
                  <c:v>2.9867224138574192E-2</c:v>
                </c:pt>
                <c:pt idx="204">
                  <c:v>3.0475862545792518E-2</c:v>
                </c:pt>
                <c:pt idx="205">
                  <c:v>3.0472388144924385E-2</c:v>
                </c:pt>
                <c:pt idx="206">
                  <c:v>3.0130354865897428E-2</c:v>
                </c:pt>
                <c:pt idx="207">
                  <c:v>2.9328293527698016E-2</c:v>
                </c:pt>
                <c:pt idx="208">
                  <c:v>2.8259601008753781E-2</c:v>
                </c:pt>
                <c:pt idx="209">
                  <c:v>2.7469232458073107E-2</c:v>
                </c:pt>
                <c:pt idx="210">
                  <c:v>2.6872824702257832E-2</c:v>
                </c:pt>
                <c:pt idx="211">
                  <c:v>2.6060340397604801E-2</c:v>
                </c:pt>
                <c:pt idx="212">
                  <c:v>2.5127776799113807E-2</c:v>
                </c:pt>
                <c:pt idx="213">
                  <c:v>2.4661384317522947E-2</c:v>
                </c:pt>
                <c:pt idx="214">
                  <c:v>2.4425784363443274E-2</c:v>
                </c:pt>
                <c:pt idx="215">
                  <c:v>2.4264122167278388E-2</c:v>
                </c:pt>
                <c:pt idx="216">
                  <c:v>2.3865369862223356E-2</c:v>
                </c:pt>
                <c:pt idx="217">
                  <c:v>2.3566950465325316E-2</c:v>
                </c:pt>
                <c:pt idx="218">
                  <c:v>2.3394802028584356E-2</c:v>
                </c:pt>
                <c:pt idx="219">
                  <c:v>2.375012527189142E-2</c:v>
                </c:pt>
                <c:pt idx="220">
                  <c:v>2.4410272553586639E-2</c:v>
                </c:pt>
                <c:pt idx="221">
                  <c:v>2.5077480597373601E-2</c:v>
                </c:pt>
                <c:pt idx="222">
                  <c:v>2.5878027643009026E-2</c:v>
                </c:pt>
                <c:pt idx="223">
                  <c:v>2.6755040008616154E-2</c:v>
                </c:pt>
                <c:pt idx="224">
                  <c:v>2.7292941961805938E-2</c:v>
                </c:pt>
                <c:pt idx="225">
                  <c:v>2.7665734678824605E-2</c:v>
                </c:pt>
                <c:pt idx="226">
                  <c:v>2.7877085036286827E-2</c:v>
                </c:pt>
                <c:pt idx="227">
                  <c:v>2.8178601475916016E-2</c:v>
                </c:pt>
                <c:pt idx="228">
                  <c:v>2.8177038819482761E-2</c:v>
                </c:pt>
                <c:pt idx="229">
                  <c:v>2.7735718590595353E-2</c:v>
                </c:pt>
                <c:pt idx="230">
                  <c:v>2.7180505578887442E-2</c:v>
                </c:pt>
                <c:pt idx="231">
                  <c:v>2.6594062742748857E-2</c:v>
                </c:pt>
                <c:pt idx="232">
                  <c:v>2.5915704529337696E-2</c:v>
                </c:pt>
                <c:pt idx="233">
                  <c:v>2.5375513653521756E-2</c:v>
                </c:pt>
                <c:pt idx="234">
                  <c:v>2.5194296578559271E-2</c:v>
                </c:pt>
                <c:pt idx="235">
                  <c:v>2.5065191932408748E-2</c:v>
                </c:pt>
                <c:pt idx="236">
                  <c:v>2.4737285458114131E-2</c:v>
                </c:pt>
                <c:pt idx="237">
                  <c:v>2.4517382896385317E-2</c:v>
                </c:pt>
                <c:pt idx="238">
                  <c:v>2.428505014027265E-2</c:v>
                </c:pt>
                <c:pt idx="239">
                  <c:v>2.4161918641419512E-2</c:v>
                </c:pt>
                <c:pt idx="240">
                  <c:v>2.4086628109465845E-2</c:v>
                </c:pt>
                <c:pt idx="241">
                  <c:v>2.4091544224037205E-2</c:v>
                </c:pt>
                <c:pt idx="242">
                  <c:v>2.4539437042057813E-2</c:v>
                </c:pt>
                <c:pt idx="243">
                  <c:v>2.5044218843235568E-2</c:v>
                </c:pt>
                <c:pt idx="244">
                  <c:v>2.5314124294790321E-2</c:v>
                </c:pt>
                <c:pt idx="245">
                  <c:v>2.5371500562139559E-2</c:v>
                </c:pt>
                <c:pt idx="246">
                  <c:v>2.5303612748793416E-2</c:v>
                </c:pt>
                <c:pt idx="247">
                  <c:v>2.5164273312017701E-2</c:v>
                </c:pt>
                <c:pt idx="248">
                  <c:v>2.503592290899373E-2</c:v>
                </c:pt>
                <c:pt idx="249">
                  <c:v>2.5085287697426517E-2</c:v>
                </c:pt>
                <c:pt idx="250">
                  <c:v>2.4931713735577642E-2</c:v>
                </c:pt>
                <c:pt idx="251">
                  <c:v>2.4724921307132129E-2</c:v>
                </c:pt>
                <c:pt idx="252">
                  <c:v>2.4835210917851874E-2</c:v>
                </c:pt>
                <c:pt idx="253">
                  <c:v>2.4684269587213956E-2</c:v>
                </c:pt>
                <c:pt idx="254">
                  <c:v>2.4431416960795083E-2</c:v>
                </c:pt>
                <c:pt idx="255">
                  <c:v>2.4083003800682214E-2</c:v>
                </c:pt>
                <c:pt idx="256">
                  <c:v>2.3448270164342675E-2</c:v>
                </c:pt>
                <c:pt idx="257">
                  <c:v>2.2824630980819355E-2</c:v>
                </c:pt>
                <c:pt idx="258">
                  <c:v>2.2806789362393044E-2</c:v>
                </c:pt>
                <c:pt idx="259">
                  <c:v>2.342079929216655E-2</c:v>
                </c:pt>
                <c:pt idx="260">
                  <c:v>2.3515235482003096E-2</c:v>
                </c:pt>
                <c:pt idx="261">
                  <c:v>2.3729515208544032E-2</c:v>
                </c:pt>
                <c:pt idx="262">
                  <c:v>2.4452042777085879E-2</c:v>
                </c:pt>
                <c:pt idx="263">
                  <c:v>2.4798387108043052E-2</c:v>
                </c:pt>
                <c:pt idx="264">
                  <c:v>2.4286034076320798E-2</c:v>
                </c:pt>
                <c:pt idx="265">
                  <c:v>2.472064871219987E-2</c:v>
                </c:pt>
                <c:pt idx="266">
                  <c:v>2.5560522154692948E-2</c:v>
                </c:pt>
                <c:pt idx="267">
                  <c:v>2.5361328055905581E-2</c:v>
                </c:pt>
                <c:pt idx="268">
                  <c:v>2.4964101604426196E-2</c:v>
                </c:pt>
                <c:pt idx="269">
                  <c:v>2.4085295878432923E-2</c:v>
                </c:pt>
                <c:pt idx="270">
                  <c:v>2.3231565309044546E-2</c:v>
                </c:pt>
                <c:pt idx="271">
                  <c:v>2.2698251274776243E-2</c:v>
                </c:pt>
                <c:pt idx="272">
                  <c:v>2.3261520369087109E-2</c:v>
                </c:pt>
                <c:pt idx="273">
                  <c:v>2.369363309883132E-2</c:v>
                </c:pt>
                <c:pt idx="274">
                  <c:v>2.4186725029787956E-2</c:v>
                </c:pt>
                <c:pt idx="275">
                  <c:v>2.3968844107872894E-2</c:v>
                </c:pt>
                <c:pt idx="276">
                  <c:v>2.4111548109102019E-2</c:v>
                </c:pt>
                <c:pt idx="277">
                  <c:v>2.428863964883567E-2</c:v>
                </c:pt>
                <c:pt idx="278">
                  <c:v>2.324306305695268E-2</c:v>
                </c:pt>
                <c:pt idx="279">
                  <c:v>2.206985375037741E-2</c:v>
                </c:pt>
                <c:pt idx="280">
                  <c:v>2.1700349029667582E-2</c:v>
                </c:pt>
                <c:pt idx="281">
                  <c:v>2.2206895623111383E-2</c:v>
                </c:pt>
                <c:pt idx="282">
                  <c:v>2.2738971483464637E-2</c:v>
                </c:pt>
                <c:pt idx="283">
                  <c:v>2.2763230613877094E-2</c:v>
                </c:pt>
                <c:pt idx="284">
                  <c:v>2.1845927210210715E-2</c:v>
                </c:pt>
                <c:pt idx="285">
                  <c:v>2.1221178086383147E-2</c:v>
                </c:pt>
                <c:pt idx="286">
                  <c:v>2.0718157085774975E-2</c:v>
                </c:pt>
                <c:pt idx="287">
                  <c:v>2.0277403299538737E-2</c:v>
                </c:pt>
                <c:pt idx="288">
                  <c:v>2.0714514607584614E-2</c:v>
                </c:pt>
                <c:pt idx="289">
                  <c:v>2.1789330429881879E-2</c:v>
                </c:pt>
                <c:pt idx="290">
                  <c:v>2.2731319566238351E-2</c:v>
                </c:pt>
                <c:pt idx="291">
                  <c:v>2.3205292575254756E-2</c:v>
                </c:pt>
                <c:pt idx="292">
                  <c:v>2.3306027306954007E-2</c:v>
                </c:pt>
                <c:pt idx="293">
                  <c:v>2.2721235156806008E-2</c:v>
                </c:pt>
                <c:pt idx="294">
                  <c:v>2.1871867788485547E-2</c:v>
                </c:pt>
                <c:pt idx="295">
                  <c:v>2.1195777593848362E-2</c:v>
                </c:pt>
                <c:pt idx="296">
                  <c:v>2.0118853060370593E-2</c:v>
                </c:pt>
                <c:pt idx="297">
                  <c:v>1.9253954101232776E-2</c:v>
                </c:pt>
                <c:pt idx="298">
                  <c:v>1.9381814355316006E-2</c:v>
                </c:pt>
                <c:pt idx="299">
                  <c:v>1.9695396394000496E-2</c:v>
                </c:pt>
                <c:pt idx="300">
                  <c:v>1.9390228042673603E-2</c:v>
                </c:pt>
                <c:pt idx="301">
                  <c:v>1.9054182739513901E-2</c:v>
                </c:pt>
                <c:pt idx="302">
                  <c:v>1.8932403280836192E-2</c:v>
                </c:pt>
                <c:pt idx="303">
                  <c:v>1.8850729699134001E-2</c:v>
                </c:pt>
                <c:pt idx="304">
                  <c:v>1.8990483775608653E-2</c:v>
                </c:pt>
                <c:pt idx="305">
                  <c:v>1.9173258396330634E-2</c:v>
                </c:pt>
                <c:pt idx="306">
                  <c:v>1.9410611756660347E-2</c:v>
                </c:pt>
                <c:pt idx="307">
                  <c:v>1.9914875542192005E-2</c:v>
                </c:pt>
                <c:pt idx="308">
                  <c:v>2.0272949279037403E-2</c:v>
                </c:pt>
                <c:pt idx="309">
                  <c:v>2.0692917221136767E-2</c:v>
                </c:pt>
                <c:pt idx="310">
                  <c:v>2.1095225791332609E-2</c:v>
                </c:pt>
                <c:pt idx="311">
                  <c:v>2.1199578709869726E-2</c:v>
                </c:pt>
                <c:pt idx="312">
                  <c:v>2.1253388813008797E-2</c:v>
                </c:pt>
                <c:pt idx="313">
                  <c:v>2.1087361803277166E-2</c:v>
                </c:pt>
                <c:pt idx="314">
                  <c:v>2.0879139382057207E-2</c:v>
                </c:pt>
                <c:pt idx="315">
                  <c:v>2.0679495805291263E-2</c:v>
                </c:pt>
                <c:pt idx="316">
                  <c:v>2.0127855204403494E-2</c:v>
                </c:pt>
                <c:pt idx="317">
                  <c:v>1.9462627165277205E-2</c:v>
                </c:pt>
                <c:pt idx="318">
                  <c:v>1.8818574146228062E-2</c:v>
                </c:pt>
                <c:pt idx="319">
                  <c:v>1.8419425803116115E-2</c:v>
                </c:pt>
                <c:pt idx="320">
                  <c:v>1.8240027818528414E-2</c:v>
                </c:pt>
                <c:pt idx="321">
                  <c:v>1.7870458528588672E-2</c:v>
                </c:pt>
                <c:pt idx="322">
                  <c:v>1.7443310067181736E-2</c:v>
                </c:pt>
                <c:pt idx="323">
                  <c:v>1.7003192191386719E-2</c:v>
                </c:pt>
                <c:pt idx="324">
                  <c:v>1.6745583276697753E-2</c:v>
                </c:pt>
                <c:pt idx="325">
                  <c:v>1.6808953355015303E-2</c:v>
                </c:pt>
                <c:pt idx="326">
                  <c:v>1.6984809975158326E-2</c:v>
                </c:pt>
                <c:pt idx="327">
                  <c:v>1.7195514557304302E-2</c:v>
                </c:pt>
                <c:pt idx="328">
                  <c:v>1.7581446333298369E-2</c:v>
                </c:pt>
                <c:pt idx="329">
                  <c:v>1.8035451071390523E-2</c:v>
                </c:pt>
                <c:pt idx="330">
                  <c:v>1.8577207605142861E-2</c:v>
                </c:pt>
                <c:pt idx="331">
                  <c:v>1.9230651055619923E-2</c:v>
                </c:pt>
                <c:pt idx="332">
                  <c:v>2.0009413152251597E-2</c:v>
                </c:pt>
                <c:pt idx="333">
                  <c:v>2.0443608104379653E-2</c:v>
                </c:pt>
                <c:pt idx="334">
                  <c:v>2.0830315074035738E-2</c:v>
                </c:pt>
                <c:pt idx="335">
                  <c:v>2.1250823355085463E-2</c:v>
                </c:pt>
                <c:pt idx="336">
                  <c:v>2.1352078876790293E-2</c:v>
                </c:pt>
                <c:pt idx="337">
                  <c:v>2.119971168443258E-2</c:v>
                </c:pt>
                <c:pt idx="338">
                  <c:v>2.0840059392379363E-2</c:v>
                </c:pt>
                <c:pt idx="339">
                  <c:v>2.0407522792136822E-2</c:v>
                </c:pt>
                <c:pt idx="340">
                  <c:v>2.000029871437287E-2</c:v>
                </c:pt>
                <c:pt idx="341">
                  <c:v>1.9516515562846837E-2</c:v>
                </c:pt>
                <c:pt idx="342">
                  <c:v>1.9049275245004185E-2</c:v>
                </c:pt>
                <c:pt idx="343">
                  <c:v>1.8394792293645081E-2</c:v>
                </c:pt>
                <c:pt idx="344">
                  <c:v>1.7806384429585549E-2</c:v>
                </c:pt>
                <c:pt idx="345">
                  <c:v>1.7445177685439319E-2</c:v>
                </c:pt>
                <c:pt idx="346">
                  <c:v>1.7464186783815765E-2</c:v>
                </c:pt>
                <c:pt idx="347">
                  <c:v>1.7641609705741364E-2</c:v>
                </c:pt>
                <c:pt idx="348">
                  <c:v>1.7604261996655109E-2</c:v>
                </c:pt>
                <c:pt idx="349">
                  <c:v>1.7492357038162997E-2</c:v>
                </c:pt>
                <c:pt idx="350">
                  <c:v>1.7458473359958884E-2</c:v>
                </c:pt>
                <c:pt idx="351">
                  <c:v>1.7651420011293842E-2</c:v>
                </c:pt>
                <c:pt idx="352">
                  <c:v>1.7848610612568969E-2</c:v>
                </c:pt>
                <c:pt idx="353">
                  <c:v>1.7999202754717746E-2</c:v>
                </c:pt>
                <c:pt idx="354">
                  <c:v>1.8308917463421462E-2</c:v>
                </c:pt>
                <c:pt idx="355">
                  <c:v>1.8918727943086276E-2</c:v>
                </c:pt>
                <c:pt idx="356">
                  <c:v>1.9308669106491518E-2</c:v>
                </c:pt>
                <c:pt idx="357">
                  <c:v>1.9647200404198775E-2</c:v>
                </c:pt>
                <c:pt idx="358">
                  <c:v>1.9828394458408553E-2</c:v>
                </c:pt>
                <c:pt idx="359">
                  <c:v>1.97881939165316E-2</c:v>
                </c:pt>
                <c:pt idx="360">
                  <c:v>2.0037643700741251E-2</c:v>
                </c:pt>
                <c:pt idx="361">
                  <c:v>2.037618910878956E-2</c:v>
                </c:pt>
                <c:pt idx="362">
                  <c:v>2.0490822378875541E-2</c:v>
                </c:pt>
                <c:pt idx="363">
                  <c:v>2.0291884243853631E-2</c:v>
                </c:pt>
                <c:pt idx="364">
                  <c:v>2.0323152261754643E-2</c:v>
                </c:pt>
                <c:pt idx="365">
                  <c:v>2.0269198415344712E-2</c:v>
                </c:pt>
                <c:pt idx="366">
                  <c:v>2.0271033475345365E-2</c:v>
                </c:pt>
                <c:pt idx="367">
                  <c:v>2.0075410919235762E-2</c:v>
                </c:pt>
                <c:pt idx="368">
                  <c:v>1.9979902927167614E-2</c:v>
                </c:pt>
                <c:pt idx="369">
                  <c:v>2.0114829296196526E-2</c:v>
                </c:pt>
                <c:pt idx="370">
                  <c:v>2.0198761152763096E-2</c:v>
                </c:pt>
                <c:pt idx="371">
                  <c:v>2.028704816439381E-2</c:v>
                </c:pt>
                <c:pt idx="372">
                  <c:v>2.0428770454486891E-2</c:v>
                </c:pt>
                <c:pt idx="373">
                  <c:v>2.0512918288120203E-2</c:v>
                </c:pt>
                <c:pt idx="374">
                  <c:v>2.0559074773437453E-2</c:v>
                </c:pt>
                <c:pt idx="375">
                  <c:v>2.0510655985170215E-2</c:v>
                </c:pt>
                <c:pt idx="376">
                  <c:v>2.0581035449611464E-2</c:v>
                </c:pt>
                <c:pt idx="377">
                  <c:v>2.0808967249069148E-2</c:v>
                </c:pt>
                <c:pt idx="378">
                  <c:v>2.1159138631997226E-2</c:v>
                </c:pt>
                <c:pt idx="379">
                  <c:v>2.1368103745673168E-2</c:v>
                </c:pt>
                <c:pt idx="380">
                  <c:v>2.1396097388756505E-2</c:v>
                </c:pt>
                <c:pt idx="381">
                  <c:v>2.1638491443732494E-2</c:v>
                </c:pt>
                <c:pt idx="382">
                  <c:v>2.1919813305422555E-2</c:v>
                </c:pt>
                <c:pt idx="383">
                  <c:v>2.2005849971477344E-2</c:v>
                </c:pt>
                <c:pt idx="384">
                  <c:v>2.1889660005673477E-2</c:v>
                </c:pt>
                <c:pt idx="385">
                  <c:v>2.1727447984939901E-2</c:v>
                </c:pt>
                <c:pt idx="386">
                  <c:v>2.167572011279616E-2</c:v>
                </c:pt>
                <c:pt idx="387">
                  <c:v>2.1371159169252536E-2</c:v>
                </c:pt>
                <c:pt idx="388">
                  <c:v>2.1149717202327976E-2</c:v>
                </c:pt>
                <c:pt idx="389">
                  <c:v>2.0905499484982437E-2</c:v>
                </c:pt>
                <c:pt idx="390">
                  <c:v>2.0730223597307553E-2</c:v>
                </c:pt>
                <c:pt idx="391">
                  <c:v>2.0485689731032646E-2</c:v>
                </c:pt>
                <c:pt idx="392">
                  <c:v>2.0258513634045999E-2</c:v>
                </c:pt>
                <c:pt idx="393">
                  <c:v>1.9992184998858523E-2</c:v>
                </c:pt>
                <c:pt idx="394">
                  <c:v>1.9816085640859314E-2</c:v>
                </c:pt>
                <c:pt idx="395">
                  <c:v>1.9829088418669087E-2</c:v>
                </c:pt>
                <c:pt idx="396">
                  <c:v>1.9916934107109902E-2</c:v>
                </c:pt>
                <c:pt idx="397">
                  <c:v>1.9966750304678763E-2</c:v>
                </c:pt>
                <c:pt idx="398">
                  <c:v>2.0119482478351575E-2</c:v>
                </c:pt>
                <c:pt idx="399">
                  <c:v>2.031426994261611E-2</c:v>
                </c:pt>
                <c:pt idx="400">
                  <c:v>2.0429242300219464E-2</c:v>
                </c:pt>
                <c:pt idx="401">
                  <c:v>2.0484305044641899E-2</c:v>
                </c:pt>
                <c:pt idx="402">
                  <c:v>2.0721672209096396E-2</c:v>
                </c:pt>
                <c:pt idx="403">
                  <c:v>2.0860842266718631E-2</c:v>
                </c:pt>
                <c:pt idx="404">
                  <c:v>2.0801944469201847E-2</c:v>
                </c:pt>
                <c:pt idx="405">
                  <c:v>2.0673060825855266E-2</c:v>
                </c:pt>
                <c:pt idx="406">
                  <c:v>2.0486905039423981E-2</c:v>
                </c:pt>
                <c:pt idx="407">
                  <c:v>2.036054675261828E-2</c:v>
                </c:pt>
                <c:pt idx="408">
                  <c:v>2.0114573146735832E-2</c:v>
                </c:pt>
                <c:pt idx="409">
                  <c:v>1.984710931130625E-2</c:v>
                </c:pt>
                <c:pt idx="410">
                  <c:v>1.940301433020768E-2</c:v>
                </c:pt>
                <c:pt idx="411">
                  <c:v>1.8885476128765181E-2</c:v>
                </c:pt>
                <c:pt idx="412">
                  <c:v>1.845451666898023E-2</c:v>
                </c:pt>
                <c:pt idx="413">
                  <c:v>1.7896415926807699E-2</c:v>
                </c:pt>
                <c:pt idx="414">
                  <c:v>1.716375165549584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ACC-4333-AF84-2EEC9E80D27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32806304"/>
        <c:axId val="732807944"/>
      </c:scatterChart>
      <c:valAx>
        <c:axId val="7328063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32807944"/>
        <c:crosses val="autoZero"/>
        <c:crossBetween val="midCat"/>
      </c:valAx>
      <c:valAx>
        <c:axId val="7328079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328063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3.3251398999107458E-2"/>
                  <c:y val="-0.1755489298815508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20-15s(14)'!$D$2:$D$2664</c:f>
              <c:numCache>
                <c:formatCode>General</c:formatCode>
                <c:ptCount val="2663"/>
                <c:pt idx="0">
                  <c:v>0</c:v>
                </c:pt>
                <c:pt idx="1">
                  <c:v>5.0049999999997041E-3</c:v>
                </c:pt>
                <c:pt idx="2">
                  <c:v>1.0009999999999408E-2</c:v>
                </c:pt>
                <c:pt idx="3">
                  <c:v>1.5015000000000001E-2</c:v>
                </c:pt>
                <c:pt idx="4">
                  <c:v>2.0019999999999705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3999999999565E-2</c:v>
                </c:pt>
                <c:pt idx="8">
                  <c:v>4.0039000000000158E-2</c:v>
                </c:pt>
                <c:pt idx="9">
                  <c:v>4.5043999999999862E-2</c:v>
                </c:pt>
                <c:pt idx="10">
                  <c:v>5.0047999999999426E-2</c:v>
                </c:pt>
                <c:pt idx="11">
                  <c:v>5.5053000000000019E-2</c:v>
                </c:pt>
                <c:pt idx="12">
                  <c:v>6.0057999999999723E-2</c:v>
                </c:pt>
                <c:pt idx="13">
                  <c:v>6.5062999999999427E-2</c:v>
                </c:pt>
                <c:pt idx="14">
                  <c:v>7.0068000000000019E-2</c:v>
                </c:pt>
                <c:pt idx="15">
                  <c:v>7.5071999999999584E-2</c:v>
                </c:pt>
                <c:pt idx="16">
                  <c:v>8.0077000000000176E-2</c:v>
                </c:pt>
                <c:pt idx="17">
                  <c:v>8.508199999999988E-2</c:v>
                </c:pt>
                <c:pt idx="18">
                  <c:v>9.0086999999999584E-2</c:v>
                </c:pt>
                <c:pt idx="19">
                  <c:v>9.5092000000000176E-2</c:v>
                </c:pt>
                <c:pt idx="20">
                  <c:v>0.10009599999999974</c:v>
                </c:pt>
                <c:pt idx="21">
                  <c:v>0.10510099999999944</c:v>
                </c:pt>
                <c:pt idx="22">
                  <c:v>0.11010600000000004</c:v>
                </c:pt>
                <c:pt idx="23">
                  <c:v>0.11511099999999974</c:v>
                </c:pt>
                <c:pt idx="24">
                  <c:v>0.12011599999999945</c:v>
                </c:pt>
                <c:pt idx="25">
                  <c:v>0.1251199999999999</c:v>
                </c:pt>
                <c:pt idx="26">
                  <c:v>0.1301249999999996</c:v>
                </c:pt>
                <c:pt idx="27">
                  <c:v>0.13512999999999931</c:v>
                </c:pt>
                <c:pt idx="28">
                  <c:v>0.1401349999999999</c:v>
                </c:pt>
                <c:pt idx="29">
                  <c:v>0.1451399999999996</c:v>
                </c:pt>
                <c:pt idx="30">
                  <c:v>0.15014400000000006</c:v>
                </c:pt>
                <c:pt idx="31">
                  <c:v>0.15514899999999976</c:v>
                </c:pt>
                <c:pt idx="32">
                  <c:v>0.16015399999999946</c:v>
                </c:pt>
                <c:pt idx="33">
                  <c:v>0.16515900000000006</c:v>
                </c:pt>
                <c:pt idx="34">
                  <c:v>0.17016399999999976</c:v>
                </c:pt>
                <c:pt idx="35">
                  <c:v>0.17516799999999932</c:v>
                </c:pt>
                <c:pt idx="36">
                  <c:v>0.18017299999999992</c:v>
                </c:pt>
                <c:pt idx="37">
                  <c:v>0.18517799999999962</c:v>
                </c:pt>
                <c:pt idx="38">
                  <c:v>0.19018299999999932</c:v>
                </c:pt>
                <c:pt idx="39">
                  <c:v>0.19518799999999992</c:v>
                </c:pt>
                <c:pt idx="40">
                  <c:v>0.20019199999999948</c:v>
                </c:pt>
                <c:pt idx="41">
                  <c:v>0.20519700000000007</c:v>
                </c:pt>
                <c:pt idx="42">
                  <c:v>0.21020199999999978</c:v>
                </c:pt>
                <c:pt idx="43">
                  <c:v>0.21520699999999948</c:v>
                </c:pt>
                <c:pt idx="44">
                  <c:v>0.22021200000000007</c:v>
                </c:pt>
                <c:pt idx="45">
                  <c:v>0.22521599999999964</c:v>
                </c:pt>
                <c:pt idx="46">
                  <c:v>0.23022099999999934</c:v>
                </c:pt>
                <c:pt idx="47">
                  <c:v>0.23522599999999994</c:v>
                </c:pt>
                <c:pt idx="48">
                  <c:v>0.24023099999999964</c:v>
                </c:pt>
                <c:pt idx="49">
                  <c:v>0.24523599999999934</c:v>
                </c:pt>
                <c:pt idx="50">
                  <c:v>0.2502399999999998</c:v>
                </c:pt>
                <c:pt idx="51">
                  <c:v>0.2552449999999995</c:v>
                </c:pt>
                <c:pt idx="52">
                  <c:v>0.26025000000000009</c:v>
                </c:pt>
                <c:pt idx="53">
                  <c:v>0.2652549999999998</c:v>
                </c:pt>
                <c:pt idx="54">
                  <c:v>0.2702599999999995</c:v>
                </c:pt>
                <c:pt idx="55">
                  <c:v>0.27526399999999995</c:v>
                </c:pt>
                <c:pt idx="56">
                  <c:v>0.28026899999999966</c:v>
                </c:pt>
                <c:pt idx="57">
                  <c:v>0.28527399999999936</c:v>
                </c:pt>
                <c:pt idx="58">
                  <c:v>0.29027899999999995</c:v>
                </c:pt>
                <c:pt idx="59">
                  <c:v>0.29528399999999966</c:v>
                </c:pt>
                <c:pt idx="60">
                  <c:v>0.30028800000000011</c:v>
                </c:pt>
                <c:pt idx="61">
                  <c:v>0.30529299999999981</c:v>
                </c:pt>
                <c:pt idx="62">
                  <c:v>0.31029799999999952</c:v>
                </c:pt>
                <c:pt idx="63">
                  <c:v>0.31530300000000011</c:v>
                </c:pt>
                <c:pt idx="64">
                  <c:v>0.32030799999999982</c:v>
                </c:pt>
                <c:pt idx="65">
                  <c:v>0.32531199999999938</c:v>
                </c:pt>
                <c:pt idx="66">
                  <c:v>0.33031699999999997</c:v>
                </c:pt>
                <c:pt idx="67">
                  <c:v>0.33532199999999968</c:v>
                </c:pt>
                <c:pt idx="68">
                  <c:v>0.34032699999999938</c:v>
                </c:pt>
                <c:pt idx="69">
                  <c:v>0.34533199999999997</c:v>
                </c:pt>
                <c:pt idx="70">
                  <c:v>0.35033599999999954</c:v>
                </c:pt>
                <c:pt idx="71">
                  <c:v>0.35534100000000013</c:v>
                </c:pt>
                <c:pt idx="72">
                  <c:v>0.36034599999999983</c:v>
                </c:pt>
                <c:pt idx="73">
                  <c:v>0.36535099999999954</c:v>
                </c:pt>
                <c:pt idx="74">
                  <c:v>0.37035600000000013</c:v>
                </c:pt>
                <c:pt idx="75">
                  <c:v>0.37535999999999969</c:v>
                </c:pt>
                <c:pt idx="76">
                  <c:v>0.3803649999999994</c:v>
                </c:pt>
                <c:pt idx="77">
                  <c:v>0.38536999999999999</c:v>
                </c:pt>
                <c:pt idx="78">
                  <c:v>0.39037499999999969</c:v>
                </c:pt>
                <c:pt idx="79">
                  <c:v>0.3953799999999994</c:v>
                </c:pt>
                <c:pt idx="80">
                  <c:v>0.40038399999999985</c:v>
                </c:pt>
                <c:pt idx="81">
                  <c:v>0.40538899999999956</c:v>
                </c:pt>
                <c:pt idx="82">
                  <c:v>0.41039400000000015</c:v>
                </c:pt>
                <c:pt idx="83">
                  <c:v>0.41539899999999985</c:v>
                </c:pt>
                <c:pt idx="84">
                  <c:v>0.42040399999999956</c:v>
                </c:pt>
                <c:pt idx="85">
                  <c:v>0.42540800000000001</c:v>
                </c:pt>
                <c:pt idx="86">
                  <c:v>0.43041299999999971</c:v>
                </c:pt>
                <c:pt idx="87">
                  <c:v>0.43541799999999942</c:v>
                </c:pt>
                <c:pt idx="88">
                  <c:v>0.44042300000000001</c:v>
                </c:pt>
                <c:pt idx="89">
                  <c:v>0.44542799999999971</c:v>
                </c:pt>
                <c:pt idx="90">
                  <c:v>0.45043200000000017</c:v>
                </c:pt>
                <c:pt idx="91">
                  <c:v>0.45543699999999987</c:v>
                </c:pt>
                <c:pt idx="92">
                  <c:v>0.46044199999999957</c:v>
                </c:pt>
                <c:pt idx="93">
                  <c:v>0.46544700000000017</c:v>
                </c:pt>
                <c:pt idx="94">
                  <c:v>0.47045199999999987</c:v>
                </c:pt>
                <c:pt idx="95">
                  <c:v>0.47545599999999943</c:v>
                </c:pt>
                <c:pt idx="96">
                  <c:v>0.48046100000000003</c:v>
                </c:pt>
                <c:pt idx="97">
                  <c:v>0.48546599999999973</c:v>
                </c:pt>
                <c:pt idx="98">
                  <c:v>0.49047099999999944</c:v>
                </c:pt>
                <c:pt idx="99">
                  <c:v>0.49547600000000003</c:v>
                </c:pt>
                <c:pt idx="100">
                  <c:v>0.50047999999999959</c:v>
                </c:pt>
                <c:pt idx="101">
                  <c:v>0.50548500000000018</c:v>
                </c:pt>
                <c:pt idx="102">
                  <c:v>0.51048999999999989</c:v>
                </c:pt>
                <c:pt idx="103">
                  <c:v>0.51549499999999959</c:v>
                </c:pt>
                <c:pt idx="104">
                  <c:v>0.52050000000000018</c:v>
                </c:pt>
                <c:pt idx="105">
                  <c:v>0.52550399999999975</c:v>
                </c:pt>
                <c:pt idx="106">
                  <c:v>0.53050899999999945</c:v>
                </c:pt>
                <c:pt idx="107">
                  <c:v>0.53551400000000005</c:v>
                </c:pt>
                <c:pt idx="108">
                  <c:v>0.54051899999999975</c:v>
                </c:pt>
                <c:pt idx="109">
                  <c:v>0.54552399999999945</c:v>
                </c:pt>
                <c:pt idx="110">
                  <c:v>0.55052799999999991</c:v>
                </c:pt>
                <c:pt idx="111">
                  <c:v>0.55553299999999961</c:v>
                </c:pt>
                <c:pt idx="112">
                  <c:v>0.56053799999999931</c:v>
                </c:pt>
                <c:pt idx="113">
                  <c:v>0.56554299999999991</c:v>
                </c:pt>
                <c:pt idx="114">
                  <c:v>0.57054799999999961</c:v>
                </c:pt>
                <c:pt idx="115">
                  <c:v>0.57555200000000006</c:v>
                </c:pt>
                <c:pt idx="116">
                  <c:v>0.58055699999999977</c:v>
                </c:pt>
                <c:pt idx="117">
                  <c:v>0.58556199999999947</c:v>
                </c:pt>
                <c:pt idx="118">
                  <c:v>0.59056700000000006</c:v>
                </c:pt>
                <c:pt idx="119">
                  <c:v>0.59557199999999888</c:v>
                </c:pt>
                <c:pt idx="120">
                  <c:v>0.60057600000000022</c:v>
                </c:pt>
                <c:pt idx="121">
                  <c:v>0.60558099999999904</c:v>
                </c:pt>
                <c:pt idx="122">
                  <c:v>0.61058599999999963</c:v>
                </c:pt>
                <c:pt idx="123">
                  <c:v>0.61559100000000022</c:v>
                </c:pt>
                <c:pt idx="124">
                  <c:v>0.62059599999999904</c:v>
                </c:pt>
                <c:pt idx="125">
                  <c:v>0.62560000000000038</c:v>
                </c:pt>
                <c:pt idx="126">
                  <c:v>0.63060499999999919</c:v>
                </c:pt>
                <c:pt idx="127">
                  <c:v>0.63560999999999979</c:v>
                </c:pt>
                <c:pt idx="128">
                  <c:v>0.64061500000000038</c:v>
                </c:pt>
                <c:pt idx="129">
                  <c:v>0.64561999999999919</c:v>
                </c:pt>
                <c:pt idx="130">
                  <c:v>0.65062400000000054</c:v>
                </c:pt>
                <c:pt idx="131">
                  <c:v>0.65562899999999935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399999999935</c:v>
                </c:pt>
                <c:pt idx="135">
                  <c:v>0.67564799999999892</c:v>
                </c:pt>
                <c:pt idx="136">
                  <c:v>0.68065299999999951</c:v>
                </c:pt>
                <c:pt idx="137">
                  <c:v>0.6856580000000001</c:v>
                </c:pt>
                <c:pt idx="138">
                  <c:v>0.69066299999999892</c:v>
                </c:pt>
                <c:pt idx="139">
                  <c:v>0.69566799999999951</c:v>
                </c:pt>
                <c:pt idx="140">
                  <c:v>0.70067199999999907</c:v>
                </c:pt>
                <c:pt idx="141">
                  <c:v>0.70567699999999967</c:v>
                </c:pt>
                <c:pt idx="142">
                  <c:v>0.71068200000000026</c:v>
                </c:pt>
                <c:pt idx="143">
                  <c:v>0.71568699999999907</c:v>
                </c:pt>
                <c:pt idx="144">
                  <c:v>0.72069199999999967</c:v>
                </c:pt>
                <c:pt idx="145">
                  <c:v>0.72569599999999923</c:v>
                </c:pt>
                <c:pt idx="146">
                  <c:v>0.73070099999999982</c:v>
                </c:pt>
                <c:pt idx="147">
                  <c:v>0.73570600000000042</c:v>
                </c:pt>
                <c:pt idx="148">
                  <c:v>0.74071099999999923</c:v>
                </c:pt>
                <c:pt idx="149">
                  <c:v>0.74571599999999982</c:v>
                </c:pt>
                <c:pt idx="150">
                  <c:v>0.75071999999999939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499999999939</c:v>
                </c:pt>
                <c:pt idx="154">
                  <c:v>0.77073999999999998</c:v>
                </c:pt>
                <c:pt idx="155">
                  <c:v>0.77574399999999955</c:v>
                </c:pt>
                <c:pt idx="156">
                  <c:v>0.78074900000000014</c:v>
                </c:pt>
                <c:pt idx="157">
                  <c:v>0.78575399999999895</c:v>
                </c:pt>
                <c:pt idx="158">
                  <c:v>0.79075899999999955</c:v>
                </c:pt>
                <c:pt idx="159">
                  <c:v>0.79576400000000014</c:v>
                </c:pt>
                <c:pt idx="160">
                  <c:v>0.8007679999999997</c:v>
                </c:pt>
                <c:pt idx="161">
                  <c:v>0.80577300000000029</c:v>
                </c:pt>
                <c:pt idx="162">
                  <c:v>0.81077799999999911</c:v>
                </c:pt>
                <c:pt idx="163">
                  <c:v>0.8157829999999997</c:v>
                </c:pt>
                <c:pt idx="164">
                  <c:v>0.8207880000000003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199999999927</c:v>
                </c:pt>
                <c:pt idx="168">
                  <c:v>0.84080699999999986</c:v>
                </c:pt>
                <c:pt idx="169">
                  <c:v>0.84581200000000045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599999999942</c:v>
                </c:pt>
                <c:pt idx="173">
                  <c:v>0.86583100000000002</c:v>
                </c:pt>
                <c:pt idx="174">
                  <c:v>0.87083600000000061</c:v>
                </c:pt>
                <c:pt idx="175">
                  <c:v>0.87584000000000017</c:v>
                </c:pt>
                <c:pt idx="176">
                  <c:v>0.88084499999999899</c:v>
                </c:pt>
                <c:pt idx="177">
                  <c:v>0.88584999999999958</c:v>
                </c:pt>
                <c:pt idx="178">
                  <c:v>0.89085500000000017</c:v>
                </c:pt>
                <c:pt idx="179">
                  <c:v>0.89585999999999899</c:v>
                </c:pt>
                <c:pt idx="180">
                  <c:v>0.90086400000000033</c:v>
                </c:pt>
                <c:pt idx="181">
                  <c:v>0.90586899999999915</c:v>
                </c:pt>
                <c:pt idx="182">
                  <c:v>0.91087399999999974</c:v>
                </c:pt>
                <c:pt idx="183">
                  <c:v>0.91587900000000033</c:v>
                </c:pt>
                <c:pt idx="184">
                  <c:v>0.92088399999999915</c:v>
                </c:pt>
                <c:pt idx="185">
                  <c:v>0.92588800000000049</c:v>
                </c:pt>
                <c:pt idx="186">
                  <c:v>0.9308929999999993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79999999993</c:v>
                </c:pt>
                <c:pt idx="190">
                  <c:v>0.95091199999999887</c:v>
                </c:pt>
                <c:pt idx="191">
                  <c:v>0.95591699999999946</c:v>
                </c:pt>
                <c:pt idx="192">
                  <c:v>0.96092200000000005</c:v>
                </c:pt>
                <c:pt idx="193">
                  <c:v>0.96592699999999887</c:v>
                </c:pt>
                <c:pt idx="194">
                  <c:v>0.97093199999999946</c:v>
                </c:pt>
                <c:pt idx="195">
                  <c:v>0.97593599999999903</c:v>
                </c:pt>
                <c:pt idx="196">
                  <c:v>0.98094099999999962</c:v>
                </c:pt>
                <c:pt idx="197">
                  <c:v>0.98594600000000021</c:v>
                </c:pt>
                <c:pt idx="198">
                  <c:v>0.99095099999999903</c:v>
                </c:pt>
                <c:pt idx="199">
                  <c:v>0.99595599999999962</c:v>
                </c:pt>
                <c:pt idx="200">
                  <c:v>1.0009599999999992</c:v>
                </c:pt>
                <c:pt idx="201">
                  <c:v>1.0059649999999998</c:v>
                </c:pt>
                <c:pt idx="202">
                  <c:v>1.0109700000000004</c:v>
                </c:pt>
                <c:pt idx="203">
                  <c:v>1.0159749999999992</c:v>
                </c:pt>
                <c:pt idx="204">
                  <c:v>1.0209799999999998</c:v>
                </c:pt>
                <c:pt idx="205">
                  <c:v>1.0259839999999993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89999999993</c:v>
                </c:pt>
                <c:pt idx="209">
                  <c:v>1.0460039999999999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79999999989</c:v>
                </c:pt>
                <c:pt idx="213">
                  <c:v>1.0660229999999995</c:v>
                </c:pt>
                <c:pt idx="214">
                  <c:v>1.0710280000000001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19999999991</c:v>
                </c:pt>
                <c:pt idx="218">
                  <c:v>1.0910469999999997</c:v>
                </c:pt>
                <c:pt idx="219">
                  <c:v>1.0960520000000002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59999999992</c:v>
                </c:pt>
                <c:pt idx="223">
                  <c:v>1.1160709999999998</c:v>
                </c:pt>
                <c:pt idx="224">
                  <c:v>1.1210760000000004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899999999994</c:v>
                </c:pt>
                <c:pt idx="228">
                  <c:v>1.141095</c:v>
                </c:pt>
                <c:pt idx="229">
                  <c:v>1.1461000000000006</c:v>
                </c:pt>
                <c:pt idx="230">
                  <c:v>1.1511040000000001</c:v>
                </c:pt>
                <c:pt idx="231">
                  <c:v>1.1561089999999989</c:v>
                </c:pt>
                <c:pt idx="232">
                  <c:v>1.1611139999999995</c:v>
                </c:pt>
                <c:pt idx="233">
                  <c:v>1.1661190000000001</c:v>
                </c:pt>
                <c:pt idx="234">
                  <c:v>1.1711239999999989</c:v>
                </c:pt>
                <c:pt idx="235">
                  <c:v>1.1761280000000003</c:v>
                </c:pt>
                <c:pt idx="236">
                  <c:v>1.1811329999999991</c:v>
                </c:pt>
                <c:pt idx="237">
                  <c:v>1.1861379999999997</c:v>
                </c:pt>
                <c:pt idx="238">
                  <c:v>1.1911430000000003</c:v>
                </c:pt>
                <c:pt idx="239">
                  <c:v>1.1961479999999991</c:v>
                </c:pt>
                <c:pt idx="240">
                  <c:v>1.2011520000000004</c:v>
                </c:pt>
                <c:pt idx="241">
                  <c:v>1.2061569999999993</c:v>
                </c:pt>
                <c:pt idx="242">
                  <c:v>1.2111619999999998</c:v>
                </c:pt>
                <c:pt idx="243">
                  <c:v>1.2161670000000004</c:v>
                </c:pt>
                <c:pt idx="244">
                  <c:v>1.2211719999999993</c:v>
                </c:pt>
                <c:pt idx="245">
                  <c:v>1.2261760000000006</c:v>
                </c:pt>
                <c:pt idx="246">
                  <c:v>1.2311809999999994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59999999994</c:v>
                </c:pt>
                <c:pt idx="250">
                  <c:v>1.251199999999999</c:v>
                </c:pt>
                <c:pt idx="251">
                  <c:v>1.2562049999999996</c:v>
                </c:pt>
                <c:pt idx="252">
                  <c:v>1.2612100000000002</c:v>
                </c:pt>
                <c:pt idx="253">
                  <c:v>1.266214999999999</c:v>
                </c:pt>
                <c:pt idx="254">
                  <c:v>1.2712199999999996</c:v>
                </c:pt>
                <c:pt idx="255">
                  <c:v>1.2762239999999991</c:v>
                </c:pt>
                <c:pt idx="256">
                  <c:v>1.2812289999999997</c:v>
                </c:pt>
                <c:pt idx="257">
                  <c:v>1.2862340000000003</c:v>
                </c:pt>
                <c:pt idx="258">
                  <c:v>1.2912389999999991</c:v>
                </c:pt>
                <c:pt idx="259">
                  <c:v>1.2962439999999997</c:v>
                </c:pt>
                <c:pt idx="260">
                  <c:v>1.3012479999999993</c:v>
                </c:pt>
                <c:pt idx="261">
                  <c:v>1.3062529999999999</c:v>
                </c:pt>
                <c:pt idx="262">
                  <c:v>1.3112580000000005</c:v>
                </c:pt>
                <c:pt idx="263">
                  <c:v>1.3162629999999993</c:v>
                </c:pt>
                <c:pt idx="264">
                  <c:v>1.3212679999999999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19999999989</c:v>
                </c:pt>
                <c:pt idx="268">
                  <c:v>1.3412869999999995</c:v>
                </c:pt>
                <c:pt idx="269">
                  <c:v>1.346292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5999999999</c:v>
                </c:pt>
                <c:pt idx="273">
                  <c:v>1.3663109999999996</c:v>
                </c:pt>
                <c:pt idx="274">
                  <c:v>1.3713160000000002</c:v>
                </c:pt>
                <c:pt idx="275">
                  <c:v>1.3763199999999998</c:v>
                </c:pt>
                <c:pt idx="276">
                  <c:v>1.3813250000000004</c:v>
                </c:pt>
                <c:pt idx="277">
                  <c:v>1.3863299999999992</c:v>
                </c:pt>
                <c:pt idx="278">
                  <c:v>1.3913349999999998</c:v>
                </c:pt>
                <c:pt idx="279">
                  <c:v>1.3963400000000004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39999999993</c:v>
                </c:pt>
                <c:pt idx="283">
                  <c:v>1.4163589999999999</c:v>
                </c:pt>
                <c:pt idx="284">
                  <c:v>1.4213640000000005</c:v>
                </c:pt>
                <c:pt idx="285">
                  <c:v>1.4263680000000001</c:v>
                </c:pt>
                <c:pt idx="286">
                  <c:v>1.4313729999999989</c:v>
                </c:pt>
                <c:pt idx="287">
                  <c:v>1.4363779999999995</c:v>
                </c:pt>
                <c:pt idx="288">
                  <c:v>1.4413830000000001</c:v>
                </c:pt>
                <c:pt idx="289">
                  <c:v>1.4463879999999989</c:v>
                </c:pt>
                <c:pt idx="290">
                  <c:v>1.4513920000000002</c:v>
                </c:pt>
                <c:pt idx="291">
                  <c:v>1.4563969999999991</c:v>
                </c:pt>
                <c:pt idx="292">
                  <c:v>1.4614019999999996</c:v>
                </c:pt>
                <c:pt idx="293">
                  <c:v>1.4664070000000002</c:v>
                </c:pt>
                <c:pt idx="294">
                  <c:v>1.4714119999999991</c:v>
                </c:pt>
                <c:pt idx="295">
                  <c:v>1.4764160000000004</c:v>
                </c:pt>
                <c:pt idx="296">
                  <c:v>1.4814209999999992</c:v>
                </c:pt>
                <c:pt idx="297">
                  <c:v>1.4864259999999998</c:v>
                </c:pt>
                <c:pt idx="298">
                  <c:v>1.4914310000000004</c:v>
                </c:pt>
                <c:pt idx="299">
                  <c:v>1.4964359999999992</c:v>
                </c:pt>
                <c:pt idx="300">
                  <c:v>1.5014400000000006</c:v>
                </c:pt>
                <c:pt idx="301">
                  <c:v>1.5064449999999994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599999999994</c:v>
                </c:pt>
                <c:pt idx="305">
                  <c:v>1.5264639999999989</c:v>
                </c:pt>
                <c:pt idx="306">
                  <c:v>1.5314689999999995</c:v>
                </c:pt>
                <c:pt idx="307">
                  <c:v>1.5364740000000001</c:v>
                </c:pt>
                <c:pt idx="308">
                  <c:v>1.5414789999999989</c:v>
                </c:pt>
                <c:pt idx="309">
                  <c:v>1.5464839999999995</c:v>
                </c:pt>
                <c:pt idx="310">
                  <c:v>1.5514879999999991</c:v>
                </c:pt>
                <c:pt idx="311">
                  <c:v>1.5564929999999997</c:v>
                </c:pt>
                <c:pt idx="312">
                  <c:v>1.5614980000000003</c:v>
                </c:pt>
                <c:pt idx="313">
                  <c:v>1.5665029999999991</c:v>
                </c:pt>
                <c:pt idx="314">
                  <c:v>1.5715079999999997</c:v>
                </c:pt>
                <c:pt idx="315">
                  <c:v>1.5765119999999992</c:v>
                </c:pt>
                <c:pt idx="316">
                  <c:v>1.5815169999999998</c:v>
                </c:pt>
                <c:pt idx="317">
                  <c:v>1.5865220000000004</c:v>
                </c:pt>
                <c:pt idx="318">
                  <c:v>1.5915269999999992</c:v>
                </c:pt>
                <c:pt idx="319">
                  <c:v>1.5965319999999998</c:v>
                </c:pt>
                <c:pt idx="320">
                  <c:v>1.6015359999999994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09999999994</c:v>
                </c:pt>
                <c:pt idx="324">
                  <c:v>1.621556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69999999999</c:v>
                </c:pt>
                <c:pt idx="328">
                  <c:v>1.6415749999999996</c:v>
                </c:pt>
                <c:pt idx="329">
                  <c:v>1.6465800000000002</c:v>
                </c:pt>
                <c:pt idx="330">
                  <c:v>1.6515839999999997</c:v>
                </c:pt>
                <c:pt idx="331">
                  <c:v>1.6565890000000003</c:v>
                </c:pt>
                <c:pt idx="332">
                  <c:v>1.6615939999999991</c:v>
                </c:pt>
                <c:pt idx="333">
                  <c:v>1.6665989999999997</c:v>
                </c:pt>
                <c:pt idx="334">
                  <c:v>1.6716040000000003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79999999993</c:v>
                </c:pt>
                <c:pt idx="338">
                  <c:v>1.6916229999999999</c:v>
                </c:pt>
                <c:pt idx="339">
                  <c:v>1.6966280000000005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19999999994</c:v>
                </c:pt>
                <c:pt idx="343">
                  <c:v>1.716647</c:v>
                </c:pt>
                <c:pt idx="344">
                  <c:v>1.7216520000000006</c:v>
                </c:pt>
                <c:pt idx="345">
                  <c:v>1.7266560000000002</c:v>
                </c:pt>
                <c:pt idx="346">
                  <c:v>1.731660999999999</c:v>
                </c:pt>
                <c:pt idx="347">
                  <c:v>1.7366659999999996</c:v>
                </c:pt>
                <c:pt idx="348">
                  <c:v>1.7416710000000002</c:v>
                </c:pt>
                <c:pt idx="349">
                  <c:v>1.746675999999999</c:v>
                </c:pt>
                <c:pt idx="350">
                  <c:v>1.7516800000000003</c:v>
                </c:pt>
                <c:pt idx="351">
                  <c:v>1.7566849999999992</c:v>
                </c:pt>
                <c:pt idx="352">
                  <c:v>1.7616899999999998</c:v>
                </c:pt>
                <c:pt idx="353">
                  <c:v>1.7666950000000003</c:v>
                </c:pt>
                <c:pt idx="354">
                  <c:v>1.7716999999999992</c:v>
                </c:pt>
                <c:pt idx="355">
                  <c:v>1.7767040000000005</c:v>
                </c:pt>
                <c:pt idx="356">
                  <c:v>1.7817089999999993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39999999993</c:v>
                </c:pt>
                <c:pt idx="360">
                  <c:v>1.8017279999999989</c:v>
                </c:pt>
                <c:pt idx="361">
                  <c:v>1.8067329999999995</c:v>
                </c:pt>
                <c:pt idx="362">
                  <c:v>1.8117380000000001</c:v>
                </c:pt>
                <c:pt idx="363">
                  <c:v>1.8167429999999989</c:v>
                </c:pt>
                <c:pt idx="364">
                  <c:v>1.8217479999999995</c:v>
                </c:pt>
                <c:pt idx="365">
                  <c:v>1.826751999999999</c:v>
                </c:pt>
                <c:pt idx="366">
                  <c:v>1.8317569999999996</c:v>
                </c:pt>
                <c:pt idx="367">
                  <c:v>1.8367620000000002</c:v>
                </c:pt>
                <c:pt idx="368">
                  <c:v>1.841766999999999</c:v>
                </c:pt>
                <c:pt idx="369">
                  <c:v>1.8467719999999996</c:v>
                </c:pt>
                <c:pt idx="370">
                  <c:v>1.8517759999999992</c:v>
                </c:pt>
                <c:pt idx="371">
                  <c:v>1.8567809999999998</c:v>
                </c:pt>
                <c:pt idx="372">
                  <c:v>1.8617860000000004</c:v>
                </c:pt>
                <c:pt idx="373">
                  <c:v>1.8667909999999992</c:v>
                </c:pt>
                <c:pt idx="374">
                  <c:v>1.8717959999999998</c:v>
                </c:pt>
                <c:pt idx="375">
                  <c:v>1.8767999999999994</c:v>
                </c:pt>
                <c:pt idx="376">
                  <c:v>1.8818049999999999</c:v>
                </c:pt>
                <c:pt idx="377">
                  <c:v>1.8868100000000005</c:v>
                </c:pt>
                <c:pt idx="378">
                  <c:v>1.8918149999999994</c:v>
                </c:pt>
                <c:pt idx="379">
                  <c:v>1.89682</c:v>
                </c:pt>
                <c:pt idx="380">
                  <c:v>1.9018239999999995</c:v>
                </c:pt>
                <c:pt idx="381">
                  <c:v>1.9068290000000001</c:v>
                </c:pt>
                <c:pt idx="382">
                  <c:v>1.9118339999999989</c:v>
                </c:pt>
                <c:pt idx="383">
                  <c:v>1.9168389999999995</c:v>
                </c:pt>
                <c:pt idx="384">
                  <c:v>1.9218440000000001</c:v>
                </c:pt>
                <c:pt idx="385">
                  <c:v>1.9268479999999997</c:v>
                </c:pt>
                <c:pt idx="386">
                  <c:v>1.9318530000000003</c:v>
                </c:pt>
                <c:pt idx="387">
                  <c:v>1.9368579999999991</c:v>
                </c:pt>
                <c:pt idx="388">
                  <c:v>1.9418629999999997</c:v>
                </c:pt>
                <c:pt idx="389">
                  <c:v>1.9468680000000003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19999999992</c:v>
                </c:pt>
                <c:pt idx="393">
                  <c:v>1.9668869999999998</c:v>
                </c:pt>
                <c:pt idx="394">
                  <c:v>1.9718920000000004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59999999994</c:v>
                </c:pt>
                <c:pt idx="398">
                  <c:v>1.991911</c:v>
                </c:pt>
                <c:pt idx="399">
                  <c:v>1.9969160000000006</c:v>
                </c:pt>
                <c:pt idx="400">
                  <c:v>2.0019200000000001</c:v>
                </c:pt>
                <c:pt idx="401">
                  <c:v>2.006924999999999</c:v>
                </c:pt>
                <c:pt idx="402">
                  <c:v>2.0119299999999996</c:v>
                </c:pt>
                <c:pt idx="403">
                  <c:v>2.0169350000000001</c:v>
                </c:pt>
                <c:pt idx="404">
                  <c:v>2.021939999999999</c:v>
                </c:pt>
                <c:pt idx="405">
                  <c:v>2.0269440000000003</c:v>
                </c:pt>
                <c:pt idx="406">
                  <c:v>2.0319489999999991</c:v>
                </c:pt>
                <c:pt idx="407">
                  <c:v>2.0369539999999997</c:v>
                </c:pt>
                <c:pt idx="408">
                  <c:v>2.0419590000000003</c:v>
                </c:pt>
                <c:pt idx="409">
                  <c:v>2.0469639999999991</c:v>
                </c:pt>
                <c:pt idx="410">
                  <c:v>2.0519680000000005</c:v>
                </c:pt>
                <c:pt idx="411">
                  <c:v>2.0569729999999993</c:v>
                </c:pt>
                <c:pt idx="412">
                  <c:v>2.0619779999999999</c:v>
                </c:pt>
                <c:pt idx="413">
                  <c:v>2.0669830000000005</c:v>
                </c:pt>
              </c:numCache>
            </c:numRef>
          </c:xVal>
          <c:yVal>
            <c:numRef>
              <c:f>'Multi-20-15s(14)'!$E$2:$E$2664</c:f>
              <c:numCache>
                <c:formatCode>General</c:formatCode>
                <c:ptCount val="2663"/>
                <c:pt idx="0">
                  <c:v>0</c:v>
                </c:pt>
                <c:pt idx="1">
                  <c:v>0.83326399999987188</c:v>
                </c:pt>
                <c:pt idx="2">
                  <c:v>1.5813419999999496</c:v>
                </c:pt>
                <c:pt idx="3">
                  <c:v>1.9993979999999283</c:v>
                </c:pt>
                <c:pt idx="4">
                  <c:v>2.2492429999999786</c:v>
                </c:pt>
                <c:pt idx="5">
                  <c:v>2.3515390000000025</c:v>
                </c:pt>
                <c:pt idx="6">
                  <c:v>3.0236709999999221</c:v>
                </c:pt>
                <c:pt idx="7">
                  <c:v>3.7934319999999389</c:v>
                </c:pt>
                <c:pt idx="8">
                  <c:v>4.7202199999999266</c:v>
                </c:pt>
                <c:pt idx="9">
                  <c:v>6.1296569999999519</c:v>
                </c:pt>
                <c:pt idx="10">
                  <c:v>7.6496519999998327</c:v>
                </c:pt>
                <c:pt idx="11">
                  <c:v>9.303717000000006</c:v>
                </c:pt>
                <c:pt idx="12">
                  <c:v>10.563208999999915</c:v>
                </c:pt>
                <c:pt idx="13">
                  <c:v>11.026566999999886</c:v>
                </c:pt>
                <c:pt idx="14">
                  <c:v>11.780344000000014</c:v>
                </c:pt>
                <c:pt idx="15">
                  <c:v>12.88447199999996</c:v>
                </c:pt>
                <c:pt idx="16">
                  <c:v>13.955404999999928</c:v>
                </c:pt>
                <c:pt idx="17">
                  <c:v>14.877774000000045</c:v>
                </c:pt>
                <c:pt idx="18">
                  <c:v>15.665702999999894</c:v>
                </c:pt>
                <c:pt idx="19">
                  <c:v>16.054435999999896</c:v>
                </c:pt>
                <c:pt idx="20">
                  <c:v>16.600117999999839</c:v>
                </c:pt>
                <c:pt idx="21">
                  <c:v>16.935492999999951</c:v>
                </c:pt>
                <c:pt idx="22">
                  <c:v>16.554155000000037</c:v>
                </c:pt>
                <c:pt idx="23">
                  <c:v>16.034921999999824</c:v>
                </c:pt>
                <c:pt idx="24">
                  <c:v>15.31541100000004</c:v>
                </c:pt>
                <c:pt idx="25">
                  <c:v>14.902738999999883</c:v>
                </c:pt>
                <c:pt idx="26">
                  <c:v>14.862701999999899</c:v>
                </c:pt>
                <c:pt idx="27">
                  <c:v>14.773097999999891</c:v>
                </c:pt>
                <c:pt idx="28">
                  <c:v>14.542901000000029</c:v>
                </c:pt>
                <c:pt idx="29">
                  <c:v>14.30361999999991</c:v>
                </c:pt>
                <c:pt idx="30">
                  <c:v>14.263063999999986</c:v>
                </c:pt>
                <c:pt idx="31">
                  <c:v>14.411830000000009</c:v>
                </c:pt>
                <c:pt idx="32">
                  <c:v>14.982119000000012</c:v>
                </c:pt>
                <c:pt idx="33">
                  <c:v>15.770246000000043</c:v>
                </c:pt>
                <c:pt idx="34">
                  <c:v>15.985141999999996</c:v>
                </c:pt>
                <c:pt idx="35">
                  <c:v>16.238895999999841</c:v>
                </c:pt>
                <c:pt idx="36">
                  <c:v>16.484244999999873</c:v>
                </c:pt>
                <c:pt idx="37">
                  <c:v>17.022931999999855</c:v>
                </c:pt>
                <c:pt idx="38">
                  <c:v>17.861690999999837</c:v>
                </c:pt>
                <c:pt idx="39">
                  <c:v>18.459644000000026</c:v>
                </c:pt>
                <c:pt idx="40">
                  <c:v>18.902916000000005</c:v>
                </c:pt>
                <c:pt idx="41">
                  <c:v>19.713632999999845</c:v>
                </c:pt>
                <c:pt idx="42">
                  <c:v>20.570416000000023</c:v>
                </c:pt>
                <c:pt idx="43">
                  <c:v>20.94974400000001</c:v>
                </c:pt>
                <c:pt idx="44">
                  <c:v>21.360535999999911</c:v>
                </c:pt>
                <c:pt idx="45">
                  <c:v>21.707549999999856</c:v>
                </c:pt>
                <c:pt idx="46">
                  <c:v>22.248800999999958</c:v>
                </c:pt>
                <c:pt idx="47">
                  <c:v>22.154551999999967</c:v>
                </c:pt>
                <c:pt idx="48">
                  <c:v>21.95915100000002</c:v>
                </c:pt>
                <c:pt idx="49">
                  <c:v>21.608289999999897</c:v>
                </c:pt>
                <c:pt idx="50">
                  <c:v>21.682495999999901</c:v>
                </c:pt>
                <c:pt idx="51">
                  <c:v>21.35026599999992</c:v>
                </c:pt>
                <c:pt idx="52">
                  <c:v>20.639167000000043</c:v>
                </c:pt>
                <c:pt idx="53">
                  <c:v>20.463387000000012</c:v>
                </c:pt>
                <c:pt idx="54">
                  <c:v>20.396203000000014</c:v>
                </c:pt>
                <c:pt idx="55">
                  <c:v>20.399692999999843</c:v>
                </c:pt>
                <c:pt idx="56">
                  <c:v>20.21873400000004</c:v>
                </c:pt>
                <c:pt idx="57">
                  <c:v>20.370517999999947</c:v>
                </c:pt>
                <c:pt idx="58">
                  <c:v>20.385029999999915</c:v>
                </c:pt>
                <c:pt idx="59">
                  <c:v>20.769967999999835</c:v>
                </c:pt>
                <c:pt idx="60">
                  <c:v>21.108174999999846</c:v>
                </c:pt>
                <c:pt idx="61">
                  <c:v>21.523831999999857</c:v>
                </c:pt>
                <c:pt idx="62">
                  <c:v>22.074910999999929</c:v>
                </c:pt>
                <c:pt idx="63">
                  <c:v>22.49679100000003</c:v>
                </c:pt>
                <c:pt idx="64">
                  <c:v>23.065078999999969</c:v>
                </c:pt>
                <c:pt idx="65">
                  <c:v>23.711551999999983</c:v>
                </c:pt>
                <c:pt idx="66">
                  <c:v>24.180562999999893</c:v>
                </c:pt>
                <c:pt idx="67">
                  <c:v>24.893125999999938</c:v>
                </c:pt>
                <c:pt idx="68">
                  <c:v>25.328148999999939</c:v>
                </c:pt>
                <c:pt idx="69">
                  <c:v>25.787297999999964</c:v>
                </c:pt>
                <c:pt idx="70">
                  <c:v>25.906942999999956</c:v>
                </c:pt>
                <c:pt idx="71">
                  <c:v>25.575042999999823</c:v>
                </c:pt>
                <c:pt idx="72">
                  <c:v>24.91059899999982</c:v>
                </c:pt>
                <c:pt idx="73">
                  <c:v>23.856436000000031</c:v>
                </c:pt>
                <c:pt idx="74">
                  <c:v>23.230061999999862</c:v>
                </c:pt>
                <c:pt idx="75">
                  <c:v>22.995157999999947</c:v>
                </c:pt>
                <c:pt idx="76">
                  <c:v>22.885287999999946</c:v>
                </c:pt>
                <c:pt idx="77">
                  <c:v>22.889588000000003</c:v>
                </c:pt>
                <c:pt idx="78">
                  <c:v>22.890349999999899</c:v>
                </c:pt>
                <c:pt idx="79">
                  <c:v>23.128221999999823</c:v>
                </c:pt>
                <c:pt idx="80">
                  <c:v>23.44415099999992</c:v>
                </c:pt>
                <c:pt idx="81">
                  <c:v>24.190611999999874</c:v>
                </c:pt>
                <c:pt idx="82">
                  <c:v>24.697758999999905</c:v>
                </c:pt>
                <c:pt idx="83">
                  <c:v>25.346900000000005</c:v>
                </c:pt>
                <c:pt idx="84">
                  <c:v>25.677389999999832</c:v>
                </c:pt>
                <c:pt idx="85">
                  <c:v>26.056067999999868</c:v>
                </c:pt>
                <c:pt idx="86">
                  <c:v>26.754807000000028</c:v>
                </c:pt>
                <c:pt idx="87">
                  <c:v>27.290475999999899</c:v>
                </c:pt>
                <c:pt idx="88">
                  <c:v>27.481344999999919</c:v>
                </c:pt>
                <c:pt idx="89">
                  <c:v>26.946318000000019</c:v>
                </c:pt>
                <c:pt idx="90">
                  <c:v>26.336266000000023</c:v>
                </c:pt>
                <c:pt idx="91">
                  <c:v>25.677256999999827</c:v>
                </c:pt>
                <c:pt idx="92">
                  <c:v>25.745786999999837</c:v>
                </c:pt>
                <c:pt idx="93">
                  <c:v>25.967838999999913</c:v>
                </c:pt>
                <c:pt idx="94">
                  <c:v>25.415576999999985</c:v>
                </c:pt>
                <c:pt idx="95">
                  <c:v>25.110263000000032</c:v>
                </c:pt>
                <c:pt idx="96">
                  <c:v>25.013529999999946</c:v>
                </c:pt>
                <c:pt idx="97">
                  <c:v>25.283741999999847</c:v>
                </c:pt>
                <c:pt idx="98">
                  <c:v>25.90074699999991</c:v>
                </c:pt>
                <c:pt idx="99">
                  <c:v>26.679077000000007</c:v>
                </c:pt>
                <c:pt idx="100">
                  <c:v>27.43491599999993</c:v>
                </c:pt>
                <c:pt idx="101">
                  <c:v>27.882202000000007</c:v>
                </c:pt>
                <c:pt idx="102">
                  <c:v>28.122157000000016</c:v>
                </c:pt>
                <c:pt idx="103">
                  <c:v>28.389318000000003</c:v>
                </c:pt>
                <c:pt idx="104">
                  <c:v>29.522138999999925</c:v>
                </c:pt>
                <c:pt idx="105">
                  <c:v>29.827862999999979</c:v>
                </c:pt>
                <c:pt idx="106">
                  <c:v>29.947658999999931</c:v>
                </c:pt>
                <c:pt idx="107">
                  <c:v>30.301988999999821</c:v>
                </c:pt>
                <c:pt idx="108">
                  <c:v>30.501178999999865</c:v>
                </c:pt>
                <c:pt idx="109">
                  <c:v>30.747560000000021</c:v>
                </c:pt>
                <c:pt idx="110">
                  <c:v>31.483934999999974</c:v>
                </c:pt>
                <c:pt idx="111">
                  <c:v>32.275985999999875</c:v>
                </c:pt>
                <c:pt idx="112">
                  <c:v>33.019819999999982</c:v>
                </c:pt>
                <c:pt idx="113">
                  <c:v>33.474390999999969</c:v>
                </c:pt>
                <c:pt idx="114">
                  <c:v>33.234781999999996</c:v>
                </c:pt>
                <c:pt idx="115">
                  <c:v>32.554267999999865</c:v>
                </c:pt>
                <c:pt idx="116">
                  <c:v>32.093125999999984</c:v>
                </c:pt>
                <c:pt idx="117">
                  <c:v>32.10378199999991</c:v>
                </c:pt>
                <c:pt idx="118">
                  <c:v>32.037168999999949</c:v>
                </c:pt>
                <c:pt idx="119">
                  <c:v>31.830755999999838</c:v>
                </c:pt>
                <c:pt idx="120">
                  <c:v>31.486731999999847</c:v>
                </c:pt>
                <c:pt idx="121">
                  <c:v>31.216952999999876</c:v>
                </c:pt>
                <c:pt idx="122">
                  <c:v>31.435904999999821</c:v>
                </c:pt>
                <c:pt idx="123">
                  <c:v>31.24479099999985</c:v>
                </c:pt>
                <c:pt idx="124">
                  <c:v>30.658199999999852</c:v>
                </c:pt>
                <c:pt idx="125">
                  <c:v>30.393958999999995</c:v>
                </c:pt>
                <c:pt idx="126">
                  <c:v>30.583425000000034</c:v>
                </c:pt>
                <c:pt idx="127">
                  <c:v>30.424968999999919</c:v>
                </c:pt>
                <c:pt idx="128">
                  <c:v>30.238292999999885</c:v>
                </c:pt>
                <c:pt idx="129">
                  <c:v>29.962198999999828</c:v>
                </c:pt>
                <c:pt idx="130">
                  <c:v>29.500984000000017</c:v>
                </c:pt>
                <c:pt idx="131">
                  <c:v>29.358496999999943</c:v>
                </c:pt>
                <c:pt idx="132">
                  <c:v>29.271379999999908</c:v>
                </c:pt>
                <c:pt idx="133">
                  <c:v>29.261901999999964</c:v>
                </c:pt>
                <c:pt idx="134">
                  <c:v>29.853294000000005</c:v>
                </c:pt>
                <c:pt idx="135">
                  <c:v>31.014329999999973</c:v>
                </c:pt>
                <c:pt idx="136">
                  <c:v>32.671908999999914</c:v>
                </c:pt>
                <c:pt idx="137">
                  <c:v>34.096881999999823</c:v>
                </c:pt>
                <c:pt idx="138">
                  <c:v>34.634058999999979</c:v>
                </c:pt>
                <c:pt idx="139">
                  <c:v>35.090888999999834</c:v>
                </c:pt>
                <c:pt idx="140">
                  <c:v>35.615575999999919</c:v>
                </c:pt>
                <c:pt idx="141">
                  <c:v>35.726490000000013</c:v>
                </c:pt>
                <c:pt idx="142">
                  <c:v>35.525179999999864</c:v>
                </c:pt>
                <c:pt idx="143">
                  <c:v>35.036648000000014</c:v>
                </c:pt>
                <c:pt idx="144">
                  <c:v>34.022269999999935</c:v>
                </c:pt>
                <c:pt idx="145">
                  <c:v>33.25029399999994</c:v>
                </c:pt>
                <c:pt idx="146">
                  <c:v>32.746642999999949</c:v>
                </c:pt>
                <c:pt idx="147">
                  <c:v>32.29704700000002</c:v>
                </c:pt>
                <c:pt idx="148">
                  <c:v>32.297885999999835</c:v>
                </c:pt>
                <c:pt idx="149">
                  <c:v>32.216233999999986</c:v>
                </c:pt>
                <c:pt idx="150">
                  <c:v>32.01953299999991</c:v>
                </c:pt>
                <c:pt idx="151">
                  <c:v>32.126130999999987</c:v>
                </c:pt>
                <c:pt idx="152">
                  <c:v>32.528438999999935</c:v>
                </c:pt>
                <c:pt idx="153">
                  <c:v>32.732426999999916</c:v>
                </c:pt>
                <c:pt idx="154">
                  <c:v>32.939499999999953</c:v>
                </c:pt>
                <c:pt idx="155">
                  <c:v>32.830757999999832</c:v>
                </c:pt>
                <c:pt idx="156">
                  <c:v>32.735656999999946</c:v>
                </c:pt>
                <c:pt idx="157">
                  <c:v>32.97824300000002</c:v>
                </c:pt>
                <c:pt idx="158">
                  <c:v>33.185849999999846</c:v>
                </c:pt>
                <c:pt idx="159">
                  <c:v>33.395938999999998</c:v>
                </c:pt>
                <c:pt idx="160">
                  <c:v>33.652649999999994</c:v>
                </c:pt>
                <c:pt idx="161">
                  <c:v>33.644751000000042</c:v>
                </c:pt>
                <c:pt idx="162">
                  <c:v>33.937648999999965</c:v>
                </c:pt>
                <c:pt idx="163">
                  <c:v>34.44430599999987</c:v>
                </c:pt>
                <c:pt idx="164">
                  <c:v>34.786795999999867</c:v>
                </c:pt>
                <c:pt idx="165">
                  <c:v>35.033887999999934</c:v>
                </c:pt>
                <c:pt idx="166">
                  <c:v>35.210075999999844</c:v>
                </c:pt>
                <c:pt idx="167">
                  <c:v>35.265331999999944</c:v>
                </c:pt>
                <c:pt idx="168">
                  <c:v>35.486819999999852</c:v>
                </c:pt>
                <c:pt idx="169">
                  <c:v>35.703134999999975</c:v>
                </c:pt>
                <c:pt idx="170">
                  <c:v>35.881901999999855</c:v>
                </c:pt>
                <c:pt idx="171">
                  <c:v>36.052417999999989</c:v>
                </c:pt>
                <c:pt idx="172">
                  <c:v>36.249047000000019</c:v>
                </c:pt>
                <c:pt idx="173">
                  <c:v>36.164499999999862</c:v>
                </c:pt>
                <c:pt idx="174">
                  <c:v>36.200132999999823</c:v>
                </c:pt>
                <c:pt idx="175">
                  <c:v>36.523600999999871</c:v>
                </c:pt>
                <c:pt idx="176">
                  <c:v>36.839810999999827</c:v>
                </c:pt>
                <c:pt idx="177">
                  <c:v>37.304234999999835</c:v>
                </c:pt>
                <c:pt idx="178">
                  <c:v>38.027620999999954</c:v>
                </c:pt>
                <c:pt idx="179">
                  <c:v>38.457012999999961</c:v>
                </c:pt>
                <c:pt idx="180">
                  <c:v>39.006932000000006</c:v>
                </c:pt>
                <c:pt idx="181">
                  <c:v>39.968543999999838</c:v>
                </c:pt>
                <c:pt idx="182">
                  <c:v>41.058753000000024</c:v>
                </c:pt>
                <c:pt idx="183">
                  <c:v>41.418340999999828</c:v>
                </c:pt>
                <c:pt idx="184">
                  <c:v>41.067888000000039</c:v>
                </c:pt>
                <c:pt idx="185">
                  <c:v>40.45022999999992</c:v>
                </c:pt>
                <c:pt idx="186">
                  <c:v>39.900442999999996</c:v>
                </c:pt>
                <c:pt idx="187">
                  <c:v>39.174593999999843</c:v>
                </c:pt>
                <c:pt idx="188">
                  <c:v>38.287354999999934</c:v>
                </c:pt>
                <c:pt idx="189">
                  <c:v>37.515498999999863</c:v>
                </c:pt>
                <c:pt idx="190">
                  <c:v>36.721716000000015</c:v>
                </c:pt>
                <c:pt idx="191">
                  <c:v>35.622382000000016</c:v>
                </c:pt>
                <c:pt idx="192">
                  <c:v>35.119386999999961</c:v>
                </c:pt>
                <c:pt idx="193">
                  <c:v>34.955750999999964</c:v>
                </c:pt>
                <c:pt idx="194">
                  <c:v>35.462620000000015</c:v>
                </c:pt>
                <c:pt idx="195">
                  <c:v>35.29719799999998</c:v>
                </c:pt>
                <c:pt idx="196">
                  <c:v>34.929397999999992</c:v>
                </c:pt>
                <c:pt idx="197">
                  <c:v>34.253551000000016</c:v>
                </c:pt>
                <c:pt idx="198">
                  <c:v>34.076785999999856</c:v>
                </c:pt>
                <c:pt idx="199">
                  <c:v>34.193173999999999</c:v>
                </c:pt>
                <c:pt idx="200">
                  <c:v>34.491045999999869</c:v>
                </c:pt>
                <c:pt idx="201">
                  <c:v>35.106742999999824</c:v>
                </c:pt>
                <c:pt idx="202">
                  <c:v>35.645537999999988</c:v>
                </c:pt>
                <c:pt idx="203">
                  <c:v>35.904990999999882</c:v>
                </c:pt>
                <c:pt idx="204">
                  <c:v>35.77618799999982</c:v>
                </c:pt>
                <c:pt idx="205">
                  <c:v>36.034139999999979</c:v>
                </c:pt>
                <c:pt idx="206">
                  <c:v>36.528844999999819</c:v>
                </c:pt>
                <c:pt idx="207">
                  <c:v>36.876766999999973</c:v>
                </c:pt>
                <c:pt idx="208">
                  <c:v>36.942839999999933</c:v>
                </c:pt>
                <c:pt idx="209">
                  <c:v>37.438043999999991</c:v>
                </c:pt>
                <c:pt idx="210">
                  <c:v>37.877248000000009</c:v>
                </c:pt>
                <c:pt idx="211">
                  <c:v>37.736776999999847</c:v>
                </c:pt>
                <c:pt idx="212">
                  <c:v>37.145166000000017</c:v>
                </c:pt>
                <c:pt idx="213">
                  <c:v>36.096230999999989</c:v>
                </c:pt>
                <c:pt idx="214">
                  <c:v>34.861426999999821</c:v>
                </c:pt>
                <c:pt idx="215">
                  <c:v>33.772574999999961</c:v>
                </c:pt>
                <c:pt idx="216">
                  <c:v>32.316398999999819</c:v>
                </c:pt>
                <c:pt idx="217">
                  <c:v>31.51611099999991</c:v>
                </c:pt>
                <c:pt idx="218">
                  <c:v>31.139075999999932</c:v>
                </c:pt>
                <c:pt idx="219">
                  <c:v>31.309575999999879</c:v>
                </c:pt>
                <c:pt idx="220">
                  <c:v>31.39691700000003</c:v>
                </c:pt>
                <c:pt idx="221">
                  <c:v>31.396136999999953</c:v>
                </c:pt>
                <c:pt idx="222">
                  <c:v>31.353889999999865</c:v>
                </c:pt>
                <c:pt idx="223">
                  <c:v>31.357882000000018</c:v>
                </c:pt>
                <c:pt idx="224">
                  <c:v>31.716993999999886</c:v>
                </c:pt>
                <c:pt idx="225">
                  <c:v>32.205480999999963</c:v>
                </c:pt>
                <c:pt idx="226">
                  <c:v>33.203929000000016</c:v>
                </c:pt>
                <c:pt idx="227">
                  <c:v>34.002666999999974</c:v>
                </c:pt>
                <c:pt idx="228">
                  <c:v>34.445825999999897</c:v>
                </c:pt>
                <c:pt idx="229">
                  <c:v>34.871285999999827</c:v>
                </c:pt>
                <c:pt idx="230">
                  <c:v>35.800837999999885</c:v>
                </c:pt>
                <c:pt idx="231">
                  <c:v>36.619662999999946</c:v>
                </c:pt>
                <c:pt idx="232">
                  <c:v>37.284194999999954</c:v>
                </c:pt>
                <c:pt idx="233">
                  <c:v>38.071555999999873</c:v>
                </c:pt>
                <c:pt idx="234">
                  <c:v>38.653798999999935</c:v>
                </c:pt>
                <c:pt idx="235">
                  <c:v>38.580549999999903</c:v>
                </c:pt>
                <c:pt idx="236">
                  <c:v>38.835505999999896</c:v>
                </c:pt>
                <c:pt idx="237">
                  <c:v>39.261401999999862</c:v>
                </c:pt>
                <c:pt idx="238">
                  <c:v>39.711818999999878</c:v>
                </c:pt>
                <c:pt idx="239">
                  <c:v>40.074438999999984</c:v>
                </c:pt>
                <c:pt idx="240">
                  <c:v>40.025519999999915</c:v>
                </c:pt>
                <c:pt idx="241">
                  <c:v>40.119905000000017</c:v>
                </c:pt>
                <c:pt idx="242">
                  <c:v>40.195148000000017</c:v>
                </c:pt>
                <c:pt idx="243">
                  <c:v>39.858639999999923</c:v>
                </c:pt>
                <c:pt idx="244">
                  <c:v>39.5757779999999</c:v>
                </c:pt>
                <c:pt idx="245">
                  <c:v>39.164888999999903</c:v>
                </c:pt>
                <c:pt idx="246">
                  <c:v>38.561303999999836</c:v>
                </c:pt>
                <c:pt idx="247">
                  <c:v>37.91684199999986</c:v>
                </c:pt>
                <c:pt idx="248">
                  <c:v>37.671339999999873</c:v>
                </c:pt>
                <c:pt idx="249">
                  <c:v>37.917612999999847</c:v>
                </c:pt>
                <c:pt idx="250">
                  <c:v>37.322654999999941</c:v>
                </c:pt>
                <c:pt idx="251">
                  <c:v>37.576393999999937</c:v>
                </c:pt>
                <c:pt idx="252">
                  <c:v>38.243216999999959</c:v>
                </c:pt>
                <c:pt idx="253">
                  <c:v>38.363419999999905</c:v>
                </c:pt>
                <c:pt idx="254">
                  <c:v>38.744395999999824</c:v>
                </c:pt>
                <c:pt idx="255">
                  <c:v>39.079364999999825</c:v>
                </c:pt>
                <c:pt idx="256">
                  <c:v>39.126038999999992</c:v>
                </c:pt>
                <c:pt idx="257">
                  <c:v>39.154407999999876</c:v>
                </c:pt>
                <c:pt idx="258">
                  <c:v>39.303042999999889</c:v>
                </c:pt>
                <c:pt idx="259">
                  <c:v>39.746829999999818</c:v>
                </c:pt>
                <c:pt idx="260">
                  <c:v>39.876674999999977</c:v>
                </c:pt>
                <c:pt idx="261">
                  <c:v>39.969605000000001</c:v>
                </c:pt>
                <c:pt idx="262">
                  <c:v>39.998290999999881</c:v>
                </c:pt>
                <c:pt idx="263">
                  <c:v>40.169973999999911</c:v>
                </c:pt>
                <c:pt idx="264">
                  <c:v>40.716578000000027</c:v>
                </c:pt>
                <c:pt idx="265">
                  <c:v>41.295822000000044</c:v>
                </c:pt>
                <c:pt idx="266">
                  <c:v>41.92461400000002</c:v>
                </c:pt>
                <c:pt idx="267">
                  <c:v>42.055468000000019</c:v>
                </c:pt>
                <c:pt idx="268">
                  <c:v>42.415835000000015</c:v>
                </c:pt>
                <c:pt idx="269">
                  <c:v>42.378661999999849</c:v>
                </c:pt>
                <c:pt idx="270">
                  <c:v>42.236662999999908</c:v>
                </c:pt>
                <c:pt idx="271">
                  <c:v>42.081455000000005</c:v>
                </c:pt>
                <c:pt idx="272">
                  <c:v>41.88851899999986</c:v>
                </c:pt>
                <c:pt idx="273">
                  <c:v>41.965054999999893</c:v>
                </c:pt>
                <c:pt idx="274">
                  <c:v>42.022117999999864</c:v>
                </c:pt>
                <c:pt idx="275">
                  <c:v>41.960027999999966</c:v>
                </c:pt>
                <c:pt idx="276">
                  <c:v>41.605917999999974</c:v>
                </c:pt>
                <c:pt idx="277">
                  <c:v>41.33113000000003</c:v>
                </c:pt>
                <c:pt idx="278">
                  <c:v>41.664177999999993</c:v>
                </c:pt>
                <c:pt idx="279">
                  <c:v>41.51037499999984</c:v>
                </c:pt>
                <c:pt idx="280">
                  <c:v>42.816632999999911</c:v>
                </c:pt>
                <c:pt idx="281">
                  <c:v>44.889484000000039</c:v>
                </c:pt>
                <c:pt idx="282">
                  <c:v>45.883994999999913</c:v>
                </c:pt>
                <c:pt idx="283">
                  <c:v>45.052864999999883</c:v>
                </c:pt>
                <c:pt idx="284">
                  <c:v>45.451844999999821</c:v>
                </c:pt>
                <c:pt idx="285">
                  <c:v>46.349048000000039</c:v>
                </c:pt>
                <c:pt idx="286">
                  <c:v>45.425039999999854</c:v>
                </c:pt>
                <c:pt idx="287">
                  <c:v>44.605090000000018</c:v>
                </c:pt>
                <c:pt idx="288">
                  <c:v>45.450063</c:v>
                </c:pt>
                <c:pt idx="289">
                  <c:v>45.578608999999915</c:v>
                </c:pt>
                <c:pt idx="290">
                  <c:v>44.248998999999912</c:v>
                </c:pt>
                <c:pt idx="291">
                  <c:v>44.45087999999987</c:v>
                </c:pt>
                <c:pt idx="292">
                  <c:v>45.454169999999976</c:v>
                </c:pt>
                <c:pt idx="293">
                  <c:v>45.940629999999828</c:v>
                </c:pt>
                <c:pt idx="294">
                  <c:v>45.017906000000039</c:v>
                </c:pt>
                <c:pt idx="295">
                  <c:v>43.249495999999908</c:v>
                </c:pt>
                <c:pt idx="296">
                  <c:v>41.948353999999881</c:v>
                </c:pt>
                <c:pt idx="297">
                  <c:v>43.245942000000014</c:v>
                </c:pt>
                <c:pt idx="298">
                  <c:v>45.32845199999997</c:v>
                </c:pt>
                <c:pt idx="299">
                  <c:v>46.100913999999875</c:v>
                </c:pt>
                <c:pt idx="300">
                  <c:v>46.281295999999884</c:v>
                </c:pt>
                <c:pt idx="301">
                  <c:v>46.434528</c:v>
                </c:pt>
                <c:pt idx="302">
                  <c:v>46.36988499999984</c:v>
                </c:pt>
                <c:pt idx="303">
                  <c:v>46.635481000000027</c:v>
                </c:pt>
                <c:pt idx="304">
                  <c:v>46.875231999999869</c:v>
                </c:pt>
                <c:pt idx="305">
                  <c:v>47.208566999999903</c:v>
                </c:pt>
                <c:pt idx="306">
                  <c:v>47.231720999999879</c:v>
                </c:pt>
                <c:pt idx="307">
                  <c:v>47.089654999999993</c:v>
                </c:pt>
                <c:pt idx="308">
                  <c:v>46.744703999999956</c:v>
                </c:pt>
                <c:pt idx="309">
                  <c:v>46.643074999999953</c:v>
                </c:pt>
                <c:pt idx="310">
                  <c:v>46.296450999999934</c:v>
                </c:pt>
                <c:pt idx="311">
                  <c:v>45.368343999999979</c:v>
                </c:pt>
                <c:pt idx="312">
                  <c:v>44.146735000000035</c:v>
                </c:pt>
                <c:pt idx="313">
                  <c:v>42.894651999999951</c:v>
                </c:pt>
                <c:pt idx="314">
                  <c:v>42.064129999999977</c:v>
                </c:pt>
                <c:pt idx="315">
                  <c:v>40.572075000000041</c:v>
                </c:pt>
                <c:pt idx="316">
                  <c:v>39.419296999999915</c:v>
                </c:pt>
                <c:pt idx="317">
                  <c:v>39.025773999999956</c:v>
                </c:pt>
                <c:pt idx="318">
                  <c:v>38.571050000000014</c:v>
                </c:pt>
                <c:pt idx="319">
                  <c:v>38.52877199999989</c:v>
                </c:pt>
                <c:pt idx="320">
                  <c:v>38.751801999999998</c:v>
                </c:pt>
                <c:pt idx="321">
                  <c:v>39.297648999999865</c:v>
                </c:pt>
                <c:pt idx="322">
                  <c:v>40.095104999999876</c:v>
                </c:pt>
                <c:pt idx="323">
                  <c:v>40.855779999999868</c:v>
                </c:pt>
                <c:pt idx="324">
                  <c:v>41.332365999999865</c:v>
                </c:pt>
                <c:pt idx="325">
                  <c:v>41.955211999999847</c:v>
                </c:pt>
                <c:pt idx="326">
                  <c:v>42.452508999999964</c:v>
                </c:pt>
                <c:pt idx="327">
                  <c:v>43.030739999999923</c:v>
                </c:pt>
                <c:pt idx="328">
                  <c:v>43.199552999999923</c:v>
                </c:pt>
                <c:pt idx="329">
                  <c:v>43.343449999999848</c:v>
                </c:pt>
                <c:pt idx="330">
                  <c:v>43.50731699999983</c:v>
                </c:pt>
                <c:pt idx="331">
                  <c:v>43.591314999999895</c:v>
                </c:pt>
                <c:pt idx="332">
                  <c:v>43.723546999999826</c:v>
                </c:pt>
                <c:pt idx="333">
                  <c:v>44.020248999999922</c:v>
                </c:pt>
                <c:pt idx="334">
                  <c:v>44.032586000000038</c:v>
                </c:pt>
                <c:pt idx="335">
                  <c:v>43.760221999999885</c:v>
                </c:pt>
                <c:pt idx="336">
                  <c:v>43.036537999999837</c:v>
                </c:pt>
                <c:pt idx="337">
                  <c:v>42.649854999999889</c:v>
                </c:pt>
                <c:pt idx="338">
                  <c:v>42.172450000000026</c:v>
                </c:pt>
                <c:pt idx="339">
                  <c:v>41.551606999999876</c:v>
                </c:pt>
                <c:pt idx="340">
                  <c:v>40.633000000000038</c:v>
                </c:pt>
                <c:pt idx="341">
                  <c:v>39.74158999999986</c:v>
                </c:pt>
                <c:pt idx="342">
                  <c:v>39.336297999999942</c:v>
                </c:pt>
                <c:pt idx="343">
                  <c:v>38.896148999999923</c:v>
                </c:pt>
                <c:pt idx="344">
                  <c:v>38.590694999999869</c:v>
                </c:pt>
                <c:pt idx="345">
                  <c:v>38.774471999999832</c:v>
                </c:pt>
                <c:pt idx="346">
                  <c:v>39.380687999999964</c:v>
                </c:pt>
                <c:pt idx="347">
                  <c:v>39.71339399999988</c:v>
                </c:pt>
                <c:pt idx="348">
                  <c:v>40.20699999999988</c:v>
                </c:pt>
                <c:pt idx="349">
                  <c:v>41.070557000000008</c:v>
                </c:pt>
                <c:pt idx="350">
                  <c:v>42.031831999999895</c:v>
                </c:pt>
                <c:pt idx="351">
                  <c:v>42.893937999999935</c:v>
                </c:pt>
                <c:pt idx="352">
                  <c:v>43.224095999999918</c:v>
                </c:pt>
                <c:pt idx="353">
                  <c:v>43.942736999999852</c:v>
                </c:pt>
                <c:pt idx="354">
                  <c:v>44.512275999999929</c:v>
                </c:pt>
                <c:pt idx="355">
                  <c:v>44.961545999999998</c:v>
                </c:pt>
                <c:pt idx="356">
                  <c:v>45.208014999999932</c:v>
                </c:pt>
                <c:pt idx="357">
                  <c:v>45.113828000000012</c:v>
                </c:pt>
                <c:pt idx="358">
                  <c:v>45.060229999999819</c:v>
                </c:pt>
                <c:pt idx="359">
                  <c:v>44.972908999999845</c:v>
                </c:pt>
                <c:pt idx="360">
                  <c:v>44.731944999999996</c:v>
                </c:pt>
                <c:pt idx="361">
                  <c:v>44.315767999999935</c:v>
                </c:pt>
                <c:pt idx="362">
                  <c:v>43.552923999999848</c:v>
                </c:pt>
                <c:pt idx="363">
                  <c:v>42.852351999999883</c:v>
                </c:pt>
                <c:pt idx="364">
                  <c:v>42.184240999999929</c:v>
                </c:pt>
                <c:pt idx="365">
                  <c:v>41.933243999999831</c:v>
                </c:pt>
                <c:pt idx="366">
                  <c:v>42.274469999999837</c:v>
                </c:pt>
                <c:pt idx="367">
                  <c:v>42.739486999999826</c:v>
                </c:pt>
                <c:pt idx="368">
                  <c:v>43.290424999999914</c:v>
                </c:pt>
                <c:pt idx="369">
                  <c:v>43.965291999999863</c:v>
                </c:pt>
                <c:pt idx="370">
                  <c:v>44.485115999999834</c:v>
                </c:pt>
                <c:pt idx="371">
                  <c:v>44.903761000000031</c:v>
                </c:pt>
                <c:pt idx="372">
                  <c:v>44.998842999999852</c:v>
                </c:pt>
                <c:pt idx="373">
                  <c:v>45.002144999999928</c:v>
                </c:pt>
                <c:pt idx="374">
                  <c:v>44.552337999999963</c:v>
                </c:pt>
                <c:pt idx="375">
                  <c:v>44.176659999999856</c:v>
                </c:pt>
                <c:pt idx="376">
                  <c:v>44.838712999999871</c:v>
                </c:pt>
                <c:pt idx="377">
                  <c:v>45.408015999999861</c:v>
                </c:pt>
                <c:pt idx="378">
                  <c:v>45.952104999999847</c:v>
                </c:pt>
                <c:pt idx="379">
                  <c:v>46.445349999999962</c:v>
                </c:pt>
                <c:pt idx="380">
                  <c:v>46.564278999999942</c:v>
                </c:pt>
                <c:pt idx="381">
                  <c:v>46.647678000000042</c:v>
                </c:pt>
                <c:pt idx="382">
                  <c:v>46.560011999999915</c:v>
                </c:pt>
                <c:pt idx="383">
                  <c:v>46.10667199999989</c:v>
                </c:pt>
                <c:pt idx="384">
                  <c:v>45.398770999999897</c:v>
                </c:pt>
                <c:pt idx="385">
                  <c:v>45.14376100000004</c:v>
                </c:pt>
                <c:pt idx="386">
                  <c:v>44.470686999999998</c:v>
                </c:pt>
                <c:pt idx="387">
                  <c:v>43.530467999999928</c:v>
                </c:pt>
                <c:pt idx="388">
                  <c:v>42.787206999999853</c:v>
                </c:pt>
                <c:pt idx="389">
                  <c:v>42.698799000000008</c:v>
                </c:pt>
                <c:pt idx="390">
                  <c:v>42.944297000000006</c:v>
                </c:pt>
                <c:pt idx="391">
                  <c:v>43.163843000000043</c:v>
                </c:pt>
                <c:pt idx="392">
                  <c:v>43.517205999999987</c:v>
                </c:pt>
                <c:pt idx="393">
                  <c:v>43.763251999999966</c:v>
                </c:pt>
                <c:pt idx="394">
                  <c:v>43.777180000000044</c:v>
                </c:pt>
                <c:pt idx="395">
                  <c:v>43.067072999999937</c:v>
                </c:pt>
                <c:pt idx="396">
                  <c:v>42.535048999999844</c:v>
                </c:pt>
                <c:pt idx="397">
                  <c:v>42.831466999999975</c:v>
                </c:pt>
                <c:pt idx="398">
                  <c:v>43.565456999999924</c:v>
                </c:pt>
                <c:pt idx="399">
                  <c:v>43.978857999999946</c:v>
                </c:pt>
                <c:pt idx="400">
                  <c:v>44.700708999999961</c:v>
                </c:pt>
                <c:pt idx="401">
                  <c:v>45.313155999999935</c:v>
                </c:pt>
                <c:pt idx="402">
                  <c:v>45.648658999999952</c:v>
                </c:pt>
                <c:pt idx="403">
                  <c:v>46.796286000000009</c:v>
                </c:pt>
                <c:pt idx="404">
                  <c:v>48.679697000000033</c:v>
                </c:pt>
                <c:pt idx="405">
                  <c:v>49.618043999999827</c:v>
                </c:pt>
                <c:pt idx="406">
                  <c:v>49.184522000000015</c:v>
                </c:pt>
                <c:pt idx="407">
                  <c:v>48.320524999999861</c:v>
                </c:pt>
                <c:pt idx="408">
                  <c:v>47.308297999999922</c:v>
                </c:pt>
                <c:pt idx="409">
                  <c:v>46.132188000000042</c:v>
                </c:pt>
                <c:pt idx="410">
                  <c:v>44.335385999999971</c:v>
                </c:pt>
                <c:pt idx="411">
                  <c:v>42.036442999999963</c:v>
                </c:pt>
                <c:pt idx="412">
                  <c:v>39.65950399999997</c:v>
                </c:pt>
                <c:pt idx="413">
                  <c:v>37.90856699999994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C7C2-4547-AD0C-71DB91AA824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ulti-20-15s(14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Multi-20-15s(14)'!$D$2:$D$419</c:f>
              <c:numCache>
                <c:formatCode>General</c:formatCode>
                <c:ptCount val="418"/>
                <c:pt idx="0">
                  <c:v>0</c:v>
                </c:pt>
                <c:pt idx="1">
                  <c:v>5.0049999999997041E-3</c:v>
                </c:pt>
                <c:pt idx="2">
                  <c:v>1.0009999999999408E-2</c:v>
                </c:pt>
                <c:pt idx="3">
                  <c:v>1.5015000000000001E-2</c:v>
                </c:pt>
                <c:pt idx="4">
                  <c:v>2.0019999999999705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3999999999565E-2</c:v>
                </c:pt>
                <c:pt idx="8">
                  <c:v>4.0039000000000158E-2</c:v>
                </c:pt>
                <c:pt idx="9">
                  <c:v>4.5043999999999862E-2</c:v>
                </c:pt>
                <c:pt idx="10">
                  <c:v>5.0047999999999426E-2</c:v>
                </c:pt>
                <c:pt idx="11">
                  <c:v>5.5053000000000019E-2</c:v>
                </c:pt>
                <c:pt idx="12">
                  <c:v>6.0057999999999723E-2</c:v>
                </c:pt>
                <c:pt idx="13">
                  <c:v>6.5062999999999427E-2</c:v>
                </c:pt>
                <c:pt idx="14">
                  <c:v>7.0068000000000019E-2</c:v>
                </c:pt>
                <c:pt idx="15">
                  <c:v>7.5071999999999584E-2</c:v>
                </c:pt>
                <c:pt idx="16">
                  <c:v>8.0077000000000176E-2</c:v>
                </c:pt>
                <c:pt idx="17">
                  <c:v>8.508199999999988E-2</c:v>
                </c:pt>
                <c:pt idx="18">
                  <c:v>9.0086999999999584E-2</c:v>
                </c:pt>
                <c:pt idx="19">
                  <c:v>9.5092000000000176E-2</c:v>
                </c:pt>
                <c:pt idx="20">
                  <c:v>0.10009599999999974</c:v>
                </c:pt>
                <c:pt idx="21">
                  <c:v>0.10510099999999944</c:v>
                </c:pt>
                <c:pt idx="22">
                  <c:v>0.11010600000000004</c:v>
                </c:pt>
                <c:pt idx="23">
                  <c:v>0.11511099999999974</c:v>
                </c:pt>
                <c:pt idx="24">
                  <c:v>0.12011599999999945</c:v>
                </c:pt>
                <c:pt idx="25">
                  <c:v>0.1251199999999999</c:v>
                </c:pt>
                <c:pt idx="26">
                  <c:v>0.1301249999999996</c:v>
                </c:pt>
                <c:pt idx="27">
                  <c:v>0.13512999999999931</c:v>
                </c:pt>
                <c:pt idx="28">
                  <c:v>0.1401349999999999</c:v>
                </c:pt>
                <c:pt idx="29">
                  <c:v>0.1451399999999996</c:v>
                </c:pt>
                <c:pt idx="30">
                  <c:v>0.15014400000000006</c:v>
                </c:pt>
                <c:pt idx="31">
                  <c:v>0.15514899999999976</c:v>
                </c:pt>
                <c:pt idx="32">
                  <c:v>0.16015399999999946</c:v>
                </c:pt>
                <c:pt idx="33">
                  <c:v>0.16515900000000006</c:v>
                </c:pt>
                <c:pt idx="34">
                  <c:v>0.17016399999999976</c:v>
                </c:pt>
                <c:pt idx="35">
                  <c:v>0.17516799999999932</c:v>
                </c:pt>
                <c:pt idx="36">
                  <c:v>0.18017299999999992</c:v>
                </c:pt>
                <c:pt idx="37">
                  <c:v>0.18517799999999962</c:v>
                </c:pt>
                <c:pt idx="38">
                  <c:v>0.19018299999999932</c:v>
                </c:pt>
                <c:pt idx="39">
                  <c:v>0.19518799999999992</c:v>
                </c:pt>
                <c:pt idx="40">
                  <c:v>0.20019199999999948</c:v>
                </c:pt>
                <c:pt idx="41">
                  <c:v>0.20519700000000007</c:v>
                </c:pt>
                <c:pt idx="42">
                  <c:v>0.21020199999999978</c:v>
                </c:pt>
                <c:pt idx="43">
                  <c:v>0.21520699999999948</c:v>
                </c:pt>
                <c:pt idx="44">
                  <c:v>0.22021200000000007</c:v>
                </c:pt>
                <c:pt idx="45">
                  <c:v>0.22521599999999964</c:v>
                </c:pt>
                <c:pt idx="46">
                  <c:v>0.23022099999999934</c:v>
                </c:pt>
                <c:pt idx="47">
                  <c:v>0.23522599999999994</c:v>
                </c:pt>
                <c:pt idx="48">
                  <c:v>0.24023099999999964</c:v>
                </c:pt>
                <c:pt idx="49">
                  <c:v>0.24523599999999934</c:v>
                </c:pt>
                <c:pt idx="50">
                  <c:v>0.2502399999999998</c:v>
                </c:pt>
                <c:pt idx="51">
                  <c:v>0.2552449999999995</c:v>
                </c:pt>
                <c:pt idx="52">
                  <c:v>0.26025000000000009</c:v>
                </c:pt>
                <c:pt idx="53">
                  <c:v>0.2652549999999998</c:v>
                </c:pt>
                <c:pt idx="54">
                  <c:v>0.2702599999999995</c:v>
                </c:pt>
                <c:pt idx="55">
                  <c:v>0.27526399999999995</c:v>
                </c:pt>
                <c:pt idx="56">
                  <c:v>0.28026899999999966</c:v>
                </c:pt>
                <c:pt idx="57">
                  <c:v>0.28527399999999936</c:v>
                </c:pt>
                <c:pt idx="58">
                  <c:v>0.29027899999999995</c:v>
                </c:pt>
                <c:pt idx="59">
                  <c:v>0.29528399999999966</c:v>
                </c:pt>
                <c:pt idx="60">
                  <c:v>0.30028800000000011</c:v>
                </c:pt>
                <c:pt idx="61">
                  <c:v>0.30529299999999981</c:v>
                </c:pt>
                <c:pt idx="62">
                  <c:v>0.31029799999999952</c:v>
                </c:pt>
                <c:pt idx="63">
                  <c:v>0.31530300000000011</c:v>
                </c:pt>
                <c:pt idx="64">
                  <c:v>0.32030799999999982</c:v>
                </c:pt>
                <c:pt idx="65">
                  <c:v>0.32531199999999938</c:v>
                </c:pt>
                <c:pt idx="66">
                  <c:v>0.33031699999999997</c:v>
                </c:pt>
                <c:pt idx="67">
                  <c:v>0.33532199999999968</c:v>
                </c:pt>
                <c:pt idx="68">
                  <c:v>0.34032699999999938</c:v>
                </c:pt>
                <c:pt idx="69">
                  <c:v>0.34533199999999997</c:v>
                </c:pt>
                <c:pt idx="70">
                  <c:v>0.35033599999999954</c:v>
                </c:pt>
                <c:pt idx="71">
                  <c:v>0.35534100000000013</c:v>
                </c:pt>
                <c:pt idx="72">
                  <c:v>0.36034599999999983</c:v>
                </c:pt>
                <c:pt idx="73">
                  <c:v>0.36535099999999954</c:v>
                </c:pt>
                <c:pt idx="74">
                  <c:v>0.37035600000000013</c:v>
                </c:pt>
                <c:pt idx="75">
                  <c:v>0.37535999999999969</c:v>
                </c:pt>
                <c:pt idx="76">
                  <c:v>0.3803649999999994</c:v>
                </c:pt>
                <c:pt idx="77">
                  <c:v>0.38536999999999999</c:v>
                </c:pt>
                <c:pt idx="78">
                  <c:v>0.39037499999999969</c:v>
                </c:pt>
                <c:pt idx="79">
                  <c:v>0.3953799999999994</c:v>
                </c:pt>
                <c:pt idx="80">
                  <c:v>0.40038399999999985</c:v>
                </c:pt>
                <c:pt idx="81">
                  <c:v>0.40538899999999956</c:v>
                </c:pt>
                <c:pt idx="82">
                  <c:v>0.41039400000000015</c:v>
                </c:pt>
                <c:pt idx="83">
                  <c:v>0.41539899999999985</c:v>
                </c:pt>
                <c:pt idx="84">
                  <c:v>0.42040399999999956</c:v>
                </c:pt>
                <c:pt idx="85">
                  <c:v>0.42540800000000001</c:v>
                </c:pt>
                <c:pt idx="86">
                  <c:v>0.43041299999999971</c:v>
                </c:pt>
                <c:pt idx="87">
                  <c:v>0.43541799999999942</c:v>
                </c:pt>
                <c:pt idx="88">
                  <c:v>0.44042300000000001</c:v>
                </c:pt>
                <c:pt idx="89">
                  <c:v>0.44542799999999971</c:v>
                </c:pt>
                <c:pt idx="90">
                  <c:v>0.45043200000000017</c:v>
                </c:pt>
                <c:pt idx="91">
                  <c:v>0.45543699999999987</c:v>
                </c:pt>
                <c:pt idx="92">
                  <c:v>0.46044199999999957</c:v>
                </c:pt>
                <c:pt idx="93">
                  <c:v>0.46544700000000017</c:v>
                </c:pt>
                <c:pt idx="94">
                  <c:v>0.47045199999999987</c:v>
                </c:pt>
                <c:pt idx="95">
                  <c:v>0.47545599999999943</c:v>
                </c:pt>
                <c:pt idx="96">
                  <c:v>0.48046100000000003</c:v>
                </c:pt>
                <c:pt idx="97">
                  <c:v>0.48546599999999973</c:v>
                </c:pt>
                <c:pt idx="98">
                  <c:v>0.49047099999999944</c:v>
                </c:pt>
                <c:pt idx="99">
                  <c:v>0.49547600000000003</c:v>
                </c:pt>
                <c:pt idx="100">
                  <c:v>0.50047999999999959</c:v>
                </c:pt>
                <c:pt idx="101">
                  <c:v>0.50548500000000018</c:v>
                </c:pt>
                <c:pt idx="102">
                  <c:v>0.51048999999999989</c:v>
                </c:pt>
                <c:pt idx="103">
                  <c:v>0.51549499999999959</c:v>
                </c:pt>
                <c:pt idx="104">
                  <c:v>0.52050000000000018</c:v>
                </c:pt>
                <c:pt idx="105">
                  <c:v>0.52550399999999975</c:v>
                </c:pt>
                <c:pt idx="106">
                  <c:v>0.53050899999999945</c:v>
                </c:pt>
                <c:pt idx="107">
                  <c:v>0.53551400000000005</c:v>
                </c:pt>
                <c:pt idx="108">
                  <c:v>0.54051899999999975</c:v>
                </c:pt>
                <c:pt idx="109">
                  <c:v>0.54552399999999945</c:v>
                </c:pt>
                <c:pt idx="110">
                  <c:v>0.55052799999999991</c:v>
                </c:pt>
                <c:pt idx="111">
                  <c:v>0.55553299999999961</c:v>
                </c:pt>
                <c:pt idx="112">
                  <c:v>0.56053799999999931</c:v>
                </c:pt>
                <c:pt idx="113">
                  <c:v>0.56554299999999991</c:v>
                </c:pt>
                <c:pt idx="114">
                  <c:v>0.57054799999999961</c:v>
                </c:pt>
                <c:pt idx="115">
                  <c:v>0.57555200000000006</c:v>
                </c:pt>
                <c:pt idx="116">
                  <c:v>0.58055699999999977</c:v>
                </c:pt>
                <c:pt idx="117">
                  <c:v>0.58556199999999947</c:v>
                </c:pt>
                <c:pt idx="118">
                  <c:v>0.59056700000000006</c:v>
                </c:pt>
                <c:pt idx="119">
                  <c:v>0.59557199999999888</c:v>
                </c:pt>
                <c:pt idx="120">
                  <c:v>0.60057600000000022</c:v>
                </c:pt>
                <c:pt idx="121">
                  <c:v>0.60558099999999904</c:v>
                </c:pt>
                <c:pt idx="122">
                  <c:v>0.61058599999999963</c:v>
                </c:pt>
                <c:pt idx="123">
                  <c:v>0.61559100000000022</c:v>
                </c:pt>
                <c:pt idx="124">
                  <c:v>0.62059599999999904</c:v>
                </c:pt>
                <c:pt idx="125">
                  <c:v>0.62560000000000038</c:v>
                </c:pt>
                <c:pt idx="126">
                  <c:v>0.63060499999999919</c:v>
                </c:pt>
                <c:pt idx="127">
                  <c:v>0.63560999999999979</c:v>
                </c:pt>
                <c:pt idx="128">
                  <c:v>0.64061500000000038</c:v>
                </c:pt>
                <c:pt idx="129">
                  <c:v>0.64561999999999919</c:v>
                </c:pt>
                <c:pt idx="130">
                  <c:v>0.65062400000000054</c:v>
                </c:pt>
                <c:pt idx="131">
                  <c:v>0.65562899999999935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399999999935</c:v>
                </c:pt>
                <c:pt idx="135">
                  <c:v>0.67564799999999892</c:v>
                </c:pt>
                <c:pt idx="136">
                  <c:v>0.68065299999999951</c:v>
                </c:pt>
                <c:pt idx="137">
                  <c:v>0.6856580000000001</c:v>
                </c:pt>
                <c:pt idx="138">
                  <c:v>0.69066299999999892</c:v>
                </c:pt>
                <c:pt idx="139">
                  <c:v>0.69566799999999951</c:v>
                </c:pt>
                <c:pt idx="140">
                  <c:v>0.70067199999999907</c:v>
                </c:pt>
                <c:pt idx="141">
                  <c:v>0.70567699999999967</c:v>
                </c:pt>
                <c:pt idx="142">
                  <c:v>0.71068200000000026</c:v>
                </c:pt>
                <c:pt idx="143">
                  <c:v>0.71568699999999907</c:v>
                </c:pt>
                <c:pt idx="144">
                  <c:v>0.72069199999999967</c:v>
                </c:pt>
                <c:pt idx="145">
                  <c:v>0.72569599999999923</c:v>
                </c:pt>
                <c:pt idx="146">
                  <c:v>0.73070099999999982</c:v>
                </c:pt>
                <c:pt idx="147">
                  <c:v>0.73570600000000042</c:v>
                </c:pt>
                <c:pt idx="148">
                  <c:v>0.74071099999999923</c:v>
                </c:pt>
                <c:pt idx="149">
                  <c:v>0.74571599999999982</c:v>
                </c:pt>
                <c:pt idx="150">
                  <c:v>0.75071999999999939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499999999939</c:v>
                </c:pt>
                <c:pt idx="154">
                  <c:v>0.77073999999999998</c:v>
                </c:pt>
                <c:pt idx="155">
                  <c:v>0.77574399999999955</c:v>
                </c:pt>
                <c:pt idx="156">
                  <c:v>0.78074900000000014</c:v>
                </c:pt>
                <c:pt idx="157">
                  <c:v>0.78575399999999895</c:v>
                </c:pt>
                <c:pt idx="158">
                  <c:v>0.79075899999999955</c:v>
                </c:pt>
                <c:pt idx="159">
                  <c:v>0.79576400000000014</c:v>
                </c:pt>
                <c:pt idx="160">
                  <c:v>0.8007679999999997</c:v>
                </c:pt>
                <c:pt idx="161">
                  <c:v>0.80577300000000029</c:v>
                </c:pt>
                <c:pt idx="162">
                  <c:v>0.81077799999999911</c:v>
                </c:pt>
                <c:pt idx="163">
                  <c:v>0.8157829999999997</c:v>
                </c:pt>
                <c:pt idx="164">
                  <c:v>0.8207880000000003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199999999927</c:v>
                </c:pt>
                <c:pt idx="168">
                  <c:v>0.84080699999999986</c:v>
                </c:pt>
                <c:pt idx="169">
                  <c:v>0.84581200000000045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599999999942</c:v>
                </c:pt>
                <c:pt idx="173">
                  <c:v>0.86583100000000002</c:v>
                </c:pt>
                <c:pt idx="174">
                  <c:v>0.87083600000000061</c:v>
                </c:pt>
                <c:pt idx="175">
                  <c:v>0.87584000000000017</c:v>
                </c:pt>
                <c:pt idx="176">
                  <c:v>0.88084499999999899</c:v>
                </c:pt>
                <c:pt idx="177">
                  <c:v>0.88584999999999958</c:v>
                </c:pt>
                <c:pt idx="178">
                  <c:v>0.89085500000000017</c:v>
                </c:pt>
                <c:pt idx="179">
                  <c:v>0.89585999999999899</c:v>
                </c:pt>
                <c:pt idx="180">
                  <c:v>0.90086400000000033</c:v>
                </c:pt>
                <c:pt idx="181">
                  <c:v>0.90586899999999915</c:v>
                </c:pt>
                <c:pt idx="182">
                  <c:v>0.91087399999999974</c:v>
                </c:pt>
                <c:pt idx="183">
                  <c:v>0.91587900000000033</c:v>
                </c:pt>
                <c:pt idx="184">
                  <c:v>0.92088399999999915</c:v>
                </c:pt>
                <c:pt idx="185">
                  <c:v>0.92588800000000049</c:v>
                </c:pt>
                <c:pt idx="186">
                  <c:v>0.9308929999999993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79999999993</c:v>
                </c:pt>
                <c:pt idx="190">
                  <c:v>0.95091199999999887</c:v>
                </c:pt>
                <c:pt idx="191">
                  <c:v>0.95591699999999946</c:v>
                </c:pt>
                <c:pt idx="192">
                  <c:v>0.96092200000000005</c:v>
                </c:pt>
                <c:pt idx="193">
                  <c:v>0.96592699999999887</c:v>
                </c:pt>
                <c:pt idx="194">
                  <c:v>0.97093199999999946</c:v>
                </c:pt>
                <c:pt idx="195">
                  <c:v>0.97593599999999903</c:v>
                </c:pt>
                <c:pt idx="196">
                  <c:v>0.98094099999999962</c:v>
                </c:pt>
                <c:pt idx="197">
                  <c:v>0.98594600000000021</c:v>
                </c:pt>
                <c:pt idx="198">
                  <c:v>0.99095099999999903</c:v>
                </c:pt>
                <c:pt idx="199">
                  <c:v>0.99595599999999962</c:v>
                </c:pt>
                <c:pt idx="200">
                  <c:v>1.0009599999999992</c:v>
                </c:pt>
                <c:pt idx="201">
                  <c:v>1.0059649999999998</c:v>
                </c:pt>
                <c:pt idx="202">
                  <c:v>1.0109700000000004</c:v>
                </c:pt>
                <c:pt idx="203">
                  <c:v>1.0159749999999992</c:v>
                </c:pt>
                <c:pt idx="204">
                  <c:v>1.0209799999999998</c:v>
                </c:pt>
                <c:pt idx="205">
                  <c:v>1.0259839999999993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89999999993</c:v>
                </c:pt>
                <c:pt idx="209">
                  <c:v>1.0460039999999999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79999999989</c:v>
                </c:pt>
                <c:pt idx="213">
                  <c:v>1.0660229999999995</c:v>
                </c:pt>
                <c:pt idx="214">
                  <c:v>1.0710280000000001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19999999991</c:v>
                </c:pt>
                <c:pt idx="218">
                  <c:v>1.0910469999999997</c:v>
                </c:pt>
                <c:pt idx="219">
                  <c:v>1.0960520000000002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59999999992</c:v>
                </c:pt>
                <c:pt idx="223">
                  <c:v>1.1160709999999998</c:v>
                </c:pt>
                <c:pt idx="224">
                  <c:v>1.1210760000000004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899999999994</c:v>
                </c:pt>
                <c:pt idx="228">
                  <c:v>1.141095</c:v>
                </c:pt>
                <c:pt idx="229">
                  <c:v>1.1461000000000006</c:v>
                </c:pt>
                <c:pt idx="230">
                  <c:v>1.1511040000000001</c:v>
                </c:pt>
                <c:pt idx="231">
                  <c:v>1.1561089999999989</c:v>
                </c:pt>
                <c:pt idx="232">
                  <c:v>1.1611139999999995</c:v>
                </c:pt>
                <c:pt idx="233">
                  <c:v>1.1661190000000001</c:v>
                </c:pt>
                <c:pt idx="234">
                  <c:v>1.1711239999999989</c:v>
                </c:pt>
                <c:pt idx="235">
                  <c:v>1.1761280000000003</c:v>
                </c:pt>
                <c:pt idx="236">
                  <c:v>1.1811329999999991</c:v>
                </c:pt>
                <c:pt idx="237">
                  <c:v>1.1861379999999997</c:v>
                </c:pt>
                <c:pt idx="238">
                  <c:v>1.1911430000000003</c:v>
                </c:pt>
                <c:pt idx="239">
                  <c:v>1.1961479999999991</c:v>
                </c:pt>
                <c:pt idx="240">
                  <c:v>1.2011520000000004</c:v>
                </c:pt>
                <c:pt idx="241">
                  <c:v>1.2061569999999993</c:v>
                </c:pt>
                <c:pt idx="242">
                  <c:v>1.2111619999999998</c:v>
                </c:pt>
                <c:pt idx="243">
                  <c:v>1.2161670000000004</c:v>
                </c:pt>
                <c:pt idx="244">
                  <c:v>1.2211719999999993</c:v>
                </c:pt>
                <c:pt idx="245">
                  <c:v>1.2261760000000006</c:v>
                </c:pt>
                <c:pt idx="246">
                  <c:v>1.2311809999999994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59999999994</c:v>
                </c:pt>
                <c:pt idx="250">
                  <c:v>1.251199999999999</c:v>
                </c:pt>
                <c:pt idx="251">
                  <c:v>1.2562049999999996</c:v>
                </c:pt>
                <c:pt idx="252">
                  <c:v>1.2612100000000002</c:v>
                </c:pt>
                <c:pt idx="253">
                  <c:v>1.266214999999999</c:v>
                </c:pt>
                <c:pt idx="254">
                  <c:v>1.2712199999999996</c:v>
                </c:pt>
                <c:pt idx="255">
                  <c:v>1.2762239999999991</c:v>
                </c:pt>
                <c:pt idx="256">
                  <c:v>1.2812289999999997</c:v>
                </c:pt>
                <c:pt idx="257">
                  <c:v>1.2862340000000003</c:v>
                </c:pt>
                <c:pt idx="258">
                  <c:v>1.2912389999999991</c:v>
                </c:pt>
                <c:pt idx="259">
                  <c:v>1.2962439999999997</c:v>
                </c:pt>
                <c:pt idx="260">
                  <c:v>1.3012479999999993</c:v>
                </c:pt>
                <c:pt idx="261">
                  <c:v>1.3062529999999999</c:v>
                </c:pt>
                <c:pt idx="262">
                  <c:v>1.3112580000000005</c:v>
                </c:pt>
                <c:pt idx="263">
                  <c:v>1.3162629999999993</c:v>
                </c:pt>
                <c:pt idx="264">
                  <c:v>1.3212679999999999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19999999989</c:v>
                </c:pt>
                <c:pt idx="268">
                  <c:v>1.3412869999999995</c:v>
                </c:pt>
                <c:pt idx="269">
                  <c:v>1.346292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5999999999</c:v>
                </c:pt>
                <c:pt idx="273">
                  <c:v>1.3663109999999996</c:v>
                </c:pt>
                <c:pt idx="274">
                  <c:v>1.3713160000000002</c:v>
                </c:pt>
                <c:pt idx="275">
                  <c:v>1.3763199999999998</c:v>
                </c:pt>
                <c:pt idx="276">
                  <c:v>1.3813250000000004</c:v>
                </c:pt>
                <c:pt idx="277">
                  <c:v>1.3863299999999992</c:v>
                </c:pt>
                <c:pt idx="278">
                  <c:v>1.3913349999999998</c:v>
                </c:pt>
                <c:pt idx="279">
                  <c:v>1.3963400000000004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39999999993</c:v>
                </c:pt>
                <c:pt idx="283">
                  <c:v>1.4163589999999999</c:v>
                </c:pt>
                <c:pt idx="284">
                  <c:v>1.4213640000000005</c:v>
                </c:pt>
                <c:pt idx="285">
                  <c:v>1.4263680000000001</c:v>
                </c:pt>
                <c:pt idx="286">
                  <c:v>1.4313729999999989</c:v>
                </c:pt>
                <c:pt idx="287">
                  <c:v>1.4363779999999995</c:v>
                </c:pt>
                <c:pt idx="288">
                  <c:v>1.4413830000000001</c:v>
                </c:pt>
                <c:pt idx="289">
                  <c:v>1.4463879999999989</c:v>
                </c:pt>
                <c:pt idx="290">
                  <c:v>1.4513920000000002</c:v>
                </c:pt>
                <c:pt idx="291">
                  <c:v>1.4563969999999991</c:v>
                </c:pt>
                <c:pt idx="292">
                  <c:v>1.4614019999999996</c:v>
                </c:pt>
                <c:pt idx="293">
                  <c:v>1.4664070000000002</c:v>
                </c:pt>
                <c:pt idx="294">
                  <c:v>1.4714119999999991</c:v>
                </c:pt>
                <c:pt idx="295">
                  <c:v>1.4764160000000004</c:v>
                </c:pt>
                <c:pt idx="296">
                  <c:v>1.4814209999999992</c:v>
                </c:pt>
                <c:pt idx="297">
                  <c:v>1.4864259999999998</c:v>
                </c:pt>
                <c:pt idx="298">
                  <c:v>1.4914310000000004</c:v>
                </c:pt>
                <c:pt idx="299">
                  <c:v>1.4964359999999992</c:v>
                </c:pt>
                <c:pt idx="300">
                  <c:v>1.5014400000000006</c:v>
                </c:pt>
                <c:pt idx="301">
                  <c:v>1.5064449999999994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599999999994</c:v>
                </c:pt>
                <c:pt idx="305">
                  <c:v>1.5264639999999989</c:v>
                </c:pt>
                <c:pt idx="306">
                  <c:v>1.5314689999999995</c:v>
                </c:pt>
                <c:pt idx="307">
                  <c:v>1.5364740000000001</c:v>
                </c:pt>
                <c:pt idx="308">
                  <c:v>1.5414789999999989</c:v>
                </c:pt>
                <c:pt idx="309">
                  <c:v>1.5464839999999995</c:v>
                </c:pt>
                <c:pt idx="310">
                  <c:v>1.5514879999999991</c:v>
                </c:pt>
                <c:pt idx="311">
                  <c:v>1.5564929999999997</c:v>
                </c:pt>
                <c:pt idx="312">
                  <c:v>1.5614980000000003</c:v>
                </c:pt>
                <c:pt idx="313">
                  <c:v>1.5665029999999991</c:v>
                </c:pt>
                <c:pt idx="314">
                  <c:v>1.5715079999999997</c:v>
                </c:pt>
                <c:pt idx="315">
                  <c:v>1.5765119999999992</c:v>
                </c:pt>
                <c:pt idx="316">
                  <c:v>1.5815169999999998</c:v>
                </c:pt>
                <c:pt idx="317">
                  <c:v>1.5865220000000004</c:v>
                </c:pt>
                <c:pt idx="318">
                  <c:v>1.5915269999999992</c:v>
                </c:pt>
                <c:pt idx="319">
                  <c:v>1.5965319999999998</c:v>
                </c:pt>
                <c:pt idx="320">
                  <c:v>1.6015359999999994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09999999994</c:v>
                </c:pt>
                <c:pt idx="324">
                  <c:v>1.621556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69999999999</c:v>
                </c:pt>
                <c:pt idx="328">
                  <c:v>1.6415749999999996</c:v>
                </c:pt>
                <c:pt idx="329">
                  <c:v>1.6465800000000002</c:v>
                </c:pt>
                <c:pt idx="330">
                  <c:v>1.6515839999999997</c:v>
                </c:pt>
                <c:pt idx="331">
                  <c:v>1.6565890000000003</c:v>
                </c:pt>
                <c:pt idx="332">
                  <c:v>1.6615939999999991</c:v>
                </c:pt>
                <c:pt idx="333">
                  <c:v>1.6665989999999997</c:v>
                </c:pt>
                <c:pt idx="334">
                  <c:v>1.6716040000000003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79999999993</c:v>
                </c:pt>
                <c:pt idx="338">
                  <c:v>1.6916229999999999</c:v>
                </c:pt>
                <c:pt idx="339">
                  <c:v>1.6966280000000005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19999999994</c:v>
                </c:pt>
                <c:pt idx="343">
                  <c:v>1.716647</c:v>
                </c:pt>
                <c:pt idx="344">
                  <c:v>1.7216520000000006</c:v>
                </c:pt>
                <c:pt idx="345">
                  <c:v>1.7266560000000002</c:v>
                </c:pt>
                <c:pt idx="346">
                  <c:v>1.731660999999999</c:v>
                </c:pt>
                <c:pt idx="347">
                  <c:v>1.7366659999999996</c:v>
                </c:pt>
                <c:pt idx="348">
                  <c:v>1.7416710000000002</c:v>
                </c:pt>
                <c:pt idx="349">
                  <c:v>1.746675999999999</c:v>
                </c:pt>
                <c:pt idx="350">
                  <c:v>1.7516800000000003</c:v>
                </c:pt>
                <c:pt idx="351">
                  <c:v>1.7566849999999992</c:v>
                </c:pt>
                <c:pt idx="352">
                  <c:v>1.7616899999999998</c:v>
                </c:pt>
                <c:pt idx="353">
                  <c:v>1.7666950000000003</c:v>
                </c:pt>
                <c:pt idx="354">
                  <c:v>1.7716999999999992</c:v>
                </c:pt>
                <c:pt idx="355">
                  <c:v>1.7767040000000005</c:v>
                </c:pt>
                <c:pt idx="356">
                  <c:v>1.7817089999999993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39999999993</c:v>
                </c:pt>
                <c:pt idx="360">
                  <c:v>1.8017279999999989</c:v>
                </c:pt>
                <c:pt idx="361">
                  <c:v>1.8067329999999995</c:v>
                </c:pt>
                <c:pt idx="362">
                  <c:v>1.8117380000000001</c:v>
                </c:pt>
                <c:pt idx="363">
                  <c:v>1.8167429999999989</c:v>
                </c:pt>
                <c:pt idx="364">
                  <c:v>1.8217479999999995</c:v>
                </c:pt>
                <c:pt idx="365">
                  <c:v>1.826751999999999</c:v>
                </c:pt>
                <c:pt idx="366">
                  <c:v>1.8317569999999996</c:v>
                </c:pt>
                <c:pt idx="367">
                  <c:v>1.8367620000000002</c:v>
                </c:pt>
                <c:pt idx="368">
                  <c:v>1.841766999999999</c:v>
                </c:pt>
                <c:pt idx="369">
                  <c:v>1.8467719999999996</c:v>
                </c:pt>
                <c:pt idx="370">
                  <c:v>1.8517759999999992</c:v>
                </c:pt>
                <c:pt idx="371">
                  <c:v>1.8567809999999998</c:v>
                </c:pt>
                <c:pt idx="372">
                  <c:v>1.8617860000000004</c:v>
                </c:pt>
                <c:pt idx="373">
                  <c:v>1.8667909999999992</c:v>
                </c:pt>
                <c:pt idx="374">
                  <c:v>1.8717959999999998</c:v>
                </c:pt>
                <c:pt idx="375">
                  <c:v>1.8767999999999994</c:v>
                </c:pt>
                <c:pt idx="376">
                  <c:v>1.8818049999999999</c:v>
                </c:pt>
                <c:pt idx="377">
                  <c:v>1.8868100000000005</c:v>
                </c:pt>
                <c:pt idx="378">
                  <c:v>1.8918149999999994</c:v>
                </c:pt>
                <c:pt idx="379">
                  <c:v>1.89682</c:v>
                </c:pt>
                <c:pt idx="380">
                  <c:v>1.9018239999999995</c:v>
                </c:pt>
                <c:pt idx="381">
                  <c:v>1.9068290000000001</c:v>
                </c:pt>
                <c:pt idx="382">
                  <c:v>1.9118339999999989</c:v>
                </c:pt>
                <c:pt idx="383">
                  <c:v>1.9168389999999995</c:v>
                </c:pt>
                <c:pt idx="384">
                  <c:v>1.9218440000000001</c:v>
                </c:pt>
                <c:pt idx="385">
                  <c:v>1.9268479999999997</c:v>
                </c:pt>
                <c:pt idx="386">
                  <c:v>1.9318530000000003</c:v>
                </c:pt>
                <c:pt idx="387">
                  <c:v>1.9368579999999991</c:v>
                </c:pt>
                <c:pt idx="388">
                  <c:v>1.9418629999999997</c:v>
                </c:pt>
                <c:pt idx="389">
                  <c:v>1.9468680000000003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19999999992</c:v>
                </c:pt>
                <c:pt idx="393">
                  <c:v>1.9668869999999998</c:v>
                </c:pt>
                <c:pt idx="394">
                  <c:v>1.9718920000000004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59999999994</c:v>
                </c:pt>
                <c:pt idx="398">
                  <c:v>1.991911</c:v>
                </c:pt>
                <c:pt idx="399">
                  <c:v>1.9969160000000006</c:v>
                </c:pt>
                <c:pt idx="400">
                  <c:v>2.0019200000000001</c:v>
                </c:pt>
                <c:pt idx="401">
                  <c:v>2.006924999999999</c:v>
                </c:pt>
                <c:pt idx="402">
                  <c:v>2.0119299999999996</c:v>
                </c:pt>
                <c:pt idx="403">
                  <c:v>2.0169350000000001</c:v>
                </c:pt>
                <c:pt idx="404">
                  <c:v>2.021939999999999</c:v>
                </c:pt>
                <c:pt idx="405">
                  <c:v>2.0269440000000003</c:v>
                </c:pt>
                <c:pt idx="406">
                  <c:v>2.0319489999999991</c:v>
                </c:pt>
                <c:pt idx="407">
                  <c:v>2.0369539999999997</c:v>
                </c:pt>
                <c:pt idx="408">
                  <c:v>2.0419590000000003</c:v>
                </c:pt>
                <c:pt idx="409">
                  <c:v>2.0469639999999991</c:v>
                </c:pt>
                <c:pt idx="410">
                  <c:v>2.0519680000000005</c:v>
                </c:pt>
                <c:pt idx="411">
                  <c:v>2.0569729999999993</c:v>
                </c:pt>
                <c:pt idx="412">
                  <c:v>2.0619779999999999</c:v>
                </c:pt>
                <c:pt idx="413">
                  <c:v>2.0669830000000005</c:v>
                </c:pt>
              </c:numCache>
            </c:numRef>
          </c:xVal>
          <c:yVal>
            <c:numRef>
              <c:f>'Multi-20-15s(14)'!$F$2:$F$419</c:f>
              <c:numCache>
                <c:formatCode>General</c:formatCode>
                <c:ptCount val="418"/>
                <c:pt idx="1">
                  <c:v>0.12868066397302622</c:v>
                </c:pt>
                <c:pt idx="2">
                  <c:v>0.12203248233190606</c:v>
                </c:pt>
                <c:pt idx="3">
                  <c:v>0.10282942487916476</c:v>
                </c:pt>
                <c:pt idx="4">
                  <c:v>8.6742515285458358E-2</c:v>
                </c:pt>
                <c:pt idx="5">
                  <c:v>7.2547234542891595E-2</c:v>
                </c:pt>
                <c:pt idx="6">
                  <c:v>7.769512633531106E-2</c:v>
                </c:pt>
                <c:pt idx="7">
                  <c:v>8.3499680560935416E-2</c:v>
                </c:pt>
                <c:pt idx="8">
                  <c:v>9.0847080710320133E-2</c:v>
                </c:pt>
                <c:pt idx="9">
                  <c:v>0.10475137715403607</c:v>
                </c:pt>
                <c:pt idx="10">
                  <c:v>0.11751887416763369</c:v>
                </c:pt>
                <c:pt idx="11">
                  <c:v>0.1297705677916699</c:v>
                </c:pt>
                <c:pt idx="12">
                  <c:v>0.1349291806498272</c:v>
                </c:pt>
                <c:pt idx="13">
                  <c:v>0.12996690087364773</c:v>
                </c:pt>
                <c:pt idx="14">
                  <c:v>0.12885871741136079</c:v>
                </c:pt>
                <c:pt idx="15">
                  <c:v>0.13143070269317356</c:v>
                </c:pt>
                <c:pt idx="16">
                  <c:v>0.13334809575307702</c:v>
                </c:pt>
                <c:pt idx="17">
                  <c:v>0.13370450349392199</c:v>
                </c:pt>
                <c:pt idx="18">
                  <c:v>0.13288377691891867</c:v>
                </c:pt>
                <c:pt idx="19">
                  <c:v>0.12897522112565096</c:v>
                </c:pt>
                <c:pt idx="20">
                  <c:v>0.1266393456679312</c:v>
                </c:pt>
                <c:pt idx="21">
                  <c:v>0.12301384506277475</c:v>
                </c:pt>
                <c:pt idx="22">
                  <c:v>0.11481152359498446</c:v>
                </c:pt>
                <c:pt idx="23">
                  <c:v>0.10641717084491281</c:v>
                </c:pt>
                <c:pt idx="24">
                  <c:v>9.7460416088648485E-2</c:v>
                </c:pt>
                <c:pt idx="25">
                  <c:v>9.1070314887928161E-2</c:v>
                </c:pt>
                <c:pt idx="26">
                  <c:v>8.7334894744136318E-2</c:v>
                </c:pt>
                <c:pt idx="27">
                  <c:v>8.3598855482546724E-2</c:v>
                </c:pt>
                <c:pt idx="28">
                  <c:v>7.9370919938382481E-2</c:v>
                </c:pt>
                <c:pt idx="29">
                  <c:v>7.5386801056662817E-2</c:v>
                </c:pt>
                <c:pt idx="30">
                  <c:v>7.2669938495254258E-2</c:v>
                </c:pt>
                <c:pt idx="31">
                  <c:v>7.1051078102565418E-2</c:v>
                </c:pt>
                <c:pt idx="32">
                  <c:v>7.1523139945092656E-2</c:v>
                </c:pt>
                <c:pt idx="33">
                  <c:v>7.2960151880180762E-2</c:v>
                </c:pt>
                <c:pt idx="34">
                  <c:v>7.1767366935556381E-2</c:v>
                </c:pt>
                <c:pt idx="35">
                  <c:v>7.0810187496649135E-2</c:v>
                </c:pt>
                <c:pt idx="36">
                  <c:v>6.9870199821430404E-2</c:v>
                </c:pt>
                <c:pt idx="37">
                  <c:v>7.0174444560470381E-2</c:v>
                </c:pt>
                <c:pt idx="38">
                  <c:v>7.164846739695932E-2</c:v>
                </c:pt>
                <c:pt idx="39">
                  <c:v>7.2115425240673214E-2</c:v>
                </c:pt>
                <c:pt idx="40">
                  <c:v>7.1976923046846095E-2</c:v>
                </c:pt>
                <c:pt idx="41">
                  <c:v>7.318777511422718E-2</c:v>
                </c:pt>
                <c:pt idx="42">
                  <c:v>7.4501624723772614E-2</c:v>
                </c:pt>
                <c:pt idx="43">
                  <c:v>7.4089461891357108E-2</c:v>
                </c:pt>
                <c:pt idx="44">
                  <c:v>7.3802235734838337E-2</c:v>
                </c:pt>
                <c:pt idx="45">
                  <c:v>7.3315410917375853E-2</c:v>
                </c:pt>
                <c:pt idx="46">
                  <c:v>7.3479571753410786E-2</c:v>
                </c:pt>
                <c:pt idx="47">
                  <c:v>7.1616602272970412E-2</c:v>
                </c:pt>
                <c:pt idx="48">
                  <c:v>6.951637104321752E-2</c:v>
                </c:pt>
                <c:pt idx="49">
                  <c:v>6.7027445949258843E-2</c:v>
                </c:pt>
                <c:pt idx="50">
                  <c:v>6.5908969884899832E-2</c:v>
                </c:pt>
                <c:pt idx="51">
                  <c:v>6.3642582426200495E-2</c:v>
                </c:pt>
                <c:pt idx="52">
                  <c:v>6.0372367838539151E-2</c:v>
                </c:pt>
                <c:pt idx="53">
                  <c:v>5.8736604978045885E-2</c:v>
                </c:pt>
                <c:pt idx="54">
                  <c:v>5.7462520352635223E-2</c:v>
                </c:pt>
                <c:pt idx="55">
                  <c:v>5.6427417998521433E-2</c:v>
                </c:pt>
                <c:pt idx="56">
                  <c:v>5.4935704773515448E-2</c:v>
                </c:pt>
                <c:pt idx="57">
                  <c:v>5.4370771036435894E-2</c:v>
                </c:pt>
                <c:pt idx="58">
                  <c:v>5.3470783588477941E-2</c:v>
                </c:pt>
                <c:pt idx="59">
                  <c:v>5.3541366621023732E-2</c:v>
                </c:pt>
                <c:pt idx="60">
                  <c:v>5.3492692512136938E-2</c:v>
                </c:pt>
                <c:pt idx="61">
                  <c:v>5.363485927341094E-2</c:v>
                </c:pt>
                <c:pt idx="62">
                  <c:v>5.4098142028629337E-2</c:v>
                </c:pt>
                <c:pt idx="63">
                  <c:v>5.4239481692383032E-2</c:v>
                </c:pt>
                <c:pt idx="64">
                  <c:v>5.4717045946136827E-2</c:v>
                </c:pt>
                <c:pt idx="65">
                  <c:v>5.53582168633256E-2</c:v>
                </c:pt>
                <c:pt idx="66">
                  <c:v>5.5578011730695917E-2</c:v>
                </c:pt>
                <c:pt idx="67">
                  <c:v>5.6331332767741098E-2</c:v>
                </c:pt>
                <c:pt idx="68">
                  <c:v>5.6454211662065178E-2</c:v>
                </c:pt>
                <c:pt idx="69">
                  <c:v>5.6624852093639919E-2</c:v>
                </c:pt>
                <c:pt idx="70">
                  <c:v>5.6069936971468996E-2</c:v>
                </c:pt>
                <c:pt idx="71">
                  <c:v>5.4585717591609351E-2</c:v>
                </c:pt>
                <c:pt idx="72">
                  <c:v>5.2455537798758348E-2</c:v>
                </c:pt>
                <c:pt idx="73">
                  <c:v>4.9587209829841966E-2</c:v>
                </c:pt>
                <c:pt idx="74">
                  <c:v>4.7655389590508287E-2</c:v>
                </c:pt>
                <c:pt idx="75">
                  <c:v>4.6552924008547679E-2</c:v>
                </c:pt>
                <c:pt idx="76">
                  <c:v>4.5724677641748146E-2</c:v>
                </c:pt>
                <c:pt idx="77">
                  <c:v>4.5139159832423531E-2</c:v>
                </c:pt>
                <c:pt idx="78">
                  <c:v>4.4561888040677497E-2</c:v>
                </c:pt>
                <c:pt idx="79">
                  <c:v>4.4446973615061884E-2</c:v>
                </c:pt>
                <c:pt idx="80">
                  <c:v>4.4480350469591035E-2</c:v>
                </c:pt>
                <c:pt idx="81">
                  <c:v>4.5304266717039202E-2</c:v>
                </c:pt>
                <c:pt idx="82">
                  <c:v>4.5672372285688906E-2</c:v>
                </c:pt>
                <c:pt idx="83">
                  <c:v>4.6285240822489394E-2</c:v>
                </c:pt>
                <c:pt idx="84">
                  <c:v>4.6318906726614352E-2</c:v>
                </c:pt>
                <c:pt idx="85">
                  <c:v>4.6435784654023149E-2</c:v>
                </c:pt>
                <c:pt idx="86">
                  <c:v>4.7101637037099527E-2</c:v>
                </c:pt>
                <c:pt idx="87">
                  <c:v>4.7473149831688093E-2</c:v>
                </c:pt>
                <c:pt idx="88">
                  <c:v>4.7255082735830282E-2</c:v>
                </c:pt>
                <c:pt idx="89">
                  <c:v>4.5833018252462436E-2</c:v>
                </c:pt>
                <c:pt idx="90">
                  <c:v>4.4318216901941737E-2</c:v>
                </c:pt>
                <c:pt idx="91">
                  <c:v>4.2755759338651028E-2</c:v>
                </c:pt>
                <c:pt idx="92">
                  <c:v>4.240167144050172E-2</c:v>
                </c:pt>
                <c:pt idx="93">
                  <c:v>4.2300372091967145E-2</c:v>
                </c:pt>
                <c:pt idx="94">
                  <c:v>4.0977471197556674E-2</c:v>
                </c:pt>
                <c:pt idx="95">
                  <c:v>4.0068401342311516E-2</c:v>
                </c:pt>
                <c:pt idx="96">
                  <c:v>3.9501155910559284E-2</c:v>
                </c:pt>
                <c:pt idx="97">
                  <c:v>3.9508128782325298E-2</c:v>
                </c:pt>
                <c:pt idx="98">
                  <c:v>4.0040515611854018E-2</c:v>
                </c:pt>
                <c:pt idx="99">
                  <c:v>4.0803052939037167E-2</c:v>
                </c:pt>
                <c:pt idx="100">
                  <c:v>4.1515733268708818E-2</c:v>
                </c:pt>
                <c:pt idx="101">
                  <c:v>4.1760674912396378E-2</c:v>
                </c:pt>
                <c:pt idx="102">
                  <c:v>4.1699534935178237E-2</c:v>
                </c:pt>
                <c:pt idx="103">
                  <c:v>4.1678540881016829E-2</c:v>
                </c:pt>
                <c:pt idx="104">
                  <c:v>4.2888111256316579E-2</c:v>
                </c:pt>
                <c:pt idx="105">
                  <c:v>4.2909708227113125E-2</c:v>
                </c:pt>
                <c:pt idx="106">
                  <c:v>4.2671729164691197E-2</c:v>
                </c:pt>
                <c:pt idx="107">
                  <c:v>4.2761616971508258E-2</c:v>
                </c:pt>
                <c:pt idx="108">
                  <c:v>4.2637732954372523E-2</c:v>
                </c:pt>
                <c:pt idx="109">
                  <c:v>4.257987637251192E-2</c:v>
                </c:pt>
                <c:pt idx="110">
                  <c:v>4.3179306788772055E-2</c:v>
                </c:pt>
                <c:pt idx="111">
                  <c:v>4.3840559279158961E-2</c:v>
                </c:pt>
                <c:pt idx="112">
                  <c:v>4.4425505424579868E-2</c:v>
                </c:pt>
                <c:pt idx="113">
                  <c:v>4.4623222520773796E-2</c:v>
                </c:pt>
                <c:pt idx="114">
                  <c:v>4.3923099838556502E-2</c:v>
                </c:pt>
                <c:pt idx="115">
                  <c:v>4.2671568844610645E-2</c:v>
                </c:pt>
                <c:pt idx="116">
                  <c:v>4.1718963916924458E-2</c:v>
                </c:pt>
                <c:pt idx="117">
                  <c:v>4.1375778532871575E-2</c:v>
                </c:pt>
                <c:pt idx="118">
                  <c:v>4.0942056775084078E-2</c:v>
                </c:pt>
                <c:pt idx="119">
                  <c:v>4.0342707599766964E-2</c:v>
                </c:pt>
                <c:pt idx="120">
                  <c:v>3.9584463965059408E-2</c:v>
                </c:pt>
                <c:pt idx="121">
                  <c:v>3.8928878706732624E-2</c:v>
                </c:pt>
                <c:pt idx="122">
                  <c:v>3.887415356725607E-2</c:v>
                </c:pt>
                <c:pt idx="123">
                  <c:v>3.832920902438753E-2</c:v>
                </c:pt>
                <c:pt idx="124">
                  <c:v>3.7322832899390097E-2</c:v>
                </c:pt>
                <c:pt idx="125">
                  <c:v>3.6712517096675071E-2</c:v>
                </c:pt>
                <c:pt idx="126">
                  <c:v>3.6642927611810601E-2</c:v>
                </c:pt>
                <c:pt idx="127">
                  <c:v>3.6170363640599959E-2</c:v>
                </c:pt>
                <c:pt idx="128">
                  <c:v>3.5672609930296195E-2</c:v>
                </c:pt>
                <c:pt idx="129">
                  <c:v>3.5080199454242969E-2</c:v>
                </c:pt>
                <c:pt idx="130">
                  <c:v>3.4286503923401913E-2</c:v>
                </c:pt>
                <c:pt idx="131">
                  <c:v>3.3864076710891158E-2</c:v>
                </c:pt>
                <c:pt idx="132">
                  <c:v>3.3510002933728633E-2</c:v>
                </c:pt>
                <c:pt idx="133">
                  <c:v>3.3247507637156476E-2</c:v>
                </c:pt>
                <c:pt idx="134">
                  <c:v>3.3651258678160947E-2</c:v>
                </c:pt>
                <c:pt idx="135">
                  <c:v>3.4670650723457555E-2</c:v>
                </c:pt>
                <c:pt idx="136">
                  <c:v>3.6209743509742882E-2</c:v>
                </c:pt>
                <c:pt idx="137">
                  <c:v>3.7472893690070549E-2</c:v>
                </c:pt>
                <c:pt idx="138">
                  <c:v>3.7772136640367715E-2</c:v>
                </c:pt>
                <c:pt idx="139">
                  <c:v>3.7981951772296033E-2</c:v>
                </c:pt>
                <c:pt idx="140">
                  <c:v>3.82594388831346E-2</c:v>
                </c:pt>
                <c:pt idx="141">
                  <c:v>3.8103206060505226E-2</c:v>
                </c:pt>
                <c:pt idx="142">
                  <c:v>3.762737382589771E-2</c:v>
                </c:pt>
                <c:pt idx="143">
                  <c:v>3.6863969092605635E-2</c:v>
                </c:pt>
                <c:pt idx="144">
                  <c:v>3.5575262705421405E-2</c:v>
                </c:pt>
                <c:pt idx="145">
                  <c:v>3.4548406118672922E-2</c:v>
                </c:pt>
                <c:pt idx="146">
                  <c:v>3.380487241164E-2</c:v>
                </c:pt>
                <c:pt idx="147">
                  <c:v>3.3125164629446535E-2</c:v>
                </c:pt>
                <c:pt idx="148">
                  <c:v>3.2902171054832355E-2</c:v>
                </c:pt>
                <c:pt idx="149">
                  <c:v>3.2600729714122603E-2</c:v>
                </c:pt>
                <c:pt idx="150">
                  <c:v>3.2190482592803771E-2</c:v>
                </c:pt>
                <c:pt idx="151">
                  <c:v>3.2081168489600451E-2</c:v>
                </c:pt>
                <c:pt idx="152">
                  <c:v>3.2259407392513512E-2</c:v>
                </c:pt>
                <c:pt idx="153">
                  <c:v>3.2244569615518831E-2</c:v>
                </c:pt>
                <c:pt idx="154">
                  <c:v>3.2232808446092422E-2</c:v>
                </c:pt>
                <c:pt idx="155">
                  <c:v>3.1921783482973469E-2</c:v>
                </c:pt>
                <c:pt idx="156">
                  <c:v>3.1627542028516802E-2</c:v>
                </c:pt>
                <c:pt idx="157">
                  <c:v>3.1653174110096265E-2</c:v>
                </c:pt>
                <c:pt idx="158">
                  <c:v>3.1645878913213341E-2</c:v>
                </c:pt>
                <c:pt idx="159">
                  <c:v>3.1640907789921097E-2</c:v>
                </c:pt>
                <c:pt idx="160">
                  <c:v>3.1678752812860152E-2</c:v>
                </c:pt>
                <c:pt idx="161">
                  <c:v>3.1474780470161341E-2</c:v>
                </c:pt>
                <c:pt idx="162">
                  <c:v>3.1545834726709271E-2</c:v>
                </c:pt>
                <c:pt idx="163">
                  <c:v>3.1808209005491375E-2</c:v>
                </c:pt>
                <c:pt idx="164">
                  <c:v>3.1920362928777236E-2</c:v>
                </c:pt>
                <c:pt idx="165">
                  <c:v>3.1946349636847247E-2</c:v>
                </c:pt>
                <c:pt idx="166">
                  <c:v>3.190935328886526E-2</c:v>
                </c:pt>
                <c:pt idx="167">
                  <c:v>3.1766726409022582E-2</c:v>
                </c:pt>
                <c:pt idx="168">
                  <c:v>3.1770660392497464E-2</c:v>
                </c:pt>
                <c:pt idx="169">
                  <c:v>3.1770004421968534E-2</c:v>
                </c:pt>
                <c:pt idx="170">
                  <c:v>3.1737019896184063E-2</c:v>
                </c:pt>
                <c:pt idx="171">
                  <c:v>3.1697285448864791E-2</c:v>
                </c:pt>
                <c:pt idx="172">
                  <c:v>3.1680175590487095E-2</c:v>
                </c:pt>
                <c:pt idx="173">
                  <c:v>3.1425581413414484E-2</c:v>
                </c:pt>
                <c:pt idx="174">
                  <c:v>3.1274914880573747E-2</c:v>
                </c:pt>
                <c:pt idx="175">
                  <c:v>3.1366458058501238E-2</c:v>
                </c:pt>
                <c:pt idx="176">
                  <c:v>3.1450770122658352E-2</c:v>
                </c:pt>
                <c:pt idx="177">
                  <c:v>3.1656265900451251E-2</c:v>
                </c:pt>
                <c:pt idx="178">
                  <c:v>3.2071389058655121E-2</c:v>
                </c:pt>
                <c:pt idx="179">
                  <c:v>3.224192420771535E-2</c:v>
                </c:pt>
                <c:pt idx="180">
                  <c:v>3.2507889128126188E-2</c:v>
                </c:pt>
                <c:pt idx="181">
                  <c:v>3.3101350565805619E-2</c:v>
                </c:pt>
                <c:pt idx="182">
                  <c:v>3.3789764665205599E-2</c:v>
                </c:pt>
                <c:pt idx="183">
                  <c:v>3.3890288538560243E-2</c:v>
                </c:pt>
                <c:pt idx="184">
                  <c:v>3.3429677372823E-2</c:v>
                </c:pt>
                <c:pt idx="185">
                  <c:v>3.2764112564187015E-2</c:v>
                </c:pt>
                <c:pt idx="186">
                  <c:v>3.2158288416276402E-2</c:v>
                </c:pt>
                <c:pt idx="187">
                  <c:v>3.142154461782435E-2</c:v>
                </c:pt>
                <c:pt idx="188">
                  <c:v>3.0566900657980206E-2</c:v>
                </c:pt>
                <c:pt idx="189">
                  <c:v>2.9809493642872349E-2</c:v>
                </c:pt>
                <c:pt idx="190">
                  <c:v>2.9042539836419922E-2</c:v>
                </c:pt>
                <c:pt idx="191">
                  <c:v>2.8048777229928459E-2</c:v>
                </c:pt>
                <c:pt idx="192">
                  <c:v>2.7519111312713399E-2</c:v>
                </c:pt>
                <c:pt idx="193">
                  <c:v>2.7252318735092575E-2</c:v>
                </c:pt>
                <c:pt idx="194">
                  <c:v>2.7494472533416782E-2</c:v>
                </c:pt>
                <c:pt idx="195">
                  <c:v>2.7229293016715665E-2</c:v>
                </c:pt>
                <c:pt idx="196">
                  <c:v>2.6815503817622491E-2</c:v>
                </c:pt>
                <c:pt idx="197">
                  <c:v>2.6176484145491608E-2</c:v>
                </c:pt>
                <c:pt idx="198">
                  <c:v>2.5913324605312336E-2</c:v>
                </c:pt>
                <c:pt idx="199">
                  <c:v>2.586889418931141E-2</c:v>
                </c:pt>
                <c:pt idx="200">
                  <c:v>2.5957973164447944E-2</c:v>
                </c:pt>
                <c:pt idx="201">
                  <c:v>2.6277704137491031E-2</c:v>
                </c:pt>
                <c:pt idx="202">
                  <c:v>2.6538141055870847E-2</c:v>
                </c:pt>
                <c:pt idx="203">
                  <c:v>2.659442419245622E-2</c:v>
                </c:pt>
                <c:pt idx="204">
                  <c:v>2.6371675129977595E-2</c:v>
                </c:pt>
                <c:pt idx="205">
                  <c:v>2.6427139575060994E-2</c:v>
                </c:pt>
                <c:pt idx="206">
                  <c:v>2.6649978453830978E-2</c:v>
                </c:pt>
                <c:pt idx="207">
                  <c:v>2.6766828373376288E-2</c:v>
                </c:pt>
                <c:pt idx="208">
                  <c:v>2.6684539005723536E-2</c:v>
                </c:pt>
                <c:pt idx="209">
                  <c:v>2.6902823273341512E-2</c:v>
                </c:pt>
                <c:pt idx="210">
                  <c:v>2.7079902702909095E-2</c:v>
                </c:pt>
                <c:pt idx="211">
                  <c:v>2.6854439190151513E-2</c:v>
                </c:pt>
                <c:pt idx="212">
                  <c:v>2.6320444713390057E-2</c:v>
                </c:pt>
                <c:pt idx="213">
                  <c:v>2.5477193025137582E-2</c:v>
                </c:pt>
                <c:pt idx="214">
                  <c:v>2.4513442996100195E-2</c:v>
                </c:pt>
                <c:pt idx="215">
                  <c:v>2.3656759013733798E-2</c:v>
                </c:pt>
                <c:pt idx="216">
                  <c:v>2.2556701326819556E-2</c:v>
                </c:pt>
                <c:pt idx="217">
                  <c:v>2.1909956778401997E-2</c:v>
                </c:pt>
                <c:pt idx="218">
                  <c:v>2.1554672528935444E-2</c:v>
                </c:pt>
                <c:pt idx="219">
                  <c:v>2.157095017226511E-2</c:v>
                </c:pt>
                <c:pt idx="220">
                  <c:v>2.1531396703222818E-2</c:v>
                </c:pt>
                <c:pt idx="221">
                  <c:v>2.1433445828257566E-2</c:v>
                </c:pt>
                <c:pt idx="222">
                  <c:v>2.1308863535207941E-2</c:v>
                </c:pt>
                <c:pt idx="223">
                  <c:v>2.1215941266356172E-2</c:v>
                </c:pt>
                <c:pt idx="224">
                  <c:v>2.1357313406346206E-2</c:v>
                </c:pt>
                <c:pt idx="225">
                  <c:v>2.1581920092065169E-2</c:v>
                </c:pt>
                <c:pt idx="226">
                  <c:v>2.2135873927418909E-2</c:v>
                </c:pt>
                <c:pt idx="227">
                  <c:v>2.2554914808280254E-2</c:v>
                </c:pt>
                <c:pt idx="228">
                  <c:v>2.2741061474622577E-2</c:v>
                </c:pt>
                <c:pt idx="229">
                  <c:v>2.2914068380689202E-2</c:v>
                </c:pt>
                <c:pt idx="230">
                  <c:v>2.3406229576456154E-2</c:v>
                </c:pt>
                <c:pt idx="231">
                  <c:v>2.3823241253246905E-2</c:v>
                </c:pt>
                <c:pt idx="232">
                  <c:v>2.4138939602055424E-2</c:v>
                </c:pt>
                <c:pt idx="233">
                  <c:v>2.4528390696404442E-2</c:v>
                </c:pt>
                <c:pt idx="234">
                  <c:v>2.4786240973095734E-2</c:v>
                </c:pt>
                <c:pt idx="235">
                  <c:v>2.4635369481442682E-2</c:v>
                </c:pt>
                <c:pt idx="236">
                  <c:v>2.4688361684704677E-2</c:v>
                </c:pt>
                <c:pt idx="237">
                  <c:v>2.4845848342067399E-2</c:v>
                </c:pt>
                <c:pt idx="238">
                  <c:v>2.5016832189114879E-2</c:v>
                </c:pt>
                <c:pt idx="239">
                  <c:v>2.5132796537725741E-2</c:v>
                </c:pt>
                <c:pt idx="240">
                  <c:v>2.4998458794783886E-2</c:v>
                </c:pt>
                <c:pt idx="241">
                  <c:v>2.4951664631104774E-2</c:v>
                </c:pt>
                <c:pt idx="242">
                  <c:v>2.4893751714744939E-2</c:v>
                </c:pt>
                <c:pt idx="243">
                  <c:v>2.4589961877660479E-2</c:v>
                </c:pt>
                <c:pt idx="244">
                  <c:v>2.4320550259480638E-2</c:v>
                </c:pt>
                <c:pt idx="245">
                  <c:v>2.3977218327912789E-2</c:v>
                </c:pt>
                <c:pt idx="246">
                  <c:v>2.3522384202331111E-2</c:v>
                </c:pt>
                <c:pt idx="247">
                  <c:v>2.3046772846833031E-2</c:v>
                </c:pt>
                <c:pt idx="248">
                  <c:v>2.2809425887990262E-2</c:v>
                </c:pt>
                <c:pt idx="249">
                  <c:v>2.2862102550615115E-2</c:v>
                </c:pt>
                <c:pt idx="250">
                  <c:v>2.2423402749411701E-2</c:v>
                </c:pt>
                <c:pt idx="251">
                  <c:v>2.248161345651031E-2</c:v>
                </c:pt>
                <c:pt idx="252">
                  <c:v>2.2778352281985045E-2</c:v>
                </c:pt>
                <c:pt idx="253">
                  <c:v>2.2757572873023376E-2</c:v>
                </c:pt>
                <c:pt idx="254">
                  <c:v>2.288653238638293E-2</c:v>
                </c:pt>
                <c:pt idx="255">
                  <c:v>2.2988105579731452E-2</c:v>
                </c:pt>
                <c:pt idx="256">
                  <c:v>2.2924849775803748E-2</c:v>
                </c:pt>
                <c:pt idx="257">
                  <c:v>2.285171519610063E-2</c:v>
                </c:pt>
                <c:pt idx="258">
                  <c:v>2.2847001637623914E-2</c:v>
                </c:pt>
                <c:pt idx="259">
                  <c:v>2.3008100550674541E-2</c:v>
                </c:pt>
                <c:pt idx="260">
                  <c:v>2.299225573193316E-2</c:v>
                </c:pt>
                <c:pt idx="261">
                  <c:v>2.2955935379992666E-2</c:v>
                </c:pt>
                <c:pt idx="262">
                  <c:v>2.2884233822511292E-2</c:v>
                </c:pt>
                <c:pt idx="263">
                  <c:v>2.2892121171638895E-2</c:v>
                </c:pt>
                <c:pt idx="264">
                  <c:v>2.3106250750789113E-2</c:v>
                </c:pt>
                <c:pt idx="265">
                  <c:v>2.3336410739511496E-2</c:v>
                </c:pt>
                <c:pt idx="266">
                  <c:v>2.3591555072093054E-2</c:v>
                </c:pt>
                <c:pt idx="267">
                  <c:v>2.3574240334740836E-2</c:v>
                </c:pt>
                <c:pt idx="268">
                  <c:v>2.3681131276077034E-2</c:v>
                </c:pt>
                <c:pt idx="269">
                  <c:v>2.3573073215588221E-2</c:v>
                </c:pt>
                <c:pt idx="270">
                  <c:v>2.3409574594753183E-2</c:v>
                </c:pt>
                <c:pt idx="271">
                  <c:v>2.3240184242302921E-2</c:v>
                </c:pt>
                <c:pt idx="272">
                  <c:v>2.3051910018785281E-2</c:v>
                </c:pt>
                <c:pt idx="273">
                  <c:v>2.3008112914261761E-2</c:v>
                </c:pt>
                <c:pt idx="274">
                  <c:v>2.2954328835044585E-2</c:v>
                </c:pt>
                <c:pt idx="275">
                  <c:v>2.283814111533557E-2</c:v>
                </c:pt>
                <c:pt idx="276">
                  <c:v>2.2569340024510269E-2</c:v>
                </c:pt>
                <c:pt idx="277">
                  <c:v>2.2343937666305307E-2</c:v>
                </c:pt>
                <c:pt idx="278">
                  <c:v>2.243736081806719E-2</c:v>
                </c:pt>
                <c:pt idx="279">
                  <c:v>2.2276973748953148E-2</c:v>
                </c:pt>
                <c:pt idx="280">
                  <c:v>2.2873549576753697E-2</c:v>
                </c:pt>
                <c:pt idx="281">
                  <c:v>2.3858542112645098E-2</c:v>
                </c:pt>
                <c:pt idx="282">
                  <c:v>2.4282586465715954E-2</c:v>
                </c:pt>
                <c:pt idx="283">
                  <c:v>2.3773243102843823E-2</c:v>
                </c:pt>
                <c:pt idx="284">
                  <c:v>2.3892197021651927E-2</c:v>
                </c:pt>
                <c:pt idx="285">
                  <c:v>2.4262082885944291E-2</c:v>
                </c:pt>
                <c:pt idx="286">
                  <c:v>2.3711611865458438E-2</c:v>
                </c:pt>
                <c:pt idx="287">
                  <c:v>2.3216695382044846E-2</c:v>
                </c:pt>
                <c:pt idx="288">
                  <c:v>2.3559472057545123E-2</c:v>
                </c:pt>
                <c:pt idx="289">
                  <c:v>2.3542089577637763E-2</c:v>
                </c:pt>
                <c:pt idx="290">
                  <c:v>2.2799172691667917E-2</c:v>
                </c:pt>
                <c:pt idx="291">
                  <c:v>2.2821037718870441E-2</c:v>
                </c:pt>
                <c:pt idx="292">
                  <c:v>2.3238771306246225E-2</c:v>
                </c:pt>
                <c:pt idx="293">
                  <c:v>2.3398807746317082E-2</c:v>
                </c:pt>
                <c:pt idx="294">
                  <c:v>2.2866605946779542E-2</c:v>
                </c:pt>
                <c:pt idx="295">
                  <c:v>2.1922869916652571E-2</c:v>
                </c:pt>
                <c:pt idx="296">
                  <c:v>2.1212147053631173E-2</c:v>
                </c:pt>
                <c:pt idx="297">
                  <c:v>2.1773503849352442E-2</c:v>
                </c:pt>
                <c:pt idx="298">
                  <c:v>2.2710026706354396E-2</c:v>
                </c:pt>
                <c:pt idx="299">
                  <c:v>2.3006508172475189E-2</c:v>
                </c:pt>
                <c:pt idx="300">
                  <c:v>2.301645059956442E-2</c:v>
                </c:pt>
                <c:pt idx="301">
                  <c:v>2.301329944427799E-2</c:v>
                </c:pt>
                <c:pt idx="302">
                  <c:v>2.2906267496323147E-2</c:v>
                </c:pt>
                <c:pt idx="303">
                  <c:v>2.2956882585937588E-2</c:v>
                </c:pt>
                <c:pt idx="304">
                  <c:v>2.2994880199465221E-2</c:v>
                </c:pt>
                <c:pt idx="305">
                  <c:v>2.3076741101702287E-2</c:v>
                </c:pt>
                <c:pt idx="306">
                  <c:v>2.3012207602600365E-2</c:v>
                </c:pt>
                <c:pt idx="307">
                  <c:v>2.2870678853331688E-2</c:v>
                </c:pt>
                <c:pt idx="308">
                  <c:v>2.2635254037009229E-2</c:v>
                </c:pt>
                <c:pt idx="309">
                  <c:v>2.2514653155780631E-2</c:v>
                </c:pt>
                <c:pt idx="310">
                  <c:v>2.2281026024351426E-2</c:v>
                </c:pt>
                <c:pt idx="311">
                  <c:v>2.1779240616106667E-2</c:v>
                </c:pt>
                <c:pt idx="312">
                  <c:v>2.1144174486772048E-2</c:v>
                </c:pt>
                <c:pt idx="313">
                  <c:v>2.049804128245301E-2</c:v>
                </c:pt>
                <c:pt idx="314">
                  <c:v>2.0049606427540063E-2</c:v>
                </c:pt>
                <c:pt idx="315">
                  <c:v>1.9298614231010734E-2</c:v>
                </c:pt>
                <c:pt idx="316">
                  <c:v>1.8707113719340404E-2</c:v>
                </c:pt>
                <c:pt idx="317">
                  <c:v>1.8467388762924589E-2</c:v>
                </c:pt>
                <c:pt idx="318">
                  <c:v>1.8201023244152452E-2</c:v>
                </c:pt>
                <c:pt idx="319">
                  <c:v>1.8124652248961277E-2</c:v>
                </c:pt>
                <c:pt idx="320">
                  <c:v>1.8169567940295051E-2</c:v>
                </c:pt>
                <c:pt idx="321">
                  <c:v>1.8360571082051753E-2</c:v>
                </c:pt>
                <c:pt idx="322">
                  <c:v>1.8663805429245266E-2</c:v>
                </c:pt>
                <c:pt idx="323">
                  <c:v>1.8948197239439156E-2</c:v>
                </c:pt>
                <c:pt idx="324">
                  <c:v>1.9103237102969781E-2</c:v>
                </c:pt>
                <c:pt idx="325">
                  <c:v>1.9322432657180248E-2</c:v>
                </c:pt>
                <c:pt idx="326">
                  <c:v>1.9484227644971524E-2</c:v>
                </c:pt>
                <c:pt idx="327">
                  <c:v>1.9680695124951745E-2</c:v>
                </c:pt>
                <c:pt idx="328">
                  <c:v>1.9695175513376222E-2</c:v>
                </c:pt>
                <c:pt idx="329">
                  <c:v>1.9698592859358599E-2</c:v>
                </c:pt>
                <c:pt idx="330">
                  <c:v>1.9710740735947772E-2</c:v>
                </c:pt>
                <c:pt idx="331">
                  <c:v>1.9687891738540221E-2</c:v>
                </c:pt>
                <c:pt idx="332">
                  <c:v>1.9686183157254764E-2</c:v>
                </c:pt>
                <c:pt idx="333">
                  <c:v>1.9755864529260356E-2</c:v>
                </c:pt>
                <c:pt idx="334">
                  <c:v>1.9702051247426348E-2</c:v>
                </c:pt>
                <c:pt idx="335">
                  <c:v>1.9525722703474684E-2</c:v>
                </c:pt>
                <c:pt idx="336">
                  <c:v>1.9156033681928458E-2</c:v>
                </c:pt>
                <c:pt idx="337">
                  <c:v>1.8933062385007717E-2</c:v>
                </c:pt>
                <c:pt idx="338">
                  <c:v>1.867241760857398E-2</c:v>
                </c:pt>
                <c:pt idx="339">
                  <c:v>1.8351792565814411E-2</c:v>
                </c:pt>
                <c:pt idx="340">
                  <c:v>1.7905629300163178E-2</c:v>
                </c:pt>
                <c:pt idx="341">
                  <c:v>1.747313441267322E-2</c:v>
                </c:pt>
                <c:pt idx="342">
                  <c:v>1.7249614013285796E-2</c:v>
                </c:pt>
                <c:pt idx="343">
                  <c:v>1.7012492153117009E-2</c:v>
                </c:pt>
                <c:pt idx="344">
                  <c:v>1.6833684167404443E-2</c:v>
                </c:pt>
                <c:pt idx="345">
                  <c:v>1.6862504579424561E-2</c:v>
                </c:pt>
                <c:pt idx="346">
                  <c:v>1.7068870528553288E-2</c:v>
                </c:pt>
                <c:pt idx="347">
                  <c:v>1.7159183839159882E-2</c:v>
                </c:pt>
                <c:pt idx="348">
                  <c:v>1.7316122376973254E-2</c:v>
                </c:pt>
                <c:pt idx="349">
                  <c:v>1.76259329885236E-2</c:v>
                </c:pt>
                <c:pt idx="350">
                  <c:v>1.7973993993596671E-2</c:v>
                </c:pt>
                <c:pt idx="351">
                  <c:v>1.8278590547831788E-2</c:v>
                </c:pt>
                <c:pt idx="352">
                  <c:v>1.8362414414585269E-2</c:v>
                </c:pt>
                <c:pt idx="353">
                  <c:v>1.8604815366141586E-2</c:v>
                </c:pt>
                <c:pt idx="354">
                  <c:v>1.8784709394107837E-2</c:v>
                </c:pt>
                <c:pt idx="355">
                  <c:v>1.8914512900477493E-2</c:v>
                </c:pt>
                <c:pt idx="356">
                  <c:v>1.8961280934845042E-2</c:v>
                </c:pt>
                <c:pt idx="357">
                  <c:v>1.8870100631116812E-2</c:v>
                </c:pt>
                <c:pt idx="358">
                  <c:v>1.879578543487425E-2</c:v>
                </c:pt>
                <c:pt idx="359">
                  <c:v>1.8708325966579367E-2</c:v>
                </c:pt>
                <c:pt idx="360">
                  <c:v>1.8559748879403405E-2</c:v>
                </c:pt>
                <c:pt idx="361">
                  <c:v>1.8341843398944867E-2</c:v>
                </c:pt>
                <c:pt idx="362">
                  <c:v>1.7986572567101473E-2</c:v>
                </c:pt>
                <c:pt idx="363">
                  <c:v>1.7657750089158295E-2</c:v>
                </c:pt>
                <c:pt idx="364">
                  <c:v>1.7343366585743467E-2</c:v>
                </c:pt>
                <c:pt idx="365">
                  <c:v>1.7196180187337953E-2</c:v>
                </c:pt>
                <c:pt idx="366">
                  <c:v>1.7284325199697779E-2</c:v>
                </c:pt>
                <c:pt idx="367">
                  <c:v>1.7420768627384932E-2</c:v>
                </c:pt>
                <c:pt idx="368">
                  <c:v>1.7590126342632333E-2</c:v>
                </c:pt>
                <c:pt idx="369">
                  <c:v>1.7806935855598137E-2</c:v>
                </c:pt>
                <c:pt idx="370">
                  <c:v>1.7961804300825213E-2</c:v>
                </c:pt>
                <c:pt idx="371">
                  <c:v>1.8076310700271273E-2</c:v>
                </c:pt>
                <c:pt idx="372">
                  <c:v>1.806460568668633E-2</c:v>
                </c:pt>
                <c:pt idx="373">
                  <c:v>1.8017450743459545E-2</c:v>
                </c:pt>
                <c:pt idx="374">
                  <c:v>1.7795649409466516E-2</c:v>
                </c:pt>
                <c:pt idx="375">
                  <c:v>1.7603488468990396E-2</c:v>
                </c:pt>
                <c:pt idx="376">
                  <c:v>1.7810962938297033E-2</c:v>
                </c:pt>
                <c:pt idx="377">
                  <c:v>1.7981605338673923E-2</c:v>
                </c:pt>
                <c:pt idx="378">
                  <c:v>1.814154755423153E-2</c:v>
                </c:pt>
                <c:pt idx="379">
                  <c:v>1.8281159767741865E-2</c:v>
                </c:pt>
                <c:pt idx="380">
                  <c:v>1.827812416375979E-2</c:v>
                </c:pt>
                <c:pt idx="381">
                  <c:v>1.8261662325046588E-2</c:v>
                </c:pt>
                <c:pt idx="382">
                  <c:v>1.8180815110123275E-2</c:v>
                </c:pt>
                <c:pt idx="383">
                  <c:v>1.7962864398352742E-2</c:v>
                </c:pt>
                <c:pt idx="384">
                  <c:v>1.7650339686340662E-2</c:v>
                </c:pt>
                <c:pt idx="385">
                  <c:v>1.7508951651305425E-2</c:v>
                </c:pt>
                <c:pt idx="386">
                  <c:v>1.7211872940069258E-2</c:v>
                </c:pt>
                <c:pt idx="387">
                  <c:v>1.6816257227302733E-2</c:v>
                </c:pt>
                <c:pt idx="388">
                  <c:v>1.6495699227325709E-2</c:v>
                </c:pt>
                <c:pt idx="389">
                  <c:v>1.6420382750351126E-2</c:v>
                </c:pt>
                <c:pt idx="390">
                  <c:v>1.6469426245003822E-2</c:v>
                </c:pt>
                <c:pt idx="391">
                  <c:v>1.6508572229644632E-2</c:v>
                </c:pt>
                <c:pt idx="392">
                  <c:v>1.659687098845318E-2</c:v>
                </c:pt>
                <c:pt idx="393">
                  <c:v>1.6645173525223395E-2</c:v>
                </c:pt>
                <c:pt idx="394">
                  <c:v>1.6608036185218611E-2</c:v>
                </c:pt>
                <c:pt idx="395">
                  <c:v>1.6305943304406E-2</c:v>
                </c:pt>
                <c:pt idx="396">
                  <c:v>1.6070239565591764E-2</c:v>
                </c:pt>
                <c:pt idx="397">
                  <c:v>1.6137884992515138E-2</c:v>
                </c:pt>
                <c:pt idx="398">
                  <c:v>1.63641993666046E-2</c:v>
                </c:pt>
                <c:pt idx="399">
                  <c:v>1.6472983293895321E-2</c:v>
                </c:pt>
                <c:pt idx="400">
                  <c:v>1.6692499645230941E-2</c:v>
                </c:pt>
                <c:pt idx="401">
                  <c:v>1.6871280851180257E-2</c:v>
                </c:pt>
                <c:pt idx="402">
                  <c:v>1.6949667419067831E-2</c:v>
                </c:pt>
                <c:pt idx="403">
                  <c:v>1.7317824516530581E-2</c:v>
                </c:pt>
                <c:pt idx="404">
                  <c:v>1.7944995624736358E-2</c:v>
                </c:pt>
                <c:pt idx="405">
                  <c:v>1.8232994607752021E-2</c:v>
                </c:pt>
                <c:pt idx="406">
                  <c:v>1.8034994863242067E-2</c:v>
                </c:pt>
                <c:pt idx="407">
                  <c:v>1.7686034101136595E-2</c:v>
                </c:pt>
                <c:pt idx="408">
                  <c:v>1.7286147516486484E-2</c:v>
                </c:pt>
                <c:pt idx="409">
                  <c:v>1.6829957745214015E-2</c:v>
                </c:pt>
                <c:pt idx="410">
                  <c:v>1.6156683487669361E-2</c:v>
                </c:pt>
                <c:pt idx="411">
                  <c:v>1.5307945700571864E-2</c:v>
                </c:pt>
                <c:pt idx="412">
                  <c:v>1.4433004193104292E-2</c:v>
                </c:pt>
                <c:pt idx="413">
                  <c:v>1.3780499086568532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DDBD-40D0-910D-4C86D599BD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60367280"/>
        <c:axId val="460362360"/>
      </c:scatterChart>
      <c:valAx>
        <c:axId val="46036728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60362360"/>
        <c:crosses val="autoZero"/>
        <c:crossBetween val="midCat"/>
      </c:valAx>
      <c:valAx>
        <c:axId val="4603623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6036728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og"/>
            <c:dispRSqr val="0"/>
            <c:dispEq val="1"/>
            <c:trendlineLbl>
              <c:layout/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0.17556136143113937"/>
                  <c:y val="-0.25704150832452749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150-15s(6)'!$D$2:$D$2661</c:f>
              <c:numCache>
                <c:formatCode>General</c:formatCode>
                <c:ptCount val="2660"/>
                <c:pt idx="0">
                  <c:v>0</c:v>
                </c:pt>
                <c:pt idx="1">
                  <c:v>5.0050000000005923E-3</c:v>
                </c:pt>
                <c:pt idx="2">
                  <c:v>1.0010000000000296E-2</c:v>
                </c:pt>
                <c:pt idx="3">
                  <c:v>1.501500000000000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900000000075E-2</c:v>
                </c:pt>
                <c:pt idx="7">
                  <c:v>3.5034000000000454E-2</c:v>
                </c:pt>
                <c:pt idx="8">
                  <c:v>4.0039000000000158E-2</c:v>
                </c:pt>
                <c:pt idx="9">
                  <c:v>4.504300000000061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8000000000611E-2</c:v>
                </c:pt>
                <c:pt idx="13">
                  <c:v>6.5063000000000315E-2</c:v>
                </c:pt>
                <c:pt idx="14">
                  <c:v>7.0067000000000768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2000000000768E-2</c:v>
                </c:pt>
                <c:pt idx="18">
                  <c:v>9.0087000000000472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500000000049</c:v>
                </c:pt>
                <c:pt idx="27">
                  <c:v>0.13513000000000019</c:v>
                </c:pt>
                <c:pt idx="28">
                  <c:v>0.1401349999999999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400000000035</c:v>
                </c:pt>
                <c:pt idx="33">
                  <c:v>0.16515900000000006</c:v>
                </c:pt>
                <c:pt idx="34">
                  <c:v>0.17016300000000051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800000000051</c:v>
                </c:pt>
                <c:pt idx="38">
                  <c:v>0.19018300000000021</c:v>
                </c:pt>
                <c:pt idx="39">
                  <c:v>0.19518700000000067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200000000067</c:v>
                </c:pt>
                <c:pt idx="43">
                  <c:v>0.21520700000000037</c:v>
                </c:pt>
                <c:pt idx="44">
                  <c:v>0.22021099999999993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599999999994</c:v>
                </c:pt>
                <c:pt idx="48">
                  <c:v>0.24023100000000053</c:v>
                </c:pt>
                <c:pt idx="49">
                  <c:v>0.24523500000000009</c:v>
                </c:pt>
                <c:pt idx="50">
                  <c:v>0.25024000000000068</c:v>
                </c:pt>
                <c:pt idx="51">
                  <c:v>0.25524500000000039</c:v>
                </c:pt>
                <c:pt idx="52">
                  <c:v>0.26025000000000009</c:v>
                </c:pt>
                <c:pt idx="53">
                  <c:v>0.26525500000000068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400000000025</c:v>
                </c:pt>
                <c:pt idx="58">
                  <c:v>0.29027899999999995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800000000041</c:v>
                </c:pt>
                <c:pt idx="63">
                  <c:v>0.31530300000000011</c:v>
                </c:pt>
                <c:pt idx="64">
                  <c:v>0.32030700000000056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200000000056</c:v>
                </c:pt>
                <c:pt idx="68">
                  <c:v>0.34032700000000027</c:v>
                </c:pt>
                <c:pt idx="69">
                  <c:v>0.34533100000000072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600000000072</c:v>
                </c:pt>
                <c:pt idx="73">
                  <c:v>0.36535100000000043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900000000044</c:v>
                </c:pt>
                <c:pt idx="82">
                  <c:v>0.41039400000000015</c:v>
                </c:pt>
                <c:pt idx="83">
                  <c:v>0.41539900000000074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80000000003</c:v>
                </c:pt>
                <c:pt idx="88">
                  <c:v>0.44042300000000001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700000000076</c:v>
                </c:pt>
                <c:pt idx="92">
                  <c:v>0.46044200000000046</c:v>
                </c:pt>
                <c:pt idx="93">
                  <c:v>0.46544700000000017</c:v>
                </c:pt>
                <c:pt idx="94">
                  <c:v>0.47045100000000062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032</c:v>
                </c:pt>
                <c:pt idx="99">
                  <c:v>0.49547500000000078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8999999999989</c:v>
                </c:pt>
                <c:pt idx="103">
                  <c:v>0.51549500000000048</c:v>
                </c:pt>
                <c:pt idx="104">
                  <c:v>0.52049900000000004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400000000005</c:v>
                </c:pt>
                <c:pt idx="108">
                  <c:v>0.54051900000000064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80000000002</c:v>
                </c:pt>
                <c:pt idx="113">
                  <c:v>0.56554299999999991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036</c:v>
                </c:pt>
                <c:pt idx="118">
                  <c:v>0.59056700000000006</c:v>
                </c:pt>
                <c:pt idx="119">
                  <c:v>0.59557100000000052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600000000052</c:v>
                </c:pt>
                <c:pt idx="123">
                  <c:v>0.61559100000000022</c:v>
                </c:pt>
                <c:pt idx="124">
                  <c:v>0.62059500000000067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1000000000067</c:v>
                </c:pt>
                <c:pt idx="128">
                  <c:v>0.64061500000000038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900000000024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30000000001</c:v>
                </c:pt>
                <c:pt idx="135">
                  <c:v>0.67564800000000069</c:v>
                </c:pt>
                <c:pt idx="136">
                  <c:v>0.6806530000000004</c:v>
                </c:pt>
                <c:pt idx="137">
                  <c:v>0.6856580000000001</c:v>
                </c:pt>
                <c:pt idx="138">
                  <c:v>0.69066300000000069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200000000026</c:v>
                </c:pt>
                <c:pt idx="143">
                  <c:v>0.71568699999999996</c:v>
                </c:pt>
                <c:pt idx="144">
                  <c:v>0.72069100000000041</c:v>
                </c:pt>
                <c:pt idx="145">
                  <c:v>0.72569600000000012</c:v>
                </c:pt>
                <c:pt idx="146">
                  <c:v>0.73070100000000071</c:v>
                </c:pt>
                <c:pt idx="147">
                  <c:v>0.73570600000000042</c:v>
                </c:pt>
                <c:pt idx="148">
                  <c:v>0.74071100000000012</c:v>
                </c:pt>
                <c:pt idx="149">
                  <c:v>0.74571500000000057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500000000116</c:v>
                </c:pt>
                <c:pt idx="154">
                  <c:v>0.77073900000000073</c:v>
                </c:pt>
                <c:pt idx="155">
                  <c:v>0.77574399999999955</c:v>
                </c:pt>
                <c:pt idx="156">
                  <c:v>0.78074900000000014</c:v>
                </c:pt>
                <c:pt idx="157">
                  <c:v>0.78575400000000073</c:v>
                </c:pt>
                <c:pt idx="158">
                  <c:v>0.79075899999999955</c:v>
                </c:pt>
                <c:pt idx="159">
                  <c:v>0.79576300000000089</c:v>
                </c:pt>
                <c:pt idx="160">
                  <c:v>0.8007679999999997</c:v>
                </c:pt>
                <c:pt idx="161">
                  <c:v>0.80577300000000029</c:v>
                </c:pt>
                <c:pt idx="162">
                  <c:v>0.81077800000000089</c:v>
                </c:pt>
                <c:pt idx="163">
                  <c:v>0.8157829999999997</c:v>
                </c:pt>
                <c:pt idx="164">
                  <c:v>0.82078700000000104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200000000104</c:v>
                </c:pt>
                <c:pt idx="168">
                  <c:v>0.84080699999999986</c:v>
                </c:pt>
                <c:pt idx="169">
                  <c:v>0.8458110000000012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60000000012</c:v>
                </c:pt>
                <c:pt idx="173">
                  <c:v>0.86583100000000002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500000000077</c:v>
                </c:pt>
                <c:pt idx="177">
                  <c:v>0.88584999999999958</c:v>
                </c:pt>
                <c:pt idx="178">
                  <c:v>0.89085500000000017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900000000092</c:v>
                </c:pt>
                <c:pt idx="182">
                  <c:v>0.91087399999999974</c:v>
                </c:pt>
                <c:pt idx="183">
                  <c:v>0.91587900000000033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300000000108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699999999946</c:v>
                </c:pt>
                <c:pt idx="192">
                  <c:v>0.96092200000000005</c:v>
                </c:pt>
                <c:pt idx="193">
                  <c:v>0.96592700000000065</c:v>
                </c:pt>
                <c:pt idx="194">
                  <c:v>0.97093100000000021</c:v>
                </c:pt>
                <c:pt idx="195">
                  <c:v>0.9759360000000008</c:v>
                </c:pt>
                <c:pt idx="196">
                  <c:v>0.98094099999999962</c:v>
                </c:pt>
                <c:pt idx="197">
                  <c:v>0.98594600000000021</c:v>
                </c:pt>
                <c:pt idx="198">
                  <c:v>0.9909510000000008</c:v>
                </c:pt>
                <c:pt idx="199">
                  <c:v>0.99595500000000037</c:v>
                </c:pt>
                <c:pt idx="200">
                  <c:v>1.000960000000001</c:v>
                </c:pt>
                <c:pt idx="201">
                  <c:v>1.0059649999999998</c:v>
                </c:pt>
                <c:pt idx="202">
                  <c:v>1.0109700000000004</c:v>
                </c:pt>
                <c:pt idx="203">
                  <c:v>1.015975000000001</c:v>
                </c:pt>
                <c:pt idx="204">
                  <c:v>1.0209790000000005</c:v>
                </c:pt>
                <c:pt idx="205">
                  <c:v>1.0259840000000011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90000000011</c:v>
                </c:pt>
                <c:pt idx="209">
                  <c:v>1.0460030000000007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80000000007</c:v>
                </c:pt>
                <c:pt idx="213">
                  <c:v>1.0660229999999995</c:v>
                </c:pt>
                <c:pt idx="214">
                  <c:v>1.0710270000000008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20000000008</c:v>
                </c:pt>
                <c:pt idx="218">
                  <c:v>1.0910469999999997</c:v>
                </c:pt>
                <c:pt idx="219">
                  <c:v>1.096051000000001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6000000001</c:v>
                </c:pt>
                <c:pt idx="223">
                  <c:v>1.1160709999999998</c:v>
                </c:pt>
                <c:pt idx="224">
                  <c:v>1.1210750000000012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900000000012</c:v>
                </c:pt>
                <c:pt idx="228">
                  <c:v>1.141095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90000000007</c:v>
                </c:pt>
                <c:pt idx="232">
                  <c:v>1.1611139999999995</c:v>
                </c:pt>
                <c:pt idx="233">
                  <c:v>1.1661190000000001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30000000009</c:v>
                </c:pt>
                <c:pt idx="237">
                  <c:v>1.1861379999999997</c:v>
                </c:pt>
                <c:pt idx="238">
                  <c:v>1.191143000000000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7000000001</c:v>
                </c:pt>
                <c:pt idx="242">
                  <c:v>1.2111619999999998</c:v>
                </c:pt>
                <c:pt idx="243">
                  <c:v>1.2161670000000004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10000000012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50000000002</c:v>
                </c:pt>
                <c:pt idx="250">
                  <c:v>1.2512000000000008</c:v>
                </c:pt>
                <c:pt idx="251">
                  <c:v>1.2562049999999996</c:v>
                </c:pt>
                <c:pt idx="252">
                  <c:v>1.2612100000000002</c:v>
                </c:pt>
                <c:pt idx="253">
                  <c:v>1.2662150000000008</c:v>
                </c:pt>
                <c:pt idx="254">
                  <c:v>1.2712190000000003</c:v>
                </c:pt>
                <c:pt idx="255">
                  <c:v>1.2762240000000009</c:v>
                </c:pt>
                <c:pt idx="256">
                  <c:v>1.2812289999999997</c:v>
                </c:pt>
                <c:pt idx="257">
                  <c:v>1.2862340000000003</c:v>
                </c:pt>
                <c:pt idx="258">
                  <c:v>1.2912390000000009</c:v>
                </c:pt>
                <c:pt idx="259">
                  <c:v>1.2962430000000005</c:v>
                </c:pt>
                <c:pt idx="260">
                  <c:v>1.3012480000000011</c:v>
                </c:pt>
                <c:pt idx="261">
                  <c:v>1.3062529999999999</c:v>
                </c:pt>
                <c:pt idx="262">
                  <c:v>1.3112580000000005</c:v>
                </c:pt>
                <c:pt idx="263">
                  <c:v>1.3162630000000011</c:v>
                </c:pt>
                <c:pt idx="264">
                  <c:v>1.3212670000000006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20000000006</c:v>
                </c:pt>
                <c:pt idx="268">
                  <c:v>1.3412869999999995</c:v>
                </c:pt>
                <c:pt idx="269">
                  <c:v>1.3462910000000008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60000000008</c:v>
                </c:pt>
                <c:pt idx="273">
                  <c:v>1.3663109999999996</c:v>
                </c:pt>
                <c:pt idx="274">
                  <c:v>1.3713150000000009</c:v>
                </c:pt>
                <c:pt idx="275">
                  <c:v>1.3763199999999998</c:v>
                </c:pt>
                <c:pt idx="276">
                  <c:v>1.3813250000000004</c:v>
                </c:pt>
                <c:pt idx="277">
                  <c:v>1.386330000000001</c:v>
                </c:pt>
                <c:pt idx="278">
                  <c:v>1.3913349999999998</c:v>
                </c:pt>
                <c:pt idx="279">
                  <c:v>1.3963390000000011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40000000011</c:v>
                </c:pt>
                <c:pt idx="283">
                  <c:v>1.4163589999999999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79999999995</c:v>
                </c:pt>
                <c:pt idx="288">
                  <c:v>1.4413830000000001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70000000008</c:v>
                </c:pt>
                <c:pt idx="292">
                  <c:v>1.4614019999999996</c:v>
                </c:pt>
                <c:pt idx="293">
                  <c:v>1.4664070000000002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1000000001</c:v>
                </c:pt>
                <c:pt idx="297">
                  <c:v>1.4864259999999998</c:v>
                </c:pt>
                <c:pt idx="298">
                  <c:v>1.4914310000000004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50000000011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590000000001</c:v>
                </c:pt>
                <c:pt idx="305">
                  <c:v>1.5264640000000007</c:v>
                </c:pt>
                <c:pt idx="306">
                  <c:v>1.5314689999999995</c:v>
                </c:pt>
                <c:pt idx="307">
                  <c:v>1.5364740000000001</c:v>
                </c:pt>
                <c:pt idx="308">
                  <c:v>1.5414790000000007</c:v>
                </c:pt>
                <c:pt idx="309">
                  <c:v>1.5464830000000003</c:v>
                </c:pt>
                <c:pt idx="310">
                  <c:v>1.5514880000000009</c:v>
                </c:pt>
                <c:pt idx="311">
                  <c:v>1.5564929999999997</c:v>
                </c:pt>
                <c:pt idx="312">
                  <c:v>1.5614980000000003</c:v>
                </c:pt>
                <c:pt idx="313">
                  <c:v>1.5665030000000009</c:v>
                </c:pt>
                <c:pt idx="314">
                  <c:v>1.5715070000000004</c:v>
                </c:pt>
                <c:pt idx="315">
                  <c:v>1.576512000000001</c:v>
                </c:pt>
                <c:pt idx="316">
                  <c:v>1.5815169999999998</c:v>
                </c:pt>
                <c:pt idx="317">
                  <c:v>1.5865220000000004</c:v>
                </c:pt>
                <c:pt idx="318">
                  <c:v>1.591527000000001</c:v>
                </c:pt>
                <c:pt idx="319">
                  <c:v>1.5965310000000006</c:v>
                </c:pt>
                <c:pt idx="320">
                  <c:v>1.6015360000000012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10000000012</c:v>
                </c:pt>
                <c:pt idx="324">
                  <c:v>1.6215550000000007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700000000007</c:v>
                </c:pt>
                <c:pt idx="328">
                  <c:v>1.6415749999999996</c:v>
                </c:pt>
                <c:pt idx="329">
                  <c:v>1.6465790000000009</c:v>
                </c:pt>
                <c:pt idx="330">
                  <c:v>1.6515839999999997</c:v>
                </c:pt>
                <c:pt idx="331">
                  <c:v>1.6565890000000003</c:v>
                </c:pt>
                <c:pt idx="332">
                  <c:v>1.6615940000000009</c:v>
                </c:pt>
                <c:pt idx="333">
                  <c:v>1.6665989999999997</c:v>
                </c:pt>
                <c:pt idx="334">
                  <c:v>1.6716030000000011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80000000011</c:v>
                </c:pt>
                <c:pt idx="338">
                  <c:v>1.6916229999999999</c:v>
                </c:pt>
                <c:pt idx="339">
                  <c:v>1.6966270000000012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20000000012</c:v>
                </c:pt>
                <c:pt idx="343">
                  <c:v>1.716647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610000000008</c:v>
                </c:pt>
                <c:pt idx="347">
                  <c:v>1.7366659999999996</c:v>
                </c:pt>
                <c:pt idx="348">
                  <c:v>1.741671000000000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50000000009</c:v>
                </c:pt>
                <c:pt idx="352">
                  <c:v>1.7616899999999998</c:v>
                </c:pt>
                <c:pt idx="353">
                  <c:v>1.7666950000000003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90000000011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29999999995</c:v>
                </c:pt>
                <c:pt idx="362">
                  <c:v>1.8117380000000001</c:v>
                </c:pt>
                <c:pt idx="363">
                  <c:v>1.8167430000000007</c:v>
                </c:pt>
                <c:pt idx="364">
                  <c:v>1.8217470000000002</c:v>
                </c:pt>
                <c:pt idx="365">
                  <c:v>1.8267520000000008</c:v>
                </c:pt>
                <c:pt idx="366">
                  <c:v>1.8317569999999996</c:v>
                </c:pt>
                <c:pt idx="367">
                  <c:v>1.8367620000000002</c:v>
                </c:pt>
                <c:pt idx="368">
                  <c:v>1.8417670000000008</c:v>
                </c:pt>
                <c:pt idx="369">
                  <c:v>1.8467710000000004</c:v>
                </c:pt>
                <c:pt idx="370">
                  <c:v>1.851776000000001</c:v>
                </c:pt>
                <c:pt idx="371">
                  <c:v>1.8567809999999998</c:v>
                </c:pt>
                <c:pt idx="372">
                  <c:v>1.8617860000000004</c:v>
                </c:pt>
                <c:pt idx="373">
                  <c:v>1.866791000000001</c:v>
                </c:pt>
                <c:pt idx="374">
                  <c:v>1.8717950000000005</c:v>
                </c:pt>
                <c:pt idx="375">
                  <c:v>1.8768000000000011</c:v>
                </c:pt>
                <c:pt idx="376">
                  <c:v>1.8818049999999999</c:v>
                </c:pt>
                <c:pt idx="377">
                  <c:v>1.8868100000000005</c:v>
                </c:pt>
                <c:pt idx="378">
                  <c:v>1.8918150000000011</c:v>
                </c:pt>
                <c:pt idx="379">
                  <c:v>1.8968190000000007</c:v>
                </c:pt>
                <c:pt idx="380">
                  <c:v>1.9018239999999995</c:v>
                </c:pt>
                <c:pt idx="381">
                  <c:v>1.9068290000000001</c:v>
                </c:pt>
                <c:pt idx="382">
                  <c:v>1.9118340000000007</c:v>
                </c:pt>
                <c:pt idx="383">
                  <c:v>1.9168389999999995</c:v>
                </c:pt>
                <c:pt idx="384">
                  <c:v>1.9218430000000009</c:v>
                </c:pt>
                <c:pt idx="385">
                  <c:v>1.9268479999999997</c:v>
                </c:pt>
                <c:pt idx="386">
                  <c:v>1.9318530000000003</c:v>
                </c:pt>
                <c:pt idx="387">
                  <c:v>1.9368580000000009</c:v>
                </c:pt>
                <c:pt idx="388">
                  <c:v>1.9418629999999997</c:v>
                </c:pt>
                <c:pt idx="389">
                  <c:v>1.946867000000001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2000000001</c:v>
                </c:pt>
                <c:pt idx="393">
                  <c:v>1.9668869999999998</c:v>
                </c:pt>
                <c:pt idx="394">
                  <c:v>1.9718910000000012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60000000012</c:v>
                </c:pt>
                <c:pt idx="398">
                  <c:v>1.991911</c:v>
                </c:pt>
                <c:pt idx="399">
                  <c:v>1.9969149999999996</c:v>
                </c:pt>
                <c:pt idx="400">
                  <c:v>2.0019200000000001</c:v>
                </c:pt>
                <c:pt idx="401">
                  <c:v>2.0069250000000007</c:v>
                </c:pt>
                <c:pt idx="402">
                  <c:v>2.0119299999999996</c:v>
                </c:pt>
                <c:pt idx="403">
                  <c:v>2.0169350000000001</c:v>
                </c:pt>
                <c:pt idx="404">
                  <c:v>2.0219389999999997</c:v>
                </c:pt>
                <c:pt idx="405">
                  <c:v>2.0269440000000003</c:v>
                </c:pt>
                <c:pt idx="406">
                  <c:v>2.0319490000000009</c:v>
                </c:pt>
                <c:pt idx="407">
                  <c:v>2.0369539999999997</c:v>
                </c:pt>
                <c:pt idx="408">
                  <c:v>2.0419590000000003</c:v>
                </c:pt>
                <c:pt idx="409">
                  <c:v>2.0469629999999999</c:v>
                </c:pt>
                <c:pt idx="410">
                  <c:v>2.0519680000000005</c:v>
                </c:pt>
                <c:pt idx="411">
                  <c:v>2.0569730000000011</c:v>
                </c:pt>
              </c:numCache>
            </c:numRef>
          </c:xVal>
          <c:yVal>
            <c:numRef>
              <c:f>'Multi-150-15s(6)'!$E$2:$E$2661</c:f>
              <c:numCache>
                <c:formatCode>General</c:formatCode>
                <c:ptCount val="2660"/>
                <c:pt idx="0">
                  <c:v>0</c:v>
                </c:pt>
                <c:pt idx="1">
                  <c:v>0.20079800000007708</c:v>
                </c:pt>
                <c:pt idx="2">
                  <c:v>7.272400000010748E-2</c:v>
                </c:pt>
                <c:pt idx="3">
                  <c:v>3.5528999999996813E-2</c:v>
                </c:pt>
                <c:pt idx="4">
                  <c:v>0.28215100000011262</c:v>
                </c:pt>
                <c:pt idx="5">
                  <c:v>0.6789850000000115</c:v>
                </c:pt>
                <c:pt idx="6">
                  <c:v>0.88802400000008674</c:v>
                </c:pt>
                <c:pt idx="7">
                  <c:v>1.5172019999999975</c:v>
                </c:pt>
                <c:pt idx="8">
                  <c:v>2.1314440000001014</c:v>
                </c:pt>
                <c:pt idx="9">
                  <c:v>2.8259110000001328</c:v>
                </c:pt>
                <c:pt idx="10">
                  <c:v>3.6972030000001723</c:v>
                </c:pt>
                <c:pt idx="11">
                  <c:v>4.5699620000000323</c:v>
                </c:pt>
                <c:pt idx="12">
                  <c:v>5.4391880000000583</c:v>
                </c:pt>
                <c:pt idx="13">
                  <c:v>6.4912410000001728</c:v>
                </c:pt>
                <c:pt idx="14">
                  <c:v>7.4518370000000687</c:v>
                </c:pt>
                <c:pt idx="15">
                  <c:v>7.8439900000000762</c:v>
                </c:pt>
                <c:pt idx="16">
                  <c:v>7.5312730000000556</c:v>
                </c:pt>
                <c:pt idx="17">
                  <c:v>7.5320930000000317</c:v>
                </c:pt>
                <c:pt idx="18">
                  <c:v>7.7331280000000788</c:v>
                </c:pt>
                <c:pt idx="19">
                  <c:v>8.5745790000000852</c:v>
                </c:pt>
                <c:pt idx="20">
                  <c:v>9.1400320000000193</c:v>
                </c:pt>
                <c:pt idx="21">
                  <c:v>9.2160129999999754</c:v>
                </c:pt>
                <c:pt idx="22">
                  <c:v>8.8439060000000609</c:v>
                </c:pt>
                <c:pt idx="23">
                  <c:v>8.3912560000001122</c:v>
                </c:pt>
                <c:pt idx="24">
                  <c:v>7.7416050000001633</c:v>
                </c:pt>
                <c:pt idx="25">
                  <c:v>6.9101829999999609</c:v>
                </c:pt>
                <c:pt idx="26">
                  <c:v>6.0858650000000125</c:v>
                </c:pt>
                <c:pt idx="27">
                  <c:v>6.005094999999983</c:v>
                </c:pt>
                <c:pt idx="28">
                  <c:v>5.5320169999999962</c:v>
                </c:pt>
                <c:pt idx="29">
                  <c:v>4.9753709999999955</c:v>
                </c:pt>
                <c:pt idx="30">
                  <c:v>5.2770440000001599</c:v>
                </c:pt>
                <c:pt idx="31">
                  <c:v>6.3638240000000224</c:v>
                </c:pt>
                <c:pt idx="32">
                  <c:v>7.8936539999999695</c:v>
                </c:pt>
                <c:pt idx="33">
                  <c:v>9.6920139999999719</c:v>
                </c:pt>
                <c:pt idx="34">
                  <c:v>11.257816000000048</c:v>
                </c:pt>
                <c:pt idx="35">
                  <c:v>12.875903999999991</c:v>
                </c:pt>
                <c:pt idx="36">
                  <c:v>14.739667000000054</c:v>
                </c:pt>
                <c:pt idx="37">
                  <c:v>16.167312000000038</c:v>
                </c:pt>
                <c:pt idx="38">
                  <c:v>16.761119000000008</c:v>
                </c:pt>
                <c:pt idx="39">
                  <c:v>17.139462999999978</c:v>
                </c:pt>
                <c:pt idx="40">
                  <c:v>17.10961599999996</c:v>
                </c:pt>
                <c:pt idx="41">
                  <c:v>16.95043899999996</c:v>
                </c:pt>
                <c:pt idx="42">
                  <c:v>16.216032000000041</c:v>
                </c:pt>
                <c:pt idx="43">
                  <c:v>15.48790699999995</c:v>
                </c:pt>
                <c:pt idx="44">
                  <c:v>14.592225999999982</c:v>
                </c:pt>
                <c:pt idx="45">
                  <c:v>14.011146000000053</c:v>
                </c:pt>
                <c:pt idx="46">
                  <c:v>13.059856999999965</c:v>
                </c:pt>
                <c:pt idx="47">
                  <c:v>12.300748999999996</c:v>
                </c:pt>
                <c:pt idx="48">
                  <c:v>11.697393000000147</c:v>
                </c:pt>
                <c:pt idx="49">
                  <c:v>11.026986000000079</c:v>
                </c:pt>
                <c:pt idx="50">
                  <c:v>10.037406000000146</c:v>
                </c:pt>
                <c:pt idx="51">
                  <c:v>9.2445930000001226</c:v>
                </c:pt>
                <c:pt idx="52">
                  <c:v>8.791988000000174</c:v>
                </c:pt>
                <c:pt idx="53">
                  <c:v>8.9522280000001047</c:v>
                </c:pt>
                <c:pt idx="54">
                  <c:v>9.0390420000001086</c:v>
                </c:pt>
                <c:pt idx="55">
                  <c:v>9.7908250000000407</c:v>
                </c:pt>
                <c:pt idx="56">
                  <c:v>10.819099000000051</c:v>
                </c:pt>
                <c:pt idx="57">
                  <c:v>12.277655999999979</c:v>
                </c:pt>
                <c:pt idx="58">
                  <c:v>13.707693000000063</c:v>
                </c:pt>
                <c:pt idx="59">
                  <c:v>14.923414999999977</c:v>
                </c:pt>
                <c:pt idx="60">
                  <c:v>15.94045600000004</c:v>
                </c:pt>
                <c:pt idx="61">
                  <c:v>16.897557000000006</c:v>
                </c:pt>
                <c:pt idx="62">
                  <c:v>18.078202000000147</c:v>
                </c:pt>
                <c:pt idx="63">
                  <c:v>19.084935000000087</c:v>
                </c:pt>
                <c:pt idx="64">
                  <c:v>19.715497000000141</c:v>
                </c:pt>
                <c:pt idx="65">
                  <c:v>20.630893000000015</c:v>
                </c:pt>
                <c:pt idx="66">
                  <c:v>21.262646000000132</c:v>
                </c:pt>
                <c:pt idx="67">
                  <c:v>20.746025000000145</c:v>
                </c:pt>
                <c:pt idx="68">
                  <c:v>20.364248000000089</c:v>
                </c:pt>
                <c:pt idx="69">
                  <c:v>19.97769500000004</c:v>
                </c:pt>
                <c:pt idx="70">
                  <c:v>18.863592000000153</c:v>
                </c:pt>
                <c:pt idx="71">
                  <c:v>17.286043000000063</c:v>
                </c:pt>
                <c:pt idx="72">
                  <c:v>15.901600000000144</c:v>
                </c:pt>
                <c:pt idx="73">
                  <c:v>14.577862999999979</c:v>
                </c:pt>
                <c:pt idx="74">
                  <c:v>13.451548000000003</c:v>
                </c:pt>
                <c:pt idx="75">
                  <c:v>12.659400000000005</c:v>
                </c:pt>
                <c:pt idx="76">
                  <c:v>12.058341000000155</c:v>
                </c:pt>
                <c:pt idx="77">
                  <c:v>11.59923700000013</c:v>
                </c:pt>
                <c:pt idx="78">
                  <c:v>11.405295000000024</c:v>
                </c:pt>
                <c:pt idx="79">
                  <c:v>11.538504000000103</c:v>
                </c:pt>
                <c:pt idx="80">
                  <c:v>12.264000000000124</c:v>
                </c:pt>
                <c:pt idx="81">
                  <c:v>12.982616000000007</c:v>
                </c:pt>
                <c:pt idx="82">
                  <c:v>14.050124000000096</c:v>
                </c:pt>
                <c:pt idx="83">
                  <c:v>14.819349999999986</c:v>
                </c:pt>
                <c:pt idx="84">
                  <c:v>16.344712999999956</c:v>
                </c:pt>
                <c:pt idx="85">
                  <c:v>17.853200000000015</c:v>
                </c:pt>
                <c:pt idx="86">
                  <c:v>19.400317000000086</c:v>
                </c:pt>
                <c:pt idx="87">
                  <c:v>20.486898999999994</c:v>
                </c:pt>
                <c:pt idx="88">
                  <c:v>21.434185999999954</c:v>
                </c:pt>
                <c:pt idx="89">
                  <c:v>21.865886000000046</c:v>
                </c:pt>
                <c:pt idx="90">
                  <c:v>22.227951999999959</c:v>
                </c:pt>
                <c:pt idx="91">
                  <c:v>22.02402300000017</c:v>
                </c:pt>
                <c:pt idx="92">
                  <c:v>21.631872000000158</c:v>
                </c:pt>
                <c:pt idx="93">
                  <c:v>21.076314000000139</c:v>
                </c:pt>
                <c:pt idx="94">
                  <c:v>20.59590900000012</c:v>
                </c:pt>
                <c:pt idx="95">
                  <c:v>20.215116999999964</c:v>
                </c:pt>
                <c:pt idx="96">
                  <c:v>19.610039000000143</c:v>
                </c:pt>
                <c:pt idx="97">
                  <c:v>18.717532000000119</c:v>
                </c:pt>
                <c:pt idx="98">
                  <c:v>17.917566000000079</c:v>
                </c:pt>
                <c:pt idx="99">
                  <c:v>16.833839000000125</c:v>
                </c:pt>
                <c:pt idx="100">
                  <c:v>15.442074000000048</c:v>
                </c:pt>
                <c:pt idx="101">
                  <c:v>14.128660000000082</c:v>
                </c:pt>
                <c:pt idx="102">
                  <c:v>13.347336000000041</c:v>
                </c:pt>
                <c:pt idx="103">
                  <c:v>12.923179000000118</c:v>
                </c:pt>
                <c:pt idx="104">
                  <c:v>13.144039000000021</c:v>
                </c:pt>
                <c:pt idx="105">
                  <c:v>13.476891000000023</c:v>
                </c:pt>
                <c:pt idx="106">
                  <c:v>14.453813000000082</c:v>
                </c:pt>
                <c:pt idx="107">
                  <c:v>15.738612999999987</c:v>
                </c:pt>
                <c:pt idx="108">
                  <c:v>17.335976000000073</c:v>
                </c:pt>
                <c:pt idx="109">
                  <c:v>18.901294000000007</c:v>
                </c:pt>
                <c:pt idx="110">
                  <c:v>20.186629000000039</c:v>
                </c:pt>
                <c:pt idx="111">
                  <c:v>21.093947000000071</c:v>
                </c:pt>
                <c:pt idx="112">
                  <c:v>21.998931999999968</c:v>
                </c:pt>
                <c:pt idx="113">
                  <c:v>22.649830999999949</c:v>
                </c:pt>
                <c:pt idx="114">
                  <c:v>23.266532000000097</c:v>
                </c:pt>
                <c:pt idx="115">
                  <c:v>23.883295999999973</c:v>
                </c:pt>
                <c:pt idx="116">
                  <c:v>24.357690000000048</c:v>
                </c:pt>
                <c:pt idx="117">
                  <c:v>24.40516700000012</c:v>
                </c:pt>
                <c:pt idx="118">
                  <c:v>24.484893000000056</c:v>
                </c:pt>
                <c:pt idx="119">
                  <c:v>24.069367000000057</c:v>
                </c:pt>
                <c:pt idx="120">
                  <c:v>23.427816000000121</c:v>
                </c:pt>
                <c:pt idx="121">
                  <c:v>22.594522999999981</c:v>
                </c:pt>
                <c:pt idx="122">
                  <c:v>21.642884000000095</c:v>
                </c:pt>
                <c:pt idx="123">
                  <c:v>20.806464000000005</c:v>
                </c:pt>
                <c:pt idx="124">
                  <c:v>20.379583000000139</c:v>
                </c:pt>
                <c:pt idx="125">
                  <c:v>20.04071399999998</c:v>
                </c:pt>
                <c:pt idx="126">
                  <c:v>19.826040000000148</c:v>
                </c:pt>
                <c:pt idx="127">
                  <c:v>19.951674000000139</c:v>
                </c:pt>
                <c:pt idx="128">
                  <c:v>20.02780800000005</c:v>
                </c:pt>
                <c:pt idx="129">
                  <c:v>20.347813999999971</c:v>
                </c:pt>
                <c:pt idx="130">
                  <c:v>20.554015000000163</c:v>
                </c:pt>
                <c:pt idx="131">
                  <c:v>20.585655000000088</c:v>
                </c:pt>
                <c:pt idx="132">
                  <c:v>21.044771000000082</c:v>
                </c:pt>
                <c:pt idx="133">
                  <c:v>22.037017999999989</c:v>
                </c:pt>
                <c:pt idx="134">
                  <c:v>22.767320000000154</c:v>
                </c:pt>
                <c:pt idx="135">
                  <c:v>23.219804000000067</c:v>
                </c:pt>
                <c:pt idx="136">
                  <c:v>23.825657000000092</c:v>
                </c:pt>
                <c:pt idx="137">
                  <c:v>24.891233000000057</c:v>
                </c:pt>
                <c:pt idx="138">
                  <c:v>25.560977999999977</c:v>
                </c:pt>
                <c:pt idx="139">
                  <c:v>26.364884000000075</c:v>
                </c:pt>
                <c:pt idx="140">
                  <c:v>26.626901999999973</c:v>
                </c:pt>
                <c:pt idx="141">
                  <c:v>26.601732999999967</c:v>
                </c:pt>
                <c:pt idx="142">
                  <c:v>25.903825000000097</c:v>
                </c:pt>
                <c:pt idx="143">
                  <c:v>25.179236000000174</c:v>
                </c:pt>
                <c:pt idx="144">
                  <c:v>24.07114700000011</c:v>
                </c:pt>
                <c:pt idx="145">
                  <c:v>23.396473000000015</c:v>
                </c:pt>
                <c:pt idx="146">
                  <c:v>22.71183300000007</c:v>
                </c:pt>
                <c:pt idx="147">
                  <c:v>21.852358999999979</c:v>
                </c:pt>
                <c:pt idx="148">
                  <c:v>21.366136000000097</c:v>
                </c:pt>
                <c:pt idx="149">
                  <c:v>21.49594500000012</c:v>
                </c:pt>
                <c:pt idx="150">
                  <c:v>21.722439000000122</c:v>
                </c:pt>
                <c:pt idx="151">
                  <c:v>21.988331000000017</c:v>
                </c:pt>
                <c:pt idx="152">
                  <c:v>22.566493000000037</c:v>
                </c:pt>
                <c:pt idx="153">
                  <c:v>23.895649000000049</c:v>
                </c:pt>
                <c:pt idx="154">
                  <c:v>25.197488000000021</c:v>
                </c:pt>
                <c:pt idx="155">
                  <c:v>26.330024999999978</c:v>
                </c:pt>
                <c:pt idx="156">
                  <c:v>27.333924000000025</c:v>
                </c:pt>
                <c:pt idx="157">
                  <c:v>28.155244000000039</c:v>
                </c:pt>
                <c:pt idx="158">
                  <c:v>28.903371000000107</c:v>
                </c:pt>
                <c:pt idx="159">
                  <c:v>29.429540999999972</c:v>
                </c:pt>
                <c:pt idx="160">
                  <c:v>29.646938000000091</c:v>
                </c:pt>
                <c:pt idx="161">
                  <c:v>29.402413000000024</c:v>
                </c:pt>
                <c:pt idx="162">
                  <c:v>28.7023650000001</c:v>
                </c:pt>
                <c:pt idx="163">
                  <c:v>28.012805000000071</c:v>
                </c:pt>
                <c:pt idx="164">
                  <c:v>27.260723000000098</c:v>
                </c:pt>
                <c:pt idx="165">
                  <c:v>25.904924000000165</c:v>
                </c:pt>
                <c:pt idx="166">
                  <c:v>24.573714999999993</c:v>
                </c:pt>
                <c:pt idx="167">
                  <c:v>23.59882000000016</c:v>
                </c:pt>
                <c:pt idx="168">
                  <c:v>22.733181000000059</c:v>
                </c:pt>
                <c:pt idx="169">
                  <c:v>22.016900999999962</c:v>
                </c:pt>
                <c:pt idx="170">
                  <c:v>21.675087000000076</c:v>
                </c:pt>
                <c:pt idx="171">
                  <c:v>21.649699000000055</c:v>
                </c:pt>
                <c:pt idx="172">
                  <c:v>22.566853000000037</c:v>
                </c:pt>
                <c:pt idx="173">
                  <c:v>23.504887000000053</c:v>
                </c:pt>
                <c:pt idx="174">
                  <c:v>24.391017000000147</c:v>
                </c:pt>
                <c:pt idx="175">
                  <c:v>25.026614999999993</c:v>
                </c:pt>
                <c:pt idx="176">
                  <c:v>25.409912000000077</c:v>
                </c:pt>
                <c:pt idx="177">
                  <c:v>25.84581900000012</c:v>
                </c:pt>
                <c:pt idx="178">
                  <c:v>26.67709200000013</c:v>
                </c:pt>
                <c:pt idx="179">
                  <c:v>27.391703000000007</c:v>
                </c:pt>
                <c:pt idx="180">
                  <c:v>28.066854000000149</c:v>
                </c:pt>
                <c:pt idx="181">
                  <c:v>28.41437800000017</c:v>
                </c:pt>
                <c:pt idx="182">
                  <c:v>28.821971000000076</c:v>
                </c:pt>
                <c:pt idx="183">
                  <c:v>28.374756000000161</c:v>
                </c:pt>
                <c:pt idx="184">
                  <c:v>28.225258000000167</c:v>
                </c:pt>
                <c:pt idx="185">
                  <c:v>28.510510000000068</c:v>
                </c:pt>
                <c:pt idx="186">
                  <c:v>27.981500000000096</c:v>
                </c:pt>
                <c:pt idx="187">
                  <c:v>26.847654000000148</c:v>
                </c:pt>
                <c:pt idx="188">
                  <c:v>26.190747999999985</c:v>
                </c:pt>
                <c:pt idx="189">
                  <c:v>25.422426999999971</c:v>
                </c:pt>
                <c:pt idx="190">
                  <c:v>24.897288000000117</c:v>
                </c:pt>
                <c:pt idx="191">
                  <c:v>24.303765999999996</c:v>
                </c:pt>
                <c:pt idx="192">
                  <c:v>24.135447000000113</c:v>
                </c:pt>
                <c:pt idx="193">
                  <c:v>24.045896000000084</c:v>
                </c:pt>
                <c:pt idx="194">
                  <c:v>23.875746000000163</c:v>
                </c:pt>
                <c:pt idx="195">
                  <c:v>24.291570999999976</c:v>
                </c:pt>
                <c:pt idx="196">
                  <c:v>25.585651000000098</c:v>
                </c:pt>
                <c:pt idx="197">
                  <c:v>26.568331000000171</c:v>
                </c:pt>
                <c:pt idx="198">
                  <c:v>27.596927000000051</c:v>
                </c:pt>
                <c:pt idx="199">
                  <c:v>28.559936000000107</c:v>
                </c:pt>
                <c:pt idx="200">
                  <c:v>29.619390000000067</c:v>
                </c:pt>
                <c:pt idx="201">
                  <c:v>30.501715999999988</c:v>
                </c:pt>
                <c:pt idx="202">
                  <c:v>31.197751000000153</c:v>
                </c:pt>
                <c:pt idx="203">
                  <c:v>31.247033000000101</c:v>
                </c:pt>
                <c:pt idx="204">
                  <c:v>31.62434600000006</c:v>
                </c:pt>
                <c:pt idx="205">
                  <c:v>31.589971999999989</c:v>
                </c:pt>
                <c:pt idx="206">
                  <c:v>30.85291200000006</c:v>
                </c:pt>
                <c:pt idx="207">
                  <c:v>29.88072000000011</c:v>
                </c:pt>
                <c:pt idx="208">
                  <c:v>28.827807000000121</c:v>
                </c:pt>
                <c:pt idx="209">
                  <c:v>27.273386999999957</c:v>
                </c:pt>
                <c:pt idx="210">
                  <c:v>25.819684000000052</c:v>
                </c:pt>
                <c:pt idx="211">
                  <c:v>24.551754000000074</c:v>
                </c:pt>
                <c:pt idx="212">
                  <c:v>23.874966000000086</c:v>
                </c:pt>
                <c:pt idx="213">
                  <c:v>23.256797000000006</c:v>
                </c:pt>
                <c:pt idx="214">
                  <c:v>22.93371100000013</c:v>
                </c:pt>
                <c:pt idx="215">
                  <c:v>22.876999000000069</c:v>
                </c:pt>
                <c:pt idx="216">
                  <c:v>23.449027999999998</c:v>
                </c:pt>
                <c:pt idx="217">
                  <c:v>24.087226000000101</c:v>
                </c:pt>
                <c:pt idx="218">
                  <c:v>24.448037999999997</c:v>
                </c:pt>
                <c:pt idx="219">
                  <c:v>25.076036000000158</c:v>
                </c:pt>
                <c:pt idx="220">
                  <c:v>26.201673000000028</c:v>
                </c:pt>
                <c:pt idx="221">
                  <c:v>27.431993000000148</c:v>
                </c:pt>
                <c:pt idx="222">
                  <c:v>28.511183999999957</c:v>
                </c:pt>
                <c:pt idx="223">
                  <c:v>29.381227000000081</c:v>
                </c:pt>
                <c:pt idx="224">
                  <c:v>30.103117000000111</c:v>
                </c:pt>
                <c:pt idx="225">
                  <c:v>30.711330999999973</c:v>
                </c:pt>
                <c:pt idx="226">
                  <c:v>31.265477000000146</c:v>
                </c:pt>
                <c:pt idx="227">
                  <c:v>31.402250000000095</c:v>
                </c:pt>
                <c:pt idx="228">
                  <c:v>31.484180000000151</c:v>
                </c:pt>
                <c:pt idx="229">
                  <c:v>31.521103000000039</c:v>
                </c:pt>
                <c:pt idx="230">
                  <c:v>31.466216000000031</c:v>
                </c:pt>
                <c:pt idx="231">
                  <c:v>31.158355000000029</c:v>
                </c:pt>
                <c:pt idx="232">
                  <c:v>30.600531000000046</c:v>
                </c:pt>
                <c:pt idx="233">
                  <c:v>29.827007999999978</c:v>
                </c:pt>
                <c:pt idx="234">
                  <c:v>28.940667000000076</c:v>
                </c:pt>
                <c:pt idx="235">
                  <c:v>28.128868000000011</c:v>
                </c:pt>
                <c:pt idx="236">
                  <c:v>27.567817999999988</c:v>
                </c:pt>
                <c:pt idx="237">
                  <c:v>27.017450000000053</c:v>
                </c:pt>
                <c:pt idx="238">
                  <c:v>25.687425000000076</c:v>
                </c:pt>
                <c:pt idx="239">
                  <c:v>24.575183000000152</c:v>
                </c:pt>
                <c:pt idx="240">
                  <c:v>23.904843000000028</c:v>
                </c:pt>
                <c:pt idx="241">
                  <c:v>23.363068999999996</c:v>
                </c:pt>
                <c:pt idx="242">
                  <c:v>23.652325000000019</c:v>
                </c:pt>
                <c:pt idx="243">
                  <c:v>24.279633999999987</c:v>
                </c:pt>
                <c:pt idx="244">
                  <c:v>24.952084000000013</c:v>
                </c:pt>
                <c:pt idx="245">
                  <c:v>25.838925000000017</c:v>
                </c:pt>
                <c:pt idx="246">
                  <c:v>27.135932000000139</c:v>
                </c:pt>
                <c:pt idx="247">
                  <c:v>28.145144999999957</c:v>
                </c:pt>
                <c:pt idx="248">
                  <c:v>29.502926000000116</c:v>
                </c:pt>
                <c:pt idx="249">
                  <c:v>30.361396000000013</c:v>
                </c:pt>
                <c:pt idx="250">
                  <c:v>31.113268000000062</c:v>
                </c:pt>
                <c:pt idx="251">
                  <c:v>31.850405000000137</c:v>
                </c:pt>
                <c:pt idx="252">
                  <c:v>32.253816000000143</c:v>
                </c:pt>
                <c:pt idx="253">
                  <c:v>32.475504000000001</c:v>
                </c:pt>
                <c:pt idx="254">
                  <c:v>32.067825000000084</c:v>
                </c:pt>
                <c:pt idx="255">
                  <c:v>31.582884000000149</c:v>
                </c:pt>
                <c:pt idx="256">
                  <c:v>31.291226000000051</c:v>
                </c:pt>
                <c:pt idx="257">
                  <c:v>30.473531999999977</c:v>
                </c:pt>
                <c:pt idx="258">
                  <c:v>30.057300000000168</c:v>
                </c:pt>
                <c:pt idx="259">
                  <c:v>30.029058999999961</c:v>
                </c:pt>
                <c:pt idx="260">
                  <c:v>30.060336000000007</c:v>
                </c:pt>
                <c:pt idx="261">
                  <c:v>30.094998000000032</c:v>
                </c:pt>
                <c:pt idx="262">
                  <c:v>30.50584200000003</c:v>
                </c:pt>
                <c:pt idx="263">
                  <c:v>30.513362000000143</c:v>
                </c:pt>
                <c:pt idx="264">
                  <c:v>30.379322000000002</c:v>
                </c:pt>
                <c:pt idx="265">
                  <c:v>29.831200000000081</c:v>
                </c:pt>
                <c:pt idx="266">
                  <c:v>29.682989000000134</c:v>
                </c:pt>
                <c:pt idx="267">
                  <c:v>29.347999000000073</c:v>
                </c:pt>
                <c:pt idx="268">
                  <c:v>29.053223000000116</c:v>
                </c:pt>
                <c:pt idx="269">
                  <c:v>29.199635000000171</c:v>
                </c:pt>
                <c:pt idx="270">
                  <c:v>29.413369999999986</c:v>
                </c:pt>
                <c:pt idx="271">
                  <c:v>29.257160000000113</c:v>
                </c:pt>
                <c:pt idx="272">
                  <c:v>29.617819000000054</c:v>
                </c:pt>
                <c:pt idx="273">
                  <c:v>29.725020000000086</c:v>
                </c:pt>
                <c:pt idx="274">
                  <c:v>29.666470000000118</c:v>
                </c:pt>
                <c:pt idx="275">
                  <c:v>29.583384000000024</c:v>
                </c:pt>
                <c:pt idx="276">
                  <c:v>29.856216000000131</c:v>
                </c:pt>
                <c:pt idx="277">
                  <c:v>30.126821000000064</c:v>
                </c:pt>
                <c:pt idx="278">
                  <c:v>30.361141999999973</c:v>
                </c:pt>
                <c:pt idx="279">
                  <c:v>30.417907000000014</c:v>
                </c:pt>
                <c:pt idx="280">
                  <c:v>30.860365000000002</c:v>
                </c:pt>
                <c:pt idx="281">
                  <c:v>31.091298000000052</c:v>
                </c:pt>
                <c:pt idx="282">
                  <c:v>31.215189000000009</c:v>
                </c:pt>
                <c:pt idx="283">
                  <c:v>31.037722000000031</c:v>
                </c:pt>
                <c:pt idx="284">
                  <c:v>31.117018000000144</c:v>
                </c:pt>
                <c:pt idx="285">
                  <c:v>31.594584000000168</c:v>
                </c:pt>
                <c:pt idx="286">
                  <c:v>32.196352000000161</c:v>
                </c:pt>
                <c:pt idx="287">
                  <c:v>32.38674200000014</c:v>
                </c:pt>
                <c:pt idx="288">
                  <c:v>32.787334999999985</c:v>
                </c:pt>
                <c:pt idx="289">
                  <c:v>32.887467000000015</c:v>
                </c:pt>
                <c:pt idx="290">
                  <c:v>33.294470000000047</c:v>
                </c:pt>
                <c:pt idx="291">
                  <c:v>32.978925000000118</c:v>
                </c:pt>
                <c:pt idx="292">
                  <c:v>32.723010000000158</c:v>
                </c:pt>
                <c:pt idx="293">
                  <c:v>32.211244999999963</c:v>
                </c:pt>
                <c:pt idx="294">
                  <c:v>31.312057999999979</c:v>
                </c:pt>
                <c:pt idx="295">
                  <c:v>29.989332999999988</c:v>
                </c:pt>
                <c:pt idx="296">
                  <c:v>28.661442000000079</c:v>
                </c:pt>
                <c:pt idx="297">
                  <c:v>27.635606000000053</c:v>
                </c:pt>
                <c:pt idx="298">
                  <c:v>27.154808000000003</c:v>
                </c:pt>
                <c:pt idx="299">
                  <c:v>27.138791000000083</c:v>
                </c:pt>
                <c:pt idx="300">
                  <c:v>27.542265000000043</c:v>
                </c:pt>
                <c:pt idx="301">
                  <c:v>27.88779599999998</c:v>
                </c:pt>
                <c:pt idx="302">
                  <c:v>28.509271000000126</c:v>
                </c:pt>
                <c:pt idx="303">
                  <c:v>29.039981000000125</c:v>
                </c:pt>
                <c:pt idx="304">
                  <c:v>29.364168000000063</c:v>
                </c:pt>
                <c:pt idx="305">
                  <c:v>29.884038000000146</c:v>
                </c:pt>
                <c:pt idx="306">
                  <c:v>30.089666999999963</c:v>
                </c:pt>
                <c:pt idx="307">
                  <c:v>30.904275999999982</c:v>
                </c:pt>
                <c:pt idx="308">
                  <c:v>31.666419000000133</c:v>
                </c:pt>
                <c:pt idx="309">
                  <c:v>32.281537999999955</c:v>
                </c:pt>
                <c:pt idx="310">
                  <c:v>32.577228000000105</c:v>
                </c:pt>
                <c:pt idx="311">
                  <c:v>32.854141000000027</c:v>
                </c:pt>
                <c:pt idx="312">
                  <c:v>32.982578000000103</c:v>
                </c:pt>
                <c:pt idx="313">
                  <c:v>32.901925000000119</c:v>
                </c:pt>
                <c:pt idx="314">
                  <c:v>32.962815000000091</c:v>
                </c:pt>
                <c:pt idx="315">
                  <c:v>32.725517999999965</c:v>
                </c:pt>
                <c:pt idx="316">
                  <c:v>32.172432999999955</c:v>
                </c:pt>
                <c:pt idx="317">
                  <c:v>31.773179000000027</c:v>
                </c:pt>
                <c:pt idx="318">
                  <c:v>31.817739000000074</c:v>
                </c:pt>
                <c:pt idx="319">
                  <c:v>32.108515000000125</c:v>
                </c:pt>
                <c:pt idx="320">
                  <c:v>32.27710100000013</c:v>
                </c:pt>
                <c:pt idx="321">
                  <c:v>32.576788000000079</c:v>
                </c:pt>
                <c:pt idx="322">
                  <c:v>32.777099000000135</c:v>
                </c:pt>
                <c:pt idx="323">
                  <c:v>32.778743000000077</c:v>
                </c:pt>
                <c:pt idx="324">
                  <c:v>32.888881000000083</c:v>
                </c:pt>
                <c:pt idx="325">
                  <c:v>33.206560000000081</c:v>
                </c:pt>
                <c:pt idx="326">
                  <c:v>33.737350000000106</c:v>
                </c:pt>
                <c:pt idx="327">
                  <c:v>34.138836000000083</c:v>
                </c:pt>
                <c:pt idx="328">
                  <c:v>34.550411000000167</c:v>
                </c:pt>
                <c:pt idx="329">
                  <c:v>34.720921000000089</c:v>
                </c:pt>
                <c:pt idx="330">
                  <c:v>34.522572999999966</c:v>
                </c:pt>
                <c:pt idx="331">
                  <c:v>33.583898999999974</c:v>
                </c:pt>
                <c:pt idx="332">
                  <c:v>32.622742000000017</c:v>
                </c:pt>
                <c:pt idx="333">
                  <c:v>31.7615780000001</c:v>
                </c:pt>
                <c:pt idx="334">
                  <c:v>30.635752000000139</c:v>
                </c:pt>
                <c:pt idx="335">
                  <c:v>29.036023000000114</c:v>
                </c:pt>
                <c:pt idx="336">
                  <c:v>27.774837000000161</c:v>
                </c:pt>
                <c:pt idx="337">
                  <c:v>27.155913000000055</c:v>
                </c:pt>
                <c:pt idx="338">
                  <c:v>26.879668000000038</c:v>
                </c:pt>
                <c:pt idx="339">
                  <c:v>26.972424000000046</c:v>
                </c:pt>
                <c:pt idx="340">
                  <c:v>27.758010000000013</c:v>
                </c:pt>
                <c:pt idx="341">
                  <c:v>29.457863000000089</c:v>
                </c:pt>
                <c:pt idx="342">
                  <c:v>31.057165000000168</c:v>
                </c:pt>
                <c:pt idx="343">
                  <c:v>32.511179000000084</c:v>
                </c:pt>
                <c:pt idx="344">
                  <c:v>34.162496000000147</c:v>
                </c:pt>
                <c:pt idx="345">
                  <c:v>35.425799999999981</c:v>
                </c:pt>
                <c:pt idx="346">
                  <c:v>36.712065000000166</c:v>
                </c:pt>
                <c:pt idx="347">
                  <c:v>37.799698000000035</c:v>
                </c:pt>
                <c:pt idx="348">
                  <c:v>38.439489999999978</c:v>
                </c:pt>
                <c:pt idx="349">
                  <c:v>38.631782000000157</c:v>
                </c:pt>
                <c:pt idx="350">
                  <c:v>38.810261000000082</c:v>
                </c:pt>
                <c:pt idx="351">
                  <c:v>38.916247999999996</c:v>
                </c:pt>
                <c:pt idx="352">
                  <c:v>38.588914000000159</c:v>
                </c:pt>
                <c:pt idx="353">
                  <c:v>37.507908000000043</c:v>
                </c:pt>
                <c:pt idx="354">
                  <c:v>36.30866600000013</c:v>
                </c:pt>
                <c:pt idx="355">
                  <c:v>35.061855000000151</c:v>
                </c:pt>
                <c:pt idx="356">
                  <c:v>33.64046600000006</c:v>
                </c:pt>
                <c:pt idx="357">
                  <c:v>32.635737000000063</c:v>
                </c:pt>
                <c:pt idx="358">
                  <c:v>31.577453999999989</c:v>
                </c:pt>
                <c:pt idx="359">
                  <c:v>30.966587000000118</c:v>
                </c:pt>
                <c:pt idx="360">
                  <c:v>30.836039000000028</c:v>
                </c:pt>
                <c:pt idx="361">
                  <c:v>30.193461999999954</c:v>
                </c:pt>
                <c:pt idx="362">
                  <c:v>30.047797000000173</c:v>
                </c:pt>
                <c:pt idx="363">
                  <c:v>30.170875000000024</c:v>
                </c:pt>
                <c:pt idx="364">
                  <c:v>30.780156000000034</c:v>
                </c:pt>
                <c:pt idx="365">
                  <c:v>31.420926000000009</c:v>
                </c:pt>
                <c:pt idx="366">
                  <c:v>32.064213000000109</c:v>
                </c:pt>
                <c:pt idx="367">
                  <c:v>32.390687000000071</c:v>
                </c:pt>
                <c:pt idx="368">
                  <c:v>32.951418000000103</c:v>
                </c:pt>
                <c:pt idx="369">
                  <c:v>33.788490000000138</c:v>
                </c:pt>
                <c:pt idx="370">
                  <c:v>34.882366000000047</c:v>
                </c:pt>
                <c:pt idx="371">
                  <c:v>35.222018000000162</c:v>
                </c:pt>
                <c:pt idx="372">
                  <c:v>35.174746000000141</c:v>
                </c:pt>
                <c:pt idx="373">
                  <c:v>34.859881000000087</c:v>
                </c:pt>
                <c:pt idx="374">
                  <c:v>34.561807000000044</c:v>
                </c:pt>
                <c:pt idx="375">
                  <c:v>33.974692000000005</c:v>
                </c:pt>
                <c:pt idx="376">
                  <c:v>33.247606000000133</c:v>
                </c:pt>
                <c:pt idx="377">
                  <c:v>32.521102000000155</c:v>
                </c:pt>
                <c:pt idx="378">
                  <c:v>31.269473000000062</c:v>
                </c:pt>
                <c:pt idx="379">
                  <c:v>30.267886999999973</c:v>
                </c:pt>
                <c:pt idx="380">
                  <c:v>29.095021999999972</c:v>
                </c:pt>
                <c:pt idx="381">
                  <c:v>27.973408000000063</c:v>
                </c:pt>
                <c:pt idx="382">
                  <c:v>27.545675999999958</c:v>
                </c:pt>
                <c:pt idx="383">
                  <c:v>28.148097000000007</c:v>
                </c:pt>
                <c:pt idx="384">
                  <c:v>29.037483999999949</c:v>
                </c:pt>
                <c:pt idx="385">
                  <c:v>29.806933999999956</c:v>
                </c:pt>
                <c:pt idx="386">
                  <c:v>30.909154000000171</c:v>
                </c:pt>
                <c:pt idx="387">
                  <c:v>32.489999000000125</c:v>
                </c:pt>
                <c:pt idx="388">
                  <c:v>34.042407000000139</c:v>
                </c:pt>
                <c:pt idx="389">
                  <c:v>35.12705700000015</c:v>
                </c:pt>
                <c:pt idx="390">
                  <c:v>35.456335999999965</c:v>
                </c:pt>
                <c:pt idx="391">
                  <c:v>36.120376000000078</c:v>
                </c:pt>
                <c:pt idx="392">
                  <c:v>36.195323000000144</c:v>
                </c:pt>
                <c:pt idx="393">
                  <c:v>35.661947000000055</c:v>
                </c:pt>
                <c:pt idx="394">
                  <c:v>34.692939000000024</c:v>
                </c:pt>
                <c:pt idx="395">
                  <c:v>33.782873999999993</c:v>
                </c:pt>
                <c:pt idx="396">
                  <c:v>32.982948000000079</c:v>
                </c:pt>
                <c:pt idx="397">
                  <c:v>32.391012000000046</c:v>
                </c:pt>
                <c:pt idx="398">
                  <c:v>31.478530999999975</c:v>
                </c:pt>
                <c:pt idx="399">
                  <c:v>31.135840000000144</c:v>
                </c:pt>
                <c:pt idx="400">
                  <c:v>31.065232000000151</c:v>
                </c:pt>
                <c:pt idx="401">
                  <c:v>30.822550000000092</c:v>
                </c:pt>
                <c:pt idx="402">
                  <c:v>30.053263000000015</c:v>
                </c:pt>
                <c:pt idx="403">
                  <c:v>29.499976000000061</c:v>
                </c:pt>
                <c:pt idx="404">
                  <c:v>29.738595000000032</c:v>
                </c:pt>
                <c:pt idx="405">
                  <c:v>29.687687000000096</c:v>
                </c:pt>
                <c:pt idx="406">
                  <c:v>29.548582000000124</c:v>
                </c:pt>
                <c:pt idx="407">
                  <c:v>29.435590000000047</c:v>
                </c:pt>
                <c:pt idx="408">
                  <c:v>29.707178000000113</c:v>
                </c:pt>
                <c:pt idx="409">
                  <c:v>29.71441700000014</c:v>
                </c:pt>
                <c:pt idx="410">
                  <c:v>28.934713000000102</c:v>
                </c:pt>
                <c:pt idx="411">
                  <c:v>28.27322200000003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CA1D-4318-8D5E-6FFBC0B892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7.4983814523184616E-2"/>
          <c:y val="0.17171296296296298"/>
          <c:w val="0.86041907261592299"/>
          <c:h val="0.77736111111111106"/>
        </c:manualLayout>
      </c:layout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6.1708223972003502E-3"/>
                  <c:y val="-0.4013819626713327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20-3s(7)'!$D$3:$D$409</c:f>
              <c:numCache>
                <c:formatCode>General</c:formatCode>
                <c:ptCount val="407"/>
                <c:pt idx="0">
                  <c:v>5.0040000000004525E-3</c:v>
                </c:pt>
                <c:pt idx="1">
                  <c:v>1.0009000000000157E-2</c:v>
                </c:pt>
                <c:pt idx="2">
                  <c:v>1.5013999999999861E-2</c:v>
                </c:pt>
                <c:pt idx="3">
                  <c:v>2.0019000000000453E-2</c:v>
                </c:pt>
                <c:pt idx="4">
                  <c:v>2.5024000000000157E-2</c:v>
                </c:pt>
                <c:pt idx="5">
                  <c:v>3.0027999999999722E-2</c:v>
                </c:pt>
                <c:pt idx="6">
                  <c:v>3.5033000000000314E-2</c:v>
                </c:pt>
                <c:pt idx="7">
                  <c:v>4.0038000000000018E-2</c:v>
                </c:pt>
                <c:pt idx="8">
                  <c:v>4.5042999999999722E-2</c:v>
                </c:pt>
                <c:pt idx="9">
                  <c:v>5.0048000000000314E-2</c:v>
                </c:pt>
                <c:pt idx="10">
                  <c:v>5.5051999999999879E-2</c:v>
                </c:pt>
                <c:pt idx="11">
                  <c:v>6.0057000000000471E-2</c:v>
                </c:pt>
                <c:pt idx="12">
                  <c:v>6.5062000000000175E-2</c:v>
                </c:pt>
                <c:pt idx="13">
                  <c:v>7.0066999999999879E-2</c:v>
                </c:pt>
                <c:pt idx="14">
                  <c:v>7.5072000000000472E-2</c:v>
                </c:pt>
                <c:pt idx="15">
                  <c:v>8.0076000000000036E-2</c:v>
                </c:pt>
                <c:pt idx="16">
                  <c:v>8.508099999999974E-2</c:v>
                </c:pt>
                <c:pt idx="17">
                  <c:v>9.0086000000000332E-2</c:v>
                </c:pt>
                <c:pt idx="18">
                  <c:v>9.5091000000000037E-2</c:v>
                </c:pt>
                <c:pt idx="19">
                  <c:v>0.10009599999999974</c:v>
                </c:pt>
                <c:pt idx="20">
                  <c:v>0.10510000000000019</c:v>
                </c:pt>
                <c:pt idx="21">
                  <c:v>0.1101049999999999</c:v>
                </c:pt>
                <c:pt idx="22">
                  <c:v>0.1151099999999996</c:v>
                </c:pt>
                <c:pt idx="23">
                  <c:v>0.12011500000000019</c:v>
                </c:pt>
                <c:pt idx="24">
                  <c:v>0.1251199999999999</c:v>
                </c:pt>
                <c:pt idx="25">
                  <c:v>0.13012400000000035</c:v>
                </c:pt>
                <c:pt idx="26">
                  <c:v>0.13512900000000005</c:v>
                </c:pt>
                <c:pt idx="27">
                  <c:v>0.14013399999999976</c:v>
                </c:pt>
                <c:pt idx="28">
                  <c:v>0.14513900000000035</c:v>
                </c:pt>
                <c:pt idx="29">
                  <c:v>0.15014400000000006</c:v>
                </c:pt>
                <c:pt idx="30">
                  <c:v>0.15514799999999962</c:v>
                </c:pt>
                <c:pt idx="31">
                  <c:v>0.16015300000000021</c:v>
                </c:pt>
                <c:pt idx="32">
                  <c:v>0.16515799999999992</c:v>
                </c:pt>
                <c:pt idx="33">
                  <c:v>0.17016299999999962</c:v>
                </c:pt>
                <c:pt idx="34">
                  <c:v>0.17516800000000021</c:v>
                </c:pt>
                <c:pt idx="35">
                  <c:v>0.18017199999999978</c:v>
                </c:pt>
                <c:pt idx="36">
                  <c:v>0.18517700000000037</c:v>
                </c:pt>
                <c:pt idx="37">
                  <c:v>0.19018200000000007</c:v>
                </c:pt>
                <c:pt idx="38">
                  <c:v>0.19518699999999978</c:v>
                </c:pt>
                <c:pt idx="39">
                  <c:v>0.20019200000000037</c:v>
                </c:pt>
                <c:pt idx="40">
                  <c:v>0.20519599999999993</c:v>
                </c:pt>
                <c:pt idx="41">
                  <c:v>0.21020099999999964</c:v>
                </c:pt>
                <c:pt idx="42">
                  <c:v>0.21520600000000023</c:v>
                </c:pt>
                <c:pt idx="43">
                  <c:v>0.22021099999999993</c:v>
                </c:pt>
                <c:pt idx="44">
                  <c:v>0.22521599999999964</c:v>
                </c:pt>
                <c:pt idx="45">
                  <c:v>0.23022000000000009</c:v>
                </c:pt>
                <c:pt idx="46">
                  <c:v>0.2352249999999998</c:v>
                </c:pt>
                <c:pt idx="47">
                  <c:v>0.24023000000000039</c:v>
                </c:pt>
                <c:pt idx="48">
                  <c:v>0.24523500000000009</c:v>
                </c:pt>
                <c:pt idx="49">
                  <c:v>0.2502399999999998</c:v>
                </c:pt>
                <c:pt idx="50">
                  <c:v>0.25524400000000025</c:v>
                </c:pt>
                <c:pt idx="51">
                  <c:v>0.26024899999999995</c:v>
                </c:pt>
                <c:pt idx="52">
                  <c:v>0.26525399999999966</c:v>
                </c:pt>
                <c:pt idx="53">
                  <c:v>0.27025900000000025</c:v>
                </c:pt>
                <c:pt idx="54">
                  <c:v>0.27526399999999995</c:v>
                </c:pt>
                <c:pt idx="55">
                  <c:v>0.28026800000000041</c:v>
                </c:pt>
                <c:pt idx="56">
                  <c:v>0.28527300000000011</c:v>
                </c:pt>
                <c:pt idx="57">
                  <c:v>0.29027799999999981</c:v>
                </c:pt>
                <c:pt idx="58">
                  <c:v>0.29528300000000041</c:v>
                </c:pt>
                <c:pt idx="59">
                  <c:v>0.30028800000000011</c:v>
                </c:pt>
                <c:pt idx="60">
                  <c:v>0.30529199999999967</c:v>
                </c:pt>
                <c:pt idx="61">
                  <c:v>0.31029700000000027</c:v>
                </c:pt>
                <c:pt idx="62">
                  <c:v>0.31530199999999997</c:v>
                </c:pt>
                <c:pt idx="63">
                  <c:v>0.32030699999999968</c:v>
                </c:pt>
                <c:pt idx="64">
                  <c:v>0.32531200000000027</c:v>
                </c:pt>
                <c:pt idx="65">
                  <c:v>0.33031599999999983</c:v>
                </c:pt>
                <c:pt idx="66">
                  <c:v>0.33532100000000042</c:v>
                </c:pt>
                <c:pt idx="67">
                  <c:v>0.34032600000000013</c:v>
                </c:pt>
                <c:pt idx="68">
                  <c:v>0.34533099999999983</c:v>
                </c:pt>
                <c:pt idx="69">
                  <c:v>0.35033600000000042</c:v>
                </c:pt>
                <c:pt idx="70">
                  <c:v>0.35533999999999999</c:v>
                </c:pt>
                <c:pt idx="71">
                  <c:v>0.36034499999999969</c:v>
                </c:pt>
                <c:pt idx="72">
                  <c:v>0.36535000000000029</c:v>
                </c:pt>
                <c:pt idx="73">
                  <c:v>0.37035499999999999</c:v>
                </c:pt>
                <c:pt idx="74">
                  <c:v>0.37535999999999969</c:v>
                </c:pt>
                <c:pt idx="75">
                  <c:v>0.38036400000000015</c:v>
                </c:pt>
                <c:pt idx="76">
                  <c:v>0.38536899999999985</c:v>
                </c:pt>
                <c:pt idx="77">
                  <c:v>0.39037400000000044</c:v>
                </c:pt>
                <c:pt idx="78">
                  <c:v>0.39537900000000015</c:v>
                </c:pt>
                <c:pt idx="79">
                  <c:v>0.40038399999999985</c:v>
                </c:pt>
                <c:pt idx="80">
                  <c:v>0.4053880000000003</c:v>
                </c:pt>
                <c:pt idx="81">
                  <c:v>0.41039300000000001</c:v>
                </c:pt>
                <c:pt idx="82">
                  <c:v>0.41539799999999971</c:v>
                </c:pt>
                <c:pt idx="83">
                  <c:v>0.4204030000000003</c:v>
                </c:pt>
                <c:pt idx="84">
                  <c:v>0.42540800000000001</c:v>
                </c:pt>
                <c:pt idx="85">
                  <c:v>0.43041200000000046</c:v>
                </c:pt>
                <c:pt idx="86">
                  <c:v>0.43541700000000017</c:v>
                </c:pt>
                <c:pt idx="87">
                  <c:v>0.44042199999999987</c:v>
                </c:pt>
                <c:pt idx="88">
                  <c:v>0.44542700000000046</c:v>
                </c:pt>
                <c:pt idx="89">
                  <c:v>0.45043200000000017</c:v>
                </c:pt>
                <c:pt idx="90">
                  <c:v>0.45543599999999973</c:v>
                </c:pt>
                <c:pt idx="91">
                  <c:v>0.46044100000000032</c:v>
                </c:pt>
                <c:pt idx="92">
                  <c:v>0.46544600000000003</c:v>
                </c:pt>
                <c:pt idx="93">
                  <c:v>0.47045099999999973</c:v>
                </c:pt>
                <c:pt idx="94">
                  <c:v>0.47545600000000032</c:v>
                </c:pt>
                <c:pt idx="95">
                  <c:v>0.48045999999999989</c:v>
                </c:pt>
                <c:pt idx="96">
                  <c:v>0.48546499999999959</c:v>
                </c:pt>
                <c:pt idx="97">
                  <c:v>0.49047000000000018</c:v>
                </c:pt>
                <c:pt idx="98">
                  <c:v>0.49547499999999989</c:v>
                </c:pt>
                <c:pt idx="99">
                  <c:v>0.50047999999999959</c:v>
                </c:pt>
                <c:pt idx="100">
                  <c:v>0.50548400000000004</c:v>
                </c:pt>
                <c:pt idx="101">
                  <c:v>0.51048899999999975</c:v>
                </c:pt>
                <c:pt idx="102">
                  <c:v>0.51549400000000034</c:v>
                </c:pt>
                <c:pt idx="103">
                  <c:v>0.52049900000000004</c:v>
                </c:pt>
                <c:pt idx="104">
                  <c:v>0.52550399999999975</c:v>
                </c:pt>
                <c:pt idx="105">
                  <c:v>0.5305080000000002</c:v>
                </c:pt>
                <c:pt idx="106">
                  <c:v>0.53551299999999991</c:v>
                </c:pt>
                <c:pt idx="107">
                  <c:v>0.54051799999999961</c:v>
                </c:pt>
                <c:pt idx="108">
                  <c:v>0.5455230000000002</c:v>
                </c:pt>
                <c:pt idx="109">
                  <c:v>0.55052799999999991</c:v>
                </c:pt>
                <c:pt idx="110">
                  <c:v>0.55553200000000036</c:v>
                </c:pt>
                <c:pt idx="111">
                  <c:v>0.56053700000000006</c:v>
                </c:pt>
                <c:pt idx="112">
                  <c:v>0.56554199999999977</c:v>
                </c:pt>
                <c:pt idx="113">
                  <c:v>0.57054700000000036</c:v>
                </c:pt>
                <c:pt idx="114">
                  <c:v>0.57555200000000006</c:v>
                </c:pt>
                <c:pt idx="115">
                  <c:v>0.58055599999999963</c:v>
                </c:pt>
                <c:pt idx="116">
                  <c:v>0.58556100000000022</c:v>
                </c:pt>
                <c:pt idx="117">
                  <c:v>0.59056599999999992</c:v>
                </c:pt>
                <c:pt idx="118">
                  <c:v>0.59557099999999963</c:v>
                </c:pt>
                <c:pt idx="119">
                  <c:v>0.60057600000000022</c:v>
                </c:pt>
                <c:pt idx="120">
                  <c:v>0.60557999999999979</c:v>
                </c:pt>
                <c:pt idx="121">
                  <c:v>0.61058500000000038</c:v>
                </c:pt>
                <c:pt idx="122">
                  <c:v>0.61559000000000008</c:v>
                </c:pt>
                <c:pt idx="123">
                  <c:v>0.62059499999999979</c:v>
                </c:pt>
                <c:pt idx="124">
                  <c:v>0.62560000000000038</c:v>
                </c:pt>
                <c:pt idx="125">
                  <c:v>0.63060399999999994</c:v>
                </c:pt>
                <c:pt idx="126">
                  <c:v>0.63560899999999965</c:v>
                </c:pt>
                <c:pt idx="127">
                  <c:v>0.64061400000000024</c:v>
                </c:pt>
                <c:pt idx="128">
                  <c:v>0.64561899999999994</c:v>
                </c:pt>
                <c:pt idx="129">
                  <c:v>0.65062399999999965</c:v>
                </c:pt>
                <c:pt idx="130">
                  <c:v>0.6556280000000001</c:v>
                </c:pt>
                <c:pt idx="131">
                  <c:v>0.6606329999999998</c:v>
                </c:pt>
                <c:pt idx="132">
                  <c:v>0.6656380000000004</c:v>
                </c:pt>
                <c:pt idx="133">
                  <c:v>0.6706430000000001</c:v>
                </c:pt>
                <c:pt idx="134">
                  <c:v>0.6756479999999998</c:v>
                </c:pt>
                <c:pt idx="135">
                  <c:v>0.68065200000000026</c:v>
                </c:pt>
                <c:pt idx="136">
                  <c:v>0.68565699999999996</c:v>
                </c:pt>
                <c:pt idx="137">
                  <c:v>0.69066199999999967</c:v>
                </c:pt>
                <c:pt idx="138">
                  <c:v>0.69566700000000026</c:v>
                </c:pt>
                <c:pt idx="139">
                  <c:v>0.70067199999999996</c:v>
                </c:pt>
                <c:pt idx="140">
                  <c:v>0.70567600000000041</c:v>
                </c:pt>
                <c:pt idx="141">
                  <c:v>0.71068100000000012</c:v>
                </c:pt>
                <c:pt idx="142">
                  <c:v>0.71568599999999982</c:v>
                </c:pt>
                <c:pt idx="143">
                  <c:v>0.72069100000000041</c:v>
                </c:pt>
                <c:pt idx="144">
                  <c:v>0.72569600000000012</c:v>
                </c:pt>
                <c:pt idx="145">
                  <c:v>0.73069999999999968</c:v>
                </c:pt>
                <c:pt idx="146">
                  <c:v>0.73570500000000028</c:v>
                </c:pt>
                <c:pt idx="147">
                  <c:v>0.74070999999999998</c:v>
                </c:pt>
                <c:pt idx="148">
                  <c:v>0.74571499999999968</c:v>
                </c:pt>
                <c:pt idx="149">
                  <c:v>0.75072000000000028</c:v>
                </c:pt>
                <c:pt idx="150">
                  <c:v>0.75572399999999984</c:v>
                </c:pt>
                <c:pt idx="151">
                  <c:v>0.76072900000000043</c:v>
                </c:pt>
                <c:pt idx="152">
                  <c:v>0.76573400000000014</c:v>
                </c:pt>
                <c:pt idx="153">
                  <c:v>0.77073899999999984</c:v>
                </c:pt>
                <c:pt idx="154">
                  <c:v>0.77574400000000043</c:v>
                </c:pt>
                <c:pt idx="155">
                  <c:v>0.780748</c:v>
                </c:pt>
                <c:pt idx="156">
                  <c:v>0.7857529999999997</c:v>
                </c:pt>
                <c:pt idx="157">
                  <c:v>0.79075800000000029</c:v>
                </c:pt>
                <c:pt idx="158">
                  <c:v>0.795763</c:v>
                </c:pt>
                <c:pt idx="159">
                  <c:v>0.8007679999999997</c:v>
                </c:pt>
                <c:pt idx="160">
                  <c:v>0.80577200000000015</c:v>
                </c:pt>
                <c:pt idx="161">
                  <c:v>0.81077699999999986</c:v>
                </c:pt>
                <c:pt idx="162">
                  <c:v>0.81578200000000045</c:v>
                </c:pt>
                <c:pt idx="163">
                  <c:v>0.82078700000000016</c:v>
                </c:pt>
                <c:pt idx="164">
                  <c:v>0.82579199999999986</c:v>
                </c:pt>
                <c:pt idx="165">
                  <c:v>0.83079600000000031</c:v>
                </c:pt>
                <c:pt idx="166">
                  <c:v>0.83580100000000002</c:v>
                </c:pt>
                <c:pt idx="167">
                  <c:v>0.84080599999999972</c:v>
                </c:pt>
                <c:pt idx="168">
                  <c:v>0.84581100000000031</c:v>
                </c:pt>
                <c:pt idx="169">
                  <c:v>0.85081600000000002</c:v>
                </c:pt>
                <c:pt idx="170">
                  <c:v>0.85582000000000047</c:v>
                </c:pt>
                <c:pt idx="171">
                  <c:v>0.86082500000000017</c:v>
                </c:pt>
                <c:pt idx="172">
                  <c:v>0.86582999999999988</c:v>
                </c:pt>
                <c:pt idx="173">
                  <c:v>0.87083500000000047</c:v>
                </c:pt>
                <c:pt idx="174">
                  <c:v>0.87584000000000017</c:v>
                </c:pt>
                <c:pt idx="175">
                  <c:v>0.88084399999999974</c:v>
                </c:pt>
                <c:pt idx="176">
                  <c:v>0.88584900000000033</c:v>
                </c:pt>
                <c:pt idx="177">
                  <c:v>0.89085400000000003</c:v>
                </c:pt>
                <c:pt idx="178">
                  <c:v>0.89585899999999974</c:v>
                </c:pt>
                <c:pt idx="179">
                  <c:v>0.90086400000000033</c:v>
                </c:pt>
                <c:pt idx="180">
                  <c:v>0.9058679999999999</c:v>
                </c:pt>
                <c:pt idx="181">
                  <c:v>0.9108729999999996</c:v>
                </c:pt>
                <c:pt idx="182">
                  <c:v>0.91587800000000019</c:v>
                </c:pt>
                <c:pt idx="183">
                  <c:v>0.9208829999999999</c:v>
                </c:pt>
                <c:pt idx="184">
                  <c:v>0.9258879999999996</c:v>
                </c:pt>
                <c:pt idx="185">
                  <c:v>0.93089200000000005</c:v>
                </c:pt>
                <c:pt idx="186">
                  <c:v>0.93589699999999976</c:v>
                </c:pt>
                <c:pt idx="187">
                  <c:v>0.94090200000000035</c:v>
                </c:pt>
                <c:pt idx="188">
                  <c:v>0.94590700000000005</c:v>
                </c:pt>
                <c:pt idx="189">
                  <c:v>0.95091199999999976</c:v>
                </c:pt>
                <c:pt idx="190">
                  <c:v>0.95591600000000021</c:v>
                </c:pt>
                <c:pt idx="191">
                  <c:v>0.96092099999999991</c:v>
                </c:pt>
                <c:pt idx="192">
                  <c:v>0.96592599999999962</c:v>
                </c:pt>
                <c:pt idx="193">
                  <c:v>0.97093100000000021</c:v>
                </c:pt>
                <c:pt idx="194">
                  <c:v>0.97593599999999991</c:v>
                </c:pt>
                <c:pt idx="195">
                  <c:v>0.98094000000000037</c:v>
                </c:pt>
                <c:pt idx="196">
                  <c:v>0.98594500000000007</c:v>
                </c:pt>
                <c:pt idx="197">
                  <c:v>0.99094999999999978</c:v>
                </c:pt>
                <c:pt idx="198">
                  <c:v>0.99595500000000037</c:v>
                </c:pt>
                <c:pt idx="199">
                  <c:v>1.0009600000000001</c:v>
                </c:pt>
                <c:pt idx="200">
                  <c:v>1.0059639999999996</c:v>
                </c:pt>
                <c:pt idx="201">
                  <c:v>1.0109690000000002</c:v>
                </c:pt>
                <c:pt idx="202">
                  <c:v>1.0159739999999999</c:v>
                </c:pt>
                <c:pt idx="203">
                  <c:v>1.0209789999999996</c:v>
                </c:pt>
                <c:pt idx="204">
                  <c:v>1.0259840000000002</c:v>
                </c:pt>
                <c:pt idx="205">
                  <c:v>1.0309879999999998</c:v>
                </c:pt>
                <c:pt idx="206">
                  <c:v>1.0359930000000004</c:v>
                </c:pt>
                <c:pt idx="207">
                  <c:v>1.0409980000000001</c:v>
                </c:pt>
                <c:pt idx="208">
                  <c:v>1.0460029999999998</c:v>
                </c:pt>
                <c:pt idx="209">
                  <c:v>1.0510080000000004</c:v>
                </c:pt>
                <c:pt idx="210">
                  <c:v>1.056012</c:v>
                </c:pt>
                <c:pt idx="211">
                  <c:v>1.0610169999999997</c:v>
                </c:pt>
                <c:pt idx="212">
                  <c:v>1.0660220000000002</c:v>
                </c:pt>
                <c:pt idx="213">
                  <c:v>1.071027</c:v>
                </c:pt>
                <c:pt idx="214">
                  <c:v>1.0760319999999997</c:v>
                </c:pt>
                <c:pt idx="215">
                  <c:v>1.0810360000000001</c:v>
                </c:pt>
                <c:pt idx="216">
                  <c:v>1.0860409999999998</c:v>
                </c:pt>
                <c:pt idx="217">
                  <c:v>1.0910460000000004</c:v>
                </c:pt>
                <c:pt idx="218">
                  <c:v>1.0960510000000001</c:v>
                </c:pt>
                <c:pt idx="219">
                  <c:v>1.1010559999999998</c:v>
                </c:pt>
                <c:pt idx="220">
                  <c:v>1.1060600000000003</c:v>
                </c:pt>
                <c:pt idx="221">
                  <c:v>1.111065</c:v>
                </c:pt>
                <c:pt idx="222">
                  <c:v>1.1160699999999997</c:v>
                </c:pt>
                <c:pt idx="223">
                  <c:v>1.1210750000000003</c:v>
                </c:pt>
                <c:pt idx="224">
                  <c:v>1.12608</c:v>
                </c:pt>
                <c:pt idx="225">
                  <c:v>1.1310840000000004</c:v>
                </c:pt>
                <c:pt idx="226">
                  <c:v>1.1360890000000001</c:v>
                </c:pt>
                <c:pt idx="227">
                  <c:v>1.1410939999999998</c:v>
                </c:pt>
                <c:pt idx="228">
                  <c:v>1.1460990000000004</c:v>
                </c:pt>
                <c:pt idx="229">
                  <c:v>1.1511040000000001</c:v>
                </c:pt>
                <c:pt idx="230">
                  <c:v>1.1561079999999997</c:v>
                </c:pt>
                <c:pt idx="231">
                  <c:v>1.1611130000000003</c:v>
                </c:pt>
                <c:pt idx="232">
                  <c:v>1.166118</c:v>
                </c:pt>
                <c:pt idx="233">
                  <c:v>1.1711229999999997</c:v>
                </c:pt>
                <c:pt idx="234">
                  <c:v>1.1761280000000003</c:v>
                </c:pt>
                <c:pt idx="235">
                  <c:v>1.1811319999999998</c:v>
                </c:pt>
                <c:pt idx="236">
                  <c:v>1.1861370000000004</c:v>
                </c:pt>
                <c:pt idx="237">
                  <c:v>1.1911420000000001</c:v>
                </c:pt>
                <c:pt idx="238">
                  <c:v>1.1961469999999998</c:v>
                </c:pt>
                <c:pt idx="239">
                  <c:v>1.2011520000000004</c:v>
                </c:pt>
                <c:pt idx="240">
                  <c:v>1.206156</c:v>
                </c:pt>
                <c:pt idx="241">
                  <c:v>1.2111609999999997</c:v>
                </c:pt>
                <c:pt idx="242">
                  <c:v>1.2161660000000003</c:v>
                </c:pt>
                <c:pt idx="243">
                  <c:v>1.221171</c:v>
                </c:pt>
                <c:pt idx="244">
                  <c:v>1.2261759999999997</c:v>
                </c:pt>
                <c:pt idx="245">
                  <c:v>1.2311800000000002</c:v>
                </c:pt>
                <c:pt idx="246">
                  <c:v>1.2361849999999999</c:v>
                </c:pt>
                <c:pt idx="247">
                  <c:v>1.2411900000000005</c:v>
                </c:pt>
                <c:pt idx="248">
                  <c:v>1.2461950000000002</c:v>
                </c:pt>
                <c:pt idx="249">
                  <c:v>1.2511999999999999</c:v>
                </c:pt>
                <c:pt idx="250">
                  <c:v>1.2562040000000003</c:v>
                </c:pt>
                <c:pt idx="251">
                  <c:v>1.261209</c:v>
                </c:pt>
                <c:pt idx="252">
                  <c:v>1.2662139999999997</c:v>
                </c:pt>
                <c:pt idx="253">
                  <c:v>1.2712190000000003</c:v>
                </c:pt>
                <c:pt idx="254">
                  <c:v>1.276224</c:v>
                </c:pt>
                <c:pt idx="255">
                  <c:v>1.2812279999999996</c:v>
                </c:pt>
                <c:pt idx="256">
                  <c:v>1.2862330000000002</c:v>
                </c:pt>
                <c:pt idx="257">
                  <c:v>1.2912379999999999</c:v>
                </c:pt>
                <c:pt idx="258">
                  <c:v>1.2962429999999996</c:v>
                </c:pt>
                <c:pt idx="259">
                  <c:v>1.3012480000000002</c:v>
                </c:pt>
                <c:pt idx="260">
                  <c:v>1.3062519999999997</c:v>
                </c:pt>
                <c:pt idx="261">
                  <c:v>1.3112570000000003</c:v>
                </c:pt>
                <c:pt idx="262">
                  <c:v>1.316262</c:v>
                </c:pt>
                <c:pt idx="263">
                  <c:v>1.3212669999999997</c:v>
                </c:pt>
                <c:pt idx="264">
                  <c:v>1.3262720000000003</c:v>
                </c:pt>
                <c:pt idx="265">
                  <c:v>1.3312759999999999</c:v>
                </c:pt>
                <c:pt idx="266">
                  <c:v>1.3362809999999996</c:v>
                </c:pt>
                <c:pt idx="267">
                  <c:v>1.3412860000000002</c:v>
                </c:pt>
                <c:pt idx="268">
                  <c:v>1.3462909999999999</c:v>
                </c:pt>
                <c:pt idx="269">
                  <c:v>1.3512959999999996</c:v>
                </c:pt>
                <c:pt idx="270">
                  <c:v>1.3563000000000001</c:v>
                </c:pt>
                <c:pt idx="271">
                  <c:v>1.3613049999999998</c:v>
                </c:pt>
                <c:pt idx="272">
                  <c:v>1.3663100000000004</c:v>
                </c:pt>
                <c:pt idx="273">
                  <c:v>1.3713150000000001</c:v>
                </c:pt>
                <c:pt idx="274">
                  <c:v>1.3763199999999998</c:v>
                </c:pt>
                <c:pt idx="275">
                  <c:v>1.3813240000000002</c:v>
                </c:pt>
                <c:pt idx="276">
                  <c:v>1.3863289999999999</c:v>
                </c:pt>
                <c:pt idx="277">
                  <c:v>1.3913339999999996</c:v>
                </c:pt>
                <c:pt idx="278">
                  <c:v>1.3963390000000002</c:v>
                </c:pt>
                <c:pt idx="279">
                  <c:v>1.4013439999999999</c:v>
                </c:pt>
                <c:pt idx="280">
                  <c:v>1.4063480000000004</c:v>
                </c:pt>
                <c:pt idx="281">
                  <c:v>1.4113530000000001</c:v>
                </c:pt>
                <c:pt idx="282">
                  <c:v>1.4163579999999998</c:v>
                </c:pt>
                <c:pt idx="283">
                  <c:v>1.4213630000000004</c:v>
                </c:pt>
                <c:pt idx="284">
                  <c:v>1.4263680000000001</c:v>
                </c:pt>
                <c:pt idx="285">
                  <c:v>1.4313719999999996</c:v>
                </c:pt>
                <c:pt idx="286">
                  <c:v>1.4363770000000002</c:v>
                </c:pt>
                <c:pt idx="287">
                  <c:v>1.4413819999999999</c:v>
                </c:pt>
                <c:pt idx="288">
                  <c:v>1.4463869999999996</c:v>
                </c:pt>
                <c:pt idx="289">
                  <c:v>1.4513920000000002</c:v>
                </c:pt>
                <c:pt idx="290">
                  <c:v>1.4563959999999998</c:v>
                </c:pt>
                <c:pt idx="291">
                  <c:v>1.4614010000000004</c:v>
                </c:pt>
                <c:pt idx="292">
                  <c:v>1.4664060000000001</c:v>
                </c:pt>
                <c:pt idx="293">
                  <c:v>1.4714109999999998</c:v>
                </c:pt>
                <c:pt idx="294">
                  <c:v>1.4764160000000004</c:v>
                </c:pt>
                <c:pt idx="295">
                  <c:v>1.48142</c:v>
                </c:pt>
                <c:pt idx="296">
                  <c:v>1.4864249999999997</c:v>
                </c:pt>
                <c:pt idx="297">
                  <c:v>1.4914300000000003</c:v>
                </c:pt>
                <c:pt idx="298">
                  <c:v>1.496435</c:v>
                </c:pt>
                <c:pt idx="299">
                  <c:v>1.5014399999999997</c:v>
                </c:pt>
                <c:pt idx="300">
                  <c:v>1.5064440000000001</c:v>
                </c:pt>
                <c:pt idx="301">
                  <c:v>1.5114489999999998</c:v>
                </c:pt>
                <c:pt idx="302">
                  <c:v>1.5164540000000004</c:v>
                </c:pt>
                <c:pt idx="303">
                  <c:v>1.5214590000000001</c:v>
                </c:pt>
                <c:pt idx="304">
                  <c:v>1.5264639999999998</c:v>
                </c:pt>
                <c:pt idx="305">
                  <c:v>1.5314680000000003</c:v>
                </c:pt>
                <c:pt idx="306">
                  <c:v>1.536473</c:v>
                </c:pt>
                <c:pt idx="307">
                  <c:v>1.5414779999999997</c:v>
                </c:pt>
                <c:pt idx="308">
                  <c:v>1.5464830000000003</c:v>
                </c:pt>
                <c:pt idx="309">
                  <c:v>1.551488</c:v>
                </c:pt>
                <c:pt idx="310">
                  <c:v>1.5564920000000004</c:v>
                </c:pt>
                <c:pt idx="311">
                  <c:v>1.5614970000000001</c:v>
                </c:pt>
                <c:pt idx="312">
                  <c:v>1.5665019999999998</c:v>
                </c:pt>
                <c:pt idx="313">
                  <c:v>1.5715070000000004</c:v>
                </c:pt>
                <c:pt idx="314">
                  <c:v>1.5765120000000001</c:v>
                </c:pt>
                <c:pt idx="315">
                  <c:v>1.5815159999999997</c:v>
                </c:pt>
                <c:pt idx="316">
                  <c:v>1.5865210000000003</c:v>
                </c:pt>
                <c:pt idx="317">
                  <c:v>1.591526</c:v>
                </c:pt>
                <c:pt idx="318">
                  <c:v>1.5965309999999997</c:v>
                </c:pt>
                <c:pt idx="319">
                  <c:v>1.6015360000000003</c:v>
                </c:pt>
                <c:pt idx="320">
                  <c:v>1.6065399999999999</c:v>
                </c:pt>
                <c:pt idx="321">
                  <c:v>1.6115450000000004</c:v>
                </c:pt>
                <c:pt idx="322">
                  <c:v>1.6165500000000002</c:v>
                </c:pt>
                <c:pt idx="323">
                  <c:v>1.6215549999999999</c:v>
                </c:pt>
                <c:pt idx="324">
                  <c:v>1.6265600000000004</c:v>
                </c:pt>
                <c:pt idx="325">
                  <c:v>1.631564</c:v>
                </c:pt>
                <c:pt idx="326">
                  <c:v>1.6365689999999997</c:v>
                </c:pt>
                <c:pt idx="327">
                  <c:v>1.6415740000000003</c:v>
                </c:pt>
                <c:pt idx="328">
                  <c:v>1.646579</c:v>
                </c:pt>
                <c:pt idx="329">
                  <c:v>1.6515839999999997</c:v>
                </c:pt>
                <c:pt idx="330">
                  <c:v>1.6565880000000002</c:v>
                </c:pt>
                <c:pt idx="331">
                  <c:v>1.6615929999999999</c:v>
                </c:pt>
                <c:pt idx="332">
                  <c:v>1.6665980000000005</c:v>
                </c:pt>
                <c:pt idx="333">
                  <c:v>1.6716030000000002</c:v>
                </c:pt>
                <c:pt idx="334">
                  <c:v>1.6766079999999999</c:v>
                </c:pt>
                <c:pt idx="335">
                  <c:v>1.6816120000000003</c:v>
                </c:pt>
                <c:pt idx="336">
                  <c:v>1.686617</c:v>
                </c:pt>
                <c:pt idx="337">
                  <c:v>1.6916219999999997</c:v>
                </c:pt>
                <c:pt idx="338">
                  <c:v>1.6966270000000003</c:v>
                </c:pt>
                <c:pt idx="339">
                  <c:v>1.701632</c:v>
                </c:pt>
                <c:pt idx="340">
                  <c:v>1.7066359999999996</c:v>
                </c:pt>
                <c:pt idx="341">
                  <c:v>1.7116410000000002</c:v>
                </c:pt>
                <c:pt idx="342">
                  <c:v>1.7166459999999999</c:v>
                </c:pt>
                <c:pt idx="343">
                  <c:v>1.7216509999999996</c:v>
                </c:pt>
                <c:pt idx="344">
                  <c:v>1.7266560000000002</c:v>
                </c:pt>
                <c:pt idx="345">
                  <c:v>1.7316599999999998</c:v>
                </c:pt>
                <c:pt idx="346">
                  <c:v>1.7366650000000003</c:v>
                </c:pt>
                <c:pt idx="347">
                  <c:v>1.7416700000000001</c:v>
                </c:pt>
                <c:pt idx="348">
                  <c:v>1.7466749999999998</c:v>
                </c:pt>
                <c:pt idx="349">
                  <c:v>1.7516800000000003</c:v>
                </c:pt>
                <c:pt idx="350">
                  <c:v>1.7566839999999999</c:v>
                </c:pt>
                <c:pt idx="351">
                  <c:v>1.7616889999999996</c:v>
                </c:pt>
                <c:pt idx="352">
                  <c:v>1.7666940000000002</c:v>
                </c:pt>
                <c:pt idx="353">
                  <c:v>1.7716989999999999</c:v>
                </c:pt>
                <c:pt idx="354">
                  <c:v>1.7767039999999996</c:v>
                </c:pt>
                <c:pt idx="355">
                  <c:v>1.7817080000000001</c:v>
                </c:pt>
                <c:pt idx="356">
                  <c:v>1.7867129999999998</c:v>
                </c:pt>
                <c:pt idx="357">
                  <c:v>1.7917180000000004</c:v>
                </c:pt>
                <c:pt idx="358">
                  <c:v>1.7967230000000001</c:v>
                </c:pt>
                <c:pt idx="359">
                  <c:v>1.8017279999999998</c:v>
                </c:pt>
                <c:pt idx="360">
                  <c:v>1.8067320000000002</c:v>
                </c:pt>
                <c:pt idx="361">
                  <c:v>1.8117369999999999</c:v>
                </c:pt>
                <c:pt idx="362">
                  <c:v>1.8167419999999996</c:v>
                </c:pt>
                <c:pt idx="363">
                  <c:v>1.8217470000000002</c:v>
                </c:pt>
                <c:pt idx="364">
                  <c:v>1.8267519999999999</c:v>
                </c:pt>
                <c:pt idx="365">
                  <c:v>1.8317560000000004</c:v>
                </c:pt>
                <c:pt idx="366">
                  <c:v>1.8367610000000001</c:v>
                </c:pt>
                <c:pt idx="367">
                  <c:v>1.8417659999999998</c:v>
                </c:pt>
                <c:pt idx="368">
                  <c:v>1.8467710000000004</c:v>
                </c:pt>
                <c:pt idx="369">
                  <c:v>1.8517760000000001</c:v>
                </c:pt>
                <c:pt idx="370">
                  <c:v>1.8567799999999997</c:v>
                </c:pt>
                <c:pt idx="371">
                  <c:v>1.8617850000000002</c:v>
                </c:pt>
                <c:pt idx="372">
                  <c:v>1.8667899999999999</c:v>
                </c:pt>
                <c:pt idx="373">
                  <c:v>1.8717949999999997</c:v>
                </c:pt>
                <c:pt idx="374">
                  <c:v>1.8768000000000002</c:v>
                </c:pt>
                <c:pt idx="375">
                  <c:v>1.8818039999999998</c:v>
                </c:pt>
                <c:pt idx="376">
                  <c:v>1.8868090000000004</c:v>
                </c:pt>
                <c:pt idx="377">
                  <c:v>1.8918140000000001</c:v>
                </c:pt>
                <c:pt idx="378">
                  <c:v>1.8968189999999998</c:v>
                </c:pt>
                <c:pt idx="379">
                  <c:v>1.9018240000000004</c:v>
                </c:pt>
                <c:pt idx="380">
                  <c:v>1.906828</c:v>
                </c:pt>
                <c:pt idx="381">
                  <c:v>1.9118329999999997</c:v>
                </c:pt>
                <c:pt idx="382">
                  <c:v>1.9168380000000003</c:v>
                </c:pt>
                <c:pt idx="383">
                  <c:v>1.921843</c:v>
                </c:pt>
                <c:pt idx="384">
                  <c:v>1.9268480000000006</c:v>
                </c:pt>
                <c:pt idx="385">
                  <c:v>1.9318520000000001</c:v>
                </c:pt>
                <c:pt idx="386">
                  <c:v>1.9368570000000007</c:v>
                </c:pt>
                <c:pt idx="387">
                  <c:v>1.9418619999999995</c:v>
                </c:pt>
                <c:pt idx="388">
                  <c:v>1.9468670000000001</c:v>
                </c:pt>
                <c:pt idx="389">
                  <c:v>1.9518720000000007</c:v>
                </c:pt>
                <c:pt idx="390">
                  <c:v>1.9568760000000003</c:v>
                </c:pt>
                <c:pt idx="391">
                  <c:v>1.9618810000000009</c:v>
                </c:pt>
                <c:pt idx="392">
                  <c:v>1.9668859999999997</c:v>
                </c:pt>
                <c:pt idx="393">
                  <c:v>1.9718910000000003</c:v>
                </c:pt>
                <c:pt idx="394">
                  <c:v>1.9768960000000009</c:v>
                </c:pt>
                <c:pt idx="395">
                  <c:v>1.9819000000000004</c:v>
                </c:pt>
                <c:pt idx="396">
                  <c:v>1.9869049999999993</c:v>
                </c:pt>
                <c:pt idx="397">
                  <c:v>1.9919099999999998</c:v>
                </c:pt>
                <c:pt idx="398">
                  <c:v>1.9969150000000004</c:v>
                </c:pt>
                <c:pt idx="399">
                  <c:v>2.0019199999999993</c:v>
                </c:pt>
                <c:pt idx="400">
                  <c:v>2.0069240000000006</c:v>
                </c:pt>
                <c:pt idx="401">
                  <c:v>2.0119289999999994</c:v>
                </c:pt>
                <c:pt idx="402">
                  <c:v>2.016934</c:v>
                </c:pt>
                <c:pt idx="403">
                  <c:v>2.0219390000000006</c:v>
                </c:pt>
                <c:pt idx="404">
                  <c:v>2.0269439999999994</c:v>
                </c:pt>
                <c:pt idx="405">
                  <c:v>2.0319480000000008</c:v>
                </c:pt>
                <c:pt idx="406">
                  <c:v>2.0369529999999996</c:v>
                </c:pt>
              </c:numCache>
            </c:numRef>
          </c:xVal>
          <c:yVal>
            <c:numRef>
              <c:f>'Multi-20-3s(7)'!$F$3:$F$409</c:f>
              <c:numCache>
                <c:formatCode>General</c:formatCode>
                <c:ptCount val="407"/>
                <c:pt idx="0">
                  <c:v>0.17819958457203533</c:v>
                </c:pt>
                <c:pt idx="1">
                  <c:v>0.18386641391927047</c:v>
                </c:pt>
                <c:pt idx="2">
                  <c:v>0.17837263466623457</c:v>
                </c:pt>
                <c:pt idx="3">
                  <c:v>0.18069969137127156</c:v>
                </c:pt>
                <c:pt idx="4">
                  <c:v>0.18507834044375737</c:v>
                </c:pt>
                <c:pt idx="5">
                  <c:v>0.17815100903739331</c:v>
                </c:pt>
                <c:pt idx="6">
                  <c:v>0.17330737095811655</c:v>
                </c:pt>
                <c:pt idx="7">
                  <c:v>0.17975951456401557</c:v>
                </c:pt>
                <c:pt idx="8">
                  <c:v>0.18299102309165352</c:v>
                </c:pt>
                <c:pt idx="9">
                  <c:v>0.18130219288283414</c:v>
                </c:pt>
                <c:pt idx="10">
                  <c:v>0.1756070811889692</c:v>
                </c:pt>
                <c:pt idx="11">
                  <c:v>0.17054273005455256</c:v>
                </c:pt>
                <c:pt idx="12">
                  <c:v>0.16512305378921727</c:v>
                </c:pt>
                <c:pt idx="13">
                  <c:v>0.16186615790034425</c:v>
                </c:pt>
                <c:pt idx="14">
                  <c:v>0.16064233891889312</c:v>
                </c:pt>
                <c:pt idx="15">
                  <c:v>0.15623615145836786</c:v>
                </c:pt>
                <c:pt idx="16">
                  <c:v>0.14727655435133435</c:v>
                </c:pt>
                <c:pt idx="17">
                  <c:v>0.13677477974319022</c:v>
                </c:pt>
                <c:pt idx="18">
                  <c:v>0.12859265464519487</c:v>
                </c:pt>
                <c:pt idx="19">
                  <c:v>0.12127991110863993</c:v>
                </c:pt>
                <c:pt idx="20">
                  <c:v>0.11730928798787454</c:v>
                </c:pt>
                <c:pt idx="21">
                  <c:v>0.11344372763660367</c:v>
                </c:pt>
                <c:pt idx="22">
                  <c:v>0.1103413640682273</c:v>
                </c:pt>
                <c:pt idx="23">
                  <c:v>0.10710752235963145</c:v>
                </c:pt>
                <c:pt idx="24">
                  <c:v>0.10591094500649623</c:v>
                </c:pt>
                <c:pt idx="25">
                  <c:v>0.10752997652659362</c:v>
                </c:pt>
                <c:pt idx="26">
                  <c:v>0.10965148246625335</c:v>
                </c:pt>
                <c:pt idx="27">
                  <c:v>0.11043307824539188</c:v>
                </c:pt>
                <c:pt idx="28">
                  <c:v>0.10986331371957667</c:v>
                </c:pt>
                <c:pt idx="29">
                  <c:v>0.10939955565591185</c:v>
                </c:pt>
                <c:pt idx="30">
                  <c:v>0.10767911823630268</c:v>
                </c:pt>
                <c:pt idx="31">
                  <c:v>0.10572141439846079</c:v>
                </c:pt>
                <c:pt idx="32">
                  <c:v>0.10526185592998251</c:v>
                </c:pt>
                <c:pt idx="33">
                  <c:v>0.10477051075848615</c:v>
                </c:pt>
                <c:pt idx="34">
                  <c:v>0.10304923724784579</c:v>
                </c:pt>
                <c:pt idx="35">
                  <c:v>0.10060890799102307</c:v>
                </c:pt>
                <c:pt idx="36">
                  <c:v>9.6611584196538522E-2</c:v>
                </c:pt>
                <c:pt idx="37">
                  <c:v>9.3196235843504574E-2</c:v>
                </c:pt>
                <c:pt idx="38">
                  <c:v>9.163839219973105E-2</c:v>
                </c:pt>
                <c:pt idx="39">
                  <c:v>8.9380932082209499E-2</c:v>
                </c:pt>
                <c:pt idx="40">
                  <c:v>8.6780784671956809E-2</c:v>
                </c:pt>
                <c:pt idx="41">
                  <c:v>8.5553245878961459E-2</c:v>
                </c:pt>
                <c:pt idx="42">
                  <c:v>8.6035874126613787E-2</c:v>
                </c:pt>
                <c:pt idx="43">
                  <c:v>8.6014392160079473E-2</c:v>
                </c:pt>
                <c:pt idx="44">
                  <c:v>8.546766303097128E-2</c:v>
                </c:pt>
                <c:pt idx="45">
                  <c:v>8.5991058963941838E-2</c:v>
                </c:pt>
                <c:pt idx="46">
                  <c:v>8.7283007681976804E-2</c:v>
                </c:pt>
                <c:pt idx="47">
                  <c:v>8.9341784599293483E-2</c:v>
                </c:pt>
                <c:pt idx="48">
                  <c:v>9.1731031643310271E-2</c:v>
                </c:pt>
                <c:pt idx="49">
                  <c:v>9.3529885330733836E-2</c:v>
                </c:pt>
                <c:pt idx="50">
                  <c:v>9.5029895160398087E-2</c:v>
                </c:pt>
                <c:pt idx="51">
                  <c:v>9.552697040434692E-2</c:v>
                </c:pt>
                <c:pt idx="52">
                  <c:v>9.5282781724121468E-2</c:v>
                </c:pt>
                <c:pt idx="53">
                  <c:v>9.4676547802452021E-2</c:v>
                </c:pt>
                <c:pt idx="54">
                  <c:v>9.4035352815810949E-2</c:v>
                </c:pt>
                <c:pt idx="55">
                  <c:v>9.2441804770331204E-2</c:v>
                </c:pt>
                <c:pt idx="56">
                  <c:v>8.9383023348601848E-2</c:v>
                </c:pt>
                <c:pt idx="57">
                  <c:v>8.6203253256168538E-2</c:v>
                </c:pt>
                <c:pt idx="58">
                  <c:v>8.3434923064168526E-2</c:v>
                </c:pt>
                <c:pt idx="59">
                  <c:v>8.1874305291680313E-2</c:v>
                </c:pt>
                <c:pt idx="60">
                  <c:v>7.9692388413046364E-2</c:v>
                </c:pt>
                <c:pt idx="61">
                  <c:v>7.74483499535666E-2</c:v>
                </c:pt>
                <c:pt idx="62">
                  <c:v>7.5910252546350462E-2</c:v>
                </c:pt>
                <c:pt idx="63">
                  <c:v>7.4861611905337258E-2</c:v>
                </c:pt>
                <c:pt idx="64">
                  <c:v>7.4088052061522511E-2</c:v>
                </c:pt>
                <c:pt idx="65">
                  <c:v>7.3436244716963306E-2</c:v>
                </c:pt>
                <c:pt idx="66">
                  <c:v>7.2478074010319429E-2</c:v>
                </c:pt>
                <c:pt idx="67">
                  <c:v>7.1650096293304627E-2</c:v>
                </c:pt>
                <c:pt idx="68">
                  <c:v>7.1043275602893877E-2</c:v>
                </c:pt>
                <c:pt idx="69">
                  <c:v>7.0965900829144196E-2</c:v>
                </c:pt>
                <c:pt idx="70">
                  <c:v>7.0900255272622628E-2</c:v>
                </c:pt>
                <c:pt idx="71">
                  <c:v>7.0740876475284653E-2</c:v>
                </c:pt>
                <c:pt idx="72">
                  <c:v>7.152985246612073E-2</c:v>
                </c:pt>
                <c:pt idx="73">
                  <c:v>7.3820793723315889E-2</c:v>
                </c:pt>
                <c:pt idx="74">
                  <c:v>7.6528827678253225E-2</c:v>
                </c:pt>
                <c:pt idx="75">
                  <c:v>7.8331845365684605E-2</c:v>
                </c:pt>
                <c:pt idx="76">
                  <c:v>7.903565574391877E-2</c:v>
                </c:pt>
                <c:pt idx="77">
                  <c:v>7.9086374184575578E-2</c:v>
                </c:pt>
                <c:pt idx="78">
                  <c:v>7.9407145746101665E-2</c:v>
                </c:pt>
                <c:pt idx="79">
                  <c:v>7.9315041049824356E-2</c:v>
                </c:pt>
                <c:pt idx="80">
                  <c:v>7.8169232239578001E-2</c:v>
                </c:pt>
                <c:pt idx="81">
                  <c:v>7.6098206474551844E-2</c:v>
                </c:pt>
                <c:pt idx="82">
                  <c:v>7.3806503591421144E-2</c:v>
                </c:pt>
                <c:pt idx="83">
                  <c:v>7.1347857666577613E-2</c:v>
                </c:pt>
                <c:pt idx="84">
                  <c:v>6.9380983953267292E-2</c:v>
                </c:pt>
                <c:pt idx="85">
                  <c:v>6.7900637328165939E-2</c:v>
                </c:pt>
                <c:pt idx="86">
                  <c:v>6.661565356638606E-2</c:v>
                </c:pt>
                <c:pt idx="87">
                  <c:v>6.4787807068111117E-2</c:v>
                </c:pt>
                <c:pt idx="88">
                  <c:v>6.2915221624866555E-2</c:v>
                </c:pt>
                <c:pt idx="89">
                  <c:v>6.1475402171132003E-2</c:v>
                </c:pt>
                <c:pt idx="90">
                  <c:v>6.0148367521167367E-2</c:v>
                </c:pt>
                <c:pt idx="91">
                  <c:v>5.9577930669415573E-2</c:v>
                </c:pt>
                <c:pt idx="92">
                  <c:v>5.9688664403397949E-2</c:v>
                </c:pt>
                <c:pt idx="93">
                  <c:v>6.005333975300748E-2</c:v>
                </c:pt>
                <c:pt idx="94">
                  <c:v>5.9806144956496991E-2</c:v>
                </c:pt>
                <c:pt idx="95">
                  <c:v>6.0064454318173761E-2</c:v>
                </c:pt>
                <c:pt idx="96">
                  <c:v>6.086782085629841E-2</c:v>
                </c:pt>
                <c:pt idx="97">
                  <c:v>6.2115339636305722E-2</c:v>
                </c:pt>
                <c:pt idx="98">
                  <c:v>6.3234491058677206E-2</c:v>
                </c:pt>
                <c:pt idx="99">
                  <c:v>6.4361398642846165E-2</c:v>
                </c:pt>
                <c:pt idx="100">
                  <c:v>6.5184664981454046E-2</c:v>
                </c:pt>
                <c:pt idx="101">
                  <c:v>6.586427075700213E-2</c:v>
                </c:pt>
                <c:pt idx="102">
                  <c:v>6.6601874441952522E-2</c:v>
                </c:pt>
                <c:pt idx="103">
                  <c:v>6.7325337616911743E-2</c:v>
                </c:pt>
                <c:pt idx="104">
                  <c:v>6.8118182057541277E-2</c:v>
                </c:pt>
                <c:pt idx="105">
                  <c:v>6.790115731401003E-2</c:v>
                </c:pt>
                <c:pt idx="106">
                  <c:v>6.6525834114057436E-2</c:v>
                </c:pt>
                <c:pt idx="107">
                  <c:v>6.4609376916239941E-2</c:v>
                </c:pt>
                <c:pt idx="108">
                  <c:v>6.2920509087209003E-2</c:v>
                </c:pt>
                <c:pt idx="109">
                  <c:v>6.1063492903555318E-2</c:v>
                </c:pt>
                <c:pt idx="110">
                  <c:v>5.9142693105883742E-2</c:v>
                </c:pt>
                <c:pt idx="111">
                  <c:v>5.7587065514557868E-2</c:v>
                </c:pt>
                <c:pt idx="112">
                  <c:v>5.6645673786571392E-2</c:v>
                </c:pt>
                <c:pt idx="113">
                  <c:v>5.6140938375362125E-2</c:v>
                </c:pt>
                <c:pt idx="114">
                  <c:v>5.5702655049604956E-2</c:v>
                </c:pt>
                <c:pt idx="115">
                  <c:v>5.5638908981753776E-2</c:v>
                </c:pt>
                <c:pt idx="116">
                  <c:v>5.6038846031697724E-2</c:v>
                </c:pt>
                <c:pt idx="117">
                  <c:v>5.6366474104887751E-2</c:v>
                </c:pt>
                <c:pt idx="118">
                  <c:v>5.6571971105052278E-2</c:v>
                </c:pt>
                <c:pt idx="119">
                  <c:v>5.6691741753004718E-2</c:v>
                </c:pt>
                <c:pt idx="120">
                  <c:v>5.6941919004410063E-2</c:v>
                </c:pt>
                <c:pt idx="121">
                  <c:v>5.7241265376881456E-2</c:v>
                </c:pt>
                <c:pt idx="122">
                  <c:v>5.7375313196544139E-2</c:v>
                </c:pt>
                <c:pt idx="123">
                  <c:v>5.7342135724846456E-2</c:v>
                </c:pt>
                <c:pt idx="124">
                  <c:v>5.7593101726682597E-2</c:v>
                </c:pt>
                <c:pt idx="125">
                  <c:v>5.7772627089747272E-2</c:v>
                </c:pt>
                <c:pt idx="126">
                  <c:v>5.7602805333062931E-2</c:v>
                </c:pt>
                <c:pt idx="127">
                  <c:v>5.7532028540571184E-2</c:v>
                </c:pt>
                <c:pt idx="128">
                  <c:v>5.7433200677894286E-2</c:v>
                </c:pt>
                <c:pt idx="129">
                  <c:v>5.7674278716862995E-2</c:v>
                </c:pt>
                <c:pt idx="130">
                  <c:v>5.7577278713684892E-2</c:v>
                </c:pt>
                <c:pt idx="131">
                  <c:v>5.7249987299323304E-2</c:v>
                </c:pt>
                <c:pt idx="132">
                  <c:v>5.6757094912757801E-2</c:v>
                </c:pt>
                <c:pt idx="133">
                  <c:v>5.6068856867875126E-2</c:v>
                </c:pt>
                <c:pt idx="134">
                  <c:v>5.5035635445028382E-2</c:v>
                </c:pt>
                <c:pt idx="135">
                  <c:v>5.3746772907937009E-2</c:v>
                </c:pt>
                <c:pt idx="136">
                  <c:v>5.2724930113040129E-2</c:v>
                </c:pt>
                <c:pt idx="137">
                  <c:v>5.1714795762774643E-2</c:v>
                </c:pt>
                <c:pt idx="138">
                  <c:v>5.0542795893316117E-2</c:v>
                </c:pt>
                <c:pt idx="139">
                  <c:v>4.9537402455210038E-2</c:v>
                </c:pt>
                <c:pt idx="140">
                  <c:v>4.8988096480079193E-2</c:v>
                </c:pt>
                <c:pt idx="141">
                  <c:v>4.8803791940573299E-2</c:v>
                </c:pt>
                <c:pt idx="142">
                  <c:v>4.9023500097684337E-2</c:v>
                </c:pt>
                <c:pt idx="143">
                  <c:v>4.9598175222197775E-2</c:v>
                </c:pt>
                <c:pt idx="144">
                  <c:v>5.0483888988318633E-2</c:v>
                </c:pt>
                <c:pt idx="145">
                  <c:v>5.1589837989195787E-2</c:v>
                </c:pt>
                <c:pt idx="146">
                  <c:v>5.2710342404159241E-2</c:v>
                </c:pt>
                <c:pt idx="147">
                  <c:v>5.3588512925865736E-2</c:v>
                </c:pt>
                <c:pt idx="148">
                  <c:v>5.4277740498080644E-2</c:v>
                </c:pt>
                <c:pt idx="149">
                  <c:v>5.4962709033935471E-2</c:v>
                </c:pt>
                <c:pt idx="150">
                  <c:v>5.5428779743147326E-2</c:v>
                </c:pt>
                <c:pt idx="151">
                  <c:v>5.5212948877021571E-2</c:v>
                </c:pt>
                <c:pt idx="152">
                  <c:v>5.5056149515093203E-2</c:v>
                </c:pt>
                <c:pt idx="153">
                  <c:v>5.5032688838432542E-2</c:v>
                </c:pt>
                <c:pt idx="154">
                  <c:v>5.4804866245501578E-2</c:v>
                </c:pt>
                <c:pt idx="155">
                  <c:v>5.3887054145078071E-2</c:v>
                </c:pt>
                <c:pt idx="156">
                  <c:v>5.270545075764814E-2</c:v>
                </c:pt>
                <c:pt idx="157">
                  <c:v>5.1337403329504538E-2</c:v>
                </c:pt>
                <c:pt idx="158">
                  <c:v>5.0123682851069468E-2</c:v>
                </c:pt>
                <c:pt idx="159">
                  <c:v>4.8973883975248683E-2</c:v>
                </c:pt>
                <c:pt idx="160">
                  <c:v>4.8034560735452148E-2</c:v>
                </c:pt>
                <c:pt idx="161">
                  <c:v>4.7365922375447893E-2</c:v>
                </c:pt>
                <c:pt idx="162">
                  <c:v>4.6803495211402348E-2</c:v>
                </c:pt>
                <c:pt idx="163">
                  <c:v>4.6213429269159959E-2</c:v>
                </c:pt>
                <c:pt idx="164">
                  <c:v>4.581158096536523E-2</c:v>
                </c:pt>
                <c:pt idx="165">
                  <c:v>4.5501219291911775E-2</c:v>
                </c:pt>
                <c:pt idx="166">
                  <c:v>4.5462016825242847E-2</c:v>
                </c:pt>
                <c:pt idx="167">
                  <c:v>4.573803586772987E-2</c:v>
                </c:pt>
                <c:pt idx="168">
                  <c:v>4.6036830574297437E-2</c:v>
                </c:pt>
                <c:pt idx="169">
                  <c:v>4.6195106126450357E-2</c:v>
                </c:pt>
                <c:pt idx="170">
                  <c:v>4.6334377597919668E-2</c:v>
                </c:pt>
                <c:pt idx="171">
                  <c:v>4.6574495660979695E-2</c:v>
                </c:pt>
                <c:pt idx="172">
                  <c:v>4.7190879393761188E-2</c:v>
                </c:pt>
                <c:pt idx="173">
                  <c:v>4.7966309367363853E-2</c:v>
                </c:pt>
                <c:pt idx="174">
                  <c:v>4.8510796615988068E-2</c:v>
                </c:pt>
                <c:pt idx="175">
                  <c:v>4.8904742363628441E-2</c:v>
                </c:pt>
                <c:pt idx="176">
                  <c:v>4.8829001333854129E-2</c:v>
                </c:pt>
                <c:pt idx="177">
                  <c:v>4.853687623581885E-2</c:v>
                </c:pt>
                <c:pt idx="178">
                  <c:v>4.8203068981723406E-2</c:v>
                </c:pt>
                <c:pt idx="179">
                  <c:v>4.7890915143104965E-2</c:v>
                </c:pt>
                <c:pt idx="180">
                  <c:v>4.7562097614209049E-2</c:v>
                </c:pt>
                <c:pt idx="181">
                  <c:v>4.7287597721072182E-2</c:v>
                </c:pt>
                <c:pt idx="182">
                  <c:v>4.6686413977293249E-2</c:v>
                </c:pt>
                <c:pt idx="183">
                  <c:v>4.5756755303232297E-2</c:v>
                </c:pt>
                <c:pt idx="184">
                  <c:v>4.4863757800785761E-2</c:v>
                </c:pt>
                <c:pt idx="185">
                  <c:v>4.4381815353441781E-2</c:v>
                </c:pt>
                <c:pt idx="186">
                  <c:v>4.3942248175767994E-2</c:v>
                </c:pt>
                <c:pt idx="187">
                  <c:v>4.3564523263225727E-2</c:v>
                </c:pt>
                <c:pt idx="188">
                  <c:v>4.3243023531499204E-2</c:v>
                </c:pt>
                <c:pt idx="189">
                  <c:v>4.2933863547748148E-2</c:v>
                </c:pt>
                <c:pt idx="190">
                  <c:v>4.2749928228150366E-2</c:v>
                </c:pt>
                <c:pt idx="191">
                  <c:v>4.2445776561984026E-2</c:v>
                </c:pt>
                <c:pt idx="192">
                  <c:v>4.2731801082540939E-2</c:v>
                </c:pt>
                <c:pt idx="193">
                  <c:v>4.3100224528605145E-2</c:v>
                </c:pt>
                <c:pt idx="194">
                  <c:v>4.3426726913610075E-2</c:v>
                </c:pt>
                <c:pt idx="195">
                  <c:v>4.3848808469416613E-2</c:v>
                </c:pt>
                <c:pt idx="196">
                  <c:v>4.4345576371287977E-2</c:v>
                </c:pt>
                <c:pt idx="197">
                  <c:v>4.462438717812265E-2</c:v>
                </c:pt>
                <c:pt idx="198">
                  <c:v>4.4228208217684681E-2</c:v>
                </c:pt>
                <c:pt idx="199">
                  <c:v>4.3739230014924052E-2</c:v>
                </c:pt>
                <c:pt idx="200">
                  <c:v>4.3640340151419418E-2</c:v>
                </c:pt>
                <c:pt idx="201">
                  <c:v>4.3736467632585728E-2</c:v>
                </c:pt>
                <c:pt idx="202">
                  <c:v>4.3775891387513151E-2</c:v>
                </c:pt>
                <c:pt idx="203">
                  <c:v>4.3831731543138533E-2</c:v>
                </c:pt>
                <c:pt idx="204">
                  <c:v>4.3554513290190611E-2</c:v>
                </c:pt>
                <c:pt idx="205">
                  <c:v>4.2965610812407733E-2</c:v>
                </c:pt>
                <c:pt idx="206">
                  <c:v>4.2292553612598149E-2</c:v>
                </c:pt>
                <c:pt idx="207">
                  <c:v>4.1681851643237761E-2</c:v>
                </c:pt>
                <c:pt idx="208">
                  <c:v>4.1227358655077227E-2</c:v>
                </c:pt>
                <c:pt idx="209">
                  <c:v>4.1093257843526451E-2</c:v>
                </c:pt>
                <c:pt idx="210">
                  <c:v>4.0827045819759072E-2</c:v>
                </c:pt>
                <c:pt idx="211">
                  <c:v>4.0273825669288887E-2</c:v>
                </c:pt>
                <c:pt idx="212">
                  <c:v>3.9809912710363597E-2</c:v>
                </c:pt>
                <c:pt idx="213">
                  <c:v>3.9644399597225551E-2</c:v>
                </c:pt>
                <c:pt idx="214">
                  <c:v>3.9718856327420511E-2</c:v>
                </c:pt>
                <c:pt idx="215">
                  <c:v>3.9957224885520892E-2</c:v>
                </c:pt>
                <c:pt idx="216">
                  <c:v>4.0251562338200708E-2</c:v>
                </c:pt>
                <c:pt idx="217">
                  <c:v>4.0278356143982008E-2</c:v>
                </c:pt>
                <c:pt idx="218">
                  <c:v>4.0064640839154141E-2</c:v>
                </c:pt>
                <c:pt idx="219">
                  <c:v>3.9865157629277344E-2</c:v>
                </c:pt>
                <c:pt idx="220">
                  <c:v>3.9906488984456354E-2</c:v>
                </c:pt>
                <c:pt idx="221">
                  <c:v>4.0026146625694231E-2</c:v>
                </c:pt>
                <c:pt idx="222">
                  <c:v>3.9987330241043534E-2</c:v>
                </c:pt>
                <c:pt idx="223">
                  <c:v>3.9864598456194139E-2</c:v>
                </c:pt>
                <c:pt idx="224">
                  <c:v>3.984958944624778E-2</c:v>
                </c:pt>
                <c:pt idx="225">
                  <c:v>3.9709820622009666E-2</c:v>
                </c:pt>
                <c:pt idx="226">
                  <c:v>3.9394555603759825E-2</c:v>
                </c:pt>
                <c:pt idx="227">
                  <c:v>3.9003338353676587E-2</c:v>
                </c:pt>
                <c:pt idx="228">
                  <c:v>3.8739552884627791E-2</c:v>
                </c:pt>
                <c:pt idx="229">
                  <c:v>3.8642018977008648E-2</c:v>
                </c:pt>
                <c:pt idx="230">
                  <c:v>3.8649283643184623E-2</c:v>
                </c:pt>
                <c:pt idx="231">
                  <c:v>3.8551843479809382E-2</c:v>
                </c:pt>
                <c:pt idx="232">
                  <c:v>3.8474554271693752E-2</c:v>
                </c:pt>
                <c:pt idx="233">
                  <c:v>3.8400697125967512E-2</c:v>
                </c:pt>
                <c:pt idx="234">
                  <c:v>3.8166816086422944E-2</c:v>
                </c:pt>
                <c:pt idx="235">
                  <c:v>3.7732792603067826E-2</c:v>
                </c:pt>
                <c:pt idx="236">
                  <c:v>3.7185776500082535E-2</c:v>
                </c:pt>
                <c:pt idx="237">
                  <c:v>3.6640273309142483E-2</c:v>
                </c:pt>
                <c:pt idx="238">
                  <c:v>3.6077117116622037E-2</c:v>
                </c:pt>
                <c:pt idx="239">
                  <c:v>3.5757062880941735E-2</c:v>
                </c:pt>
                <c:pt idx="240">
                  <c:v>3.5859040636546977E-2</c:v>
                </c:pt>
                <c:pt idx="241">
                  <c:v>3.6199949771078696E-2</c:v>
                </c:pt>
                <c:pt idx="242">
                  <c:v>3.636469071185168E-2</c:v>
                </c:pt>
                <c:pt idx="243">
                  <c:v>3.6599801184440096E-2</c:v>
                </c:pt>
                <c:pt idx="244">
                  <c:v>3.6938498030078329E-2</c:v>
                </c:pt>
                <c:pt idx="245">
                  <c:v>3.7233158639836415E-2</c:v>
                </c:pt>
                <c:pt idx="246">
                  <c:v>3.7299274312706403E-2</c:v>
                </c:pt>
                <c:pt idx="247">
                  <c:v>3.7249150043514812E-2</c:v>
                </c:pt>
                <c:pt idx="248">
                  <c:v>3.7076758586268577E-2</c:v>
                </c:pt>
                <c:pt idx="249">
                  <c:v>3.6720476325472248E-2</c:v>
                </c:pt>
                <c:pt idx="250">
                  <c:v>3.6400365547303359E-2</c:v>
                </c:pt>
                <c:pt idx="251">
                  <c:v>3.621261316710099E-2</c:v>
                </c:pt>
                <c:pt idx="252">
                  <c:v>3.5905432275768923E-2</c:v>
                </c:pt>
                <c:pt idx="253">
                  <c:v>3.5664904129789628E-2</c:v>
                </c:pt>
                <c:pt idx="254">
                  <c:v>3.5300261915811107E-2</c:v>
                </c:pt>
                <c:pt idx="255">
                  <c:v>3.4974886924589221E-2</c:v>
                </c:pt>
                <c:pt idx="256">
                  <c:v>3.4765356544626994E-2</c:v>
                </c:pt>
                <c:pt idx="257">
                  <c:v>3.4633463901601956E-2</c:v>
                </c:pt>
                <c:pt idx="258">
                  <c:v>3.4535346561818968E-2</c:v>
                </c:pt>
                <c:pt idx="259">
                  <c:v>3.4469168655080783E-2</c:v>
                </c:pt>
                <c:pt idx="260">
                  <c:v>3.4319298532180693E-2</c:v>
                </c:pt>
                <c:pt idx="261">
                  <c:v>3.4121495667262393E-2</c:v>
                </c:pt>
                <c:pt idx="262">
                  <c:v>3.3994918302263165E-2</c:v>
                </c:pt>
                <c:pt idx="263">
                  <c:v>3.3973229541223303E-2</c:v>
                </c:pt>
                <c:pt idx="264">
                  <c:v>3.4062463108090149E-2</c:v>
                </c:pt>
                <c:pt idx="265">
                  <c:v>3.4043287263912765E-2</c:v>
                </c:pt>
                <c:pt idx="266">
                  <c:v>3.4074352894088347E-2</c:v>
                </c:pt>
                <c:pt idx="267">
                  <c:v>3.4134845838329098E-2</c:v>
                </c:pt>
                <c:pt idx="268">
                  <c:v>3.4231124132318762E-2</c:v>
                </c:pt>
                <c:pt idx="269">
                  <c:v>3.4133363688542737E-2</c:v>
                </c:pt>
                <c:pt idx="270">
                  <c:v>3.4139419119913229E-2</c:v>
                </c:pt>
                <c:pt idx="271">
                  <c:v>3.4492354370454344E-2</c:v>
                </c:pt>
                <c:pt idx="272">
                  <c:v>3.4794943011024988E-2</c:v>
                </c:pt>
                <c:pt idx="273">
                  <c:v>3.4806299554917555E-2</c:v>
                </c:pt>
                <c:pt idx="274">
                  <c:v>3.4589350845740302E-2</c:v>
                </c:pt>
                <c:pt idx="275">
                  <c:v>3.4352821738886381E-2</c:v>
                </c:pt>
                <c:pt idx="276">
                  <c:v>3.3861728332421431E-2</c:v>
                </c:pt>
                <c:pt idx="277">
                  <c:v>3.3387726869647097E-2</c:v>
                </c:pt>
                <c:pt idx="278">
                  <c:v>3.2775658605108268E-2</c:v>
                </c:pt>
                <c:pt idx="279">
                  <c:v>3.2563694848833667E-2</c:v>
                </c:pt>
                <c:pt idx="280">
                  <c:v>3.2441315160888905E-2</c:v>
                </c:pt>
                <c:pt idx="281">
                  <c:v>3.2265719089531922E-2</c:v>
                </c:pt>
                <c:pt idx="282">
                  <c:v>3.2001111473117606E-2</c:v>
                </c:pt>
                <c:pt idx="283">
                  <c:v>3.1871042902534702E-2</c:v>
                </c:pt>
                <c:pt idx="284">
                  <c:v>3.2131289557955023E-2</c:v>
                </c:pt>
                <c:pt idx="285">
                  <c:v>3.2403580720450451E-2</c:v>
                </c:pt>
                <c:pt idx="286">
                  <c:v>3.2647542414351353E-2</c:v>
                </c:pt>
                <c:pt idx="287">
                  <c:v>3.2952668576994297E-2</c:v>
                </c:pt>
                <c:pt idx="288">
                  <c:v>3.329879906746757E-2</c:v>
                </c:pt>
                <c:pt idx="289">
                  <c:v>3.3409421286630138E-2</c:v>
                </c:pt>
                <c:pt idx="290">
                  <c:v>3.3363933137394206E-2</c:v>
                </c:pt>
                <c:pt idx="291">
                  <c:v>3.3319723124192971E-2</c:v>
                </c:pt>
                <c:pt idx="292">
                  <c:v>3.3141543595729683E-2</c:v>
                </c:pt>
                <c:pt idx="293">
                  <c:v>3.2949220256310793E-2</c:v>
                </c:pt>
                <c:pt idx="294">
                  <c:v>3.2609969756442245E-2</c:v>
                </c:pt>
                <c:pt idx="295">
                  <c:v>3.2276002802177177E-2</c:v>
                </c:pt>
                <c:pt idx="296">
                  <c:v>3.1986865875300315E-2</c:v>
                </c:pt>
                <c:pt idx="297">
                  <c:v>3.1542050235494119E-2</c:v>
                </c:pt>
                <c:pt idx="298">
                  <c:v>3.1058458824465916E-2</c:v>
                </c:pt>
                <c:pt idx="299">
                  <c:v>3.0779022355394672E-2</c:v>
                </c:pt>
                <c:pt idx="300">
                  <c:v>3.0850245541350151E-2</c:v>
                </c:pt>
                <c:pt idx="301">
                  <c:v>3.0944240842946478E-2</c:v>
                </c:pt>
                <c:pt idx="302">
                  <c:v>3.1201474989648082E-2</c:v>
                </c:pt>
                <c:pt idx="303">
                  <c:v>3.1416555014106735E-2</c:v>
                </c:pt>
                <c:pt idx="304">
                  <c:v>3.1502313003776476E-2</c:v>
                </c:pt>
                <c:pt idx="305">
                  <c:v>3.1403132376468253E-2</c:v>
                </c:pt>
                <c:pt idx="306">
                  <c:v>3.1120123831120505E-2</c:v>
                </c:pt>
                <c:pt idx="307">
                  <c:v>3.081310253153122E-2</c:v>
                </c:pt>
                <c:pt idx="308">
                  <c:v>3.065124190377275E-2</c:v>
                </c:pt>
                <c:pt idx="309">
                  <c:v>3.0510392755824373E-2</c:v>
                </c:pt>
                <c:pt idx="310">
                  <c:v>3.0387529346256281E-2</c:v>
                </c:pt>
                <c:pt idx="311">
                  <c:v>3.0228734193616602E-2</c:v>
                </c:pt>
                <c:pt idx="312">
                  <c:v>3.0085458052765891E-2</c:v>
                </c:pt>
                <c:pt idx="313">
                  <c:v>3.0012014032691738E-2</c:v>
                </c:pt>
                <c:pt idx="314">
                  <c:v>3.0165410877662238E-2</c:v>
                </c:pt>
                <c:pt idx="315">
                  <c:v>3.047636960661429E-2</c:v>
                </c:pt>
                <c:pt idx="316">
                  <c:v>3.0721094726862765E-2</c:v>
                </c:pt>
                <c:pt idx="317">
                  <c:v>3.0814829734277918E-2</c:v>
                </c:pt>
                <c:pt idx="318">
                  <c:v>3.0730814875633481E-2</c:v>
                </c:pt>
                <c:pt idx="319">
                  <c:v>3.070995273786398E-2</c:v>
                </c:pt>
                <c:pt idx="320">
                  <c:v>3.0607345678808611E-2</c:v>
                </c:pt>
                <c:pt idx="321">
                  <c:v>3.034275615729292E-2</c:v>
                </c:pt>
                <c:pt idx="322">
                  <c:v>3.0053597798594366E-2</c:v>
                </c:pt>
                <c:pt idx="323">
                  <c:v>2.9831288453492904E-2</c:v>
                </c:pt>
                <c:pt idx="324">
                  <c:v>2.9427489476710395E-2</c:v>
                </c:pt>
                <c:pt idx="325">
                  <c:v>2.901217771248283E-2</c:v>
                </c:pt>
                <c:pt idx="326">
                  <c:v>2.8712774777410653E-2</c:v>
                </c:pt>
                <c:pt idx="327">
                  <c:v>2.8576883538755326E-2</c:v>
                </c:pt>
                <c:pt idx="328">
                  <c:v>2.8636368773829274E-2</c:v>
                </c:pt>
                <c:pt idx="329">
                  <c:v>2.854045958103452E-2</c:v>
                </c:pt>
                <c:pt idx="330">
                  <c:v>2.8415427712850824E-2</c:v>
                </c:pt>
                <c:pt idx="331">
                  <c:v>2.8311300874817362E-2</c:v>
                </c:pt>
                <c:pt idx="332">
                  <c:v>2.8408515970025115E-2</c:v>
                </c:pt>
                <c:pt idx="333">
                  <c:v>2.8604536580669714E-2</c:v>
                </c:pt>
                <c:pt idx="334">
                  <c:v>2.8984060880905584E-2</c:v>
                </c:pt>
                <c:pt idx="335">
                  <c:v>2.9286878717438482E-2</c:v>
                </c:pt>
                <c:pt idx="336">
                  <c:v>2.9464306946162377E-2</c:v>
                </c:pt>
                <c:pt idx="337">
                  <c:v>2.9330801684171282E-2</c:v>
                </c:pt>
                <c:pt idx="338">
                  <c:v>2.9157185547571303E-2</c:v>
                </c:pt>
                <c:pt idx="339">
                  <c:v>2.9047315482215664E-2</c:v>
                </c:pt>
                <c:pt idx="340">
                  <c:v>2.9152804321488309E-2</c:v>
                </c:pt>
                <c:pt idx="341">
                  <c:v>2.9297622443749834E-2</c:v>
                </c:pt>
                <c:pt idx="342">
                  <c:v>2.9218738929475654E-2</c:v>
                </c:pt>
                <c:pt idx="343">
                  <c:v>2.9190083177851562E-2</c:v>
                </c:pt>
                <c:pt idx="344">
                  <c:v>2.9264750613349592E-2</c:v>
                </c:pt>
                <c:pt idx="345">
                  <c:v>2.9208815304911408E-2</c:v>
                </c:pt>
                <c:pt idx="346">
                  <c:v>2.9159319075986678E-2</c:v>
                </c:pt>
                <c:pt idx="347">
                  <c:v>2.923076703064037E-2</c:v>
                </c:pt>
                <c:pt idx="348">
                  <c:v>2.9204373683932087E-2</c:v>
                </c:pt>
                <c:pt idx="349">
                  <c:v>2.902146458647115E-2</c:v>
                </c:pt>
                <c:pt idx="350">
                  <c:v>2.8768131220756152E-2</c:v>
                </c:pt>
                <c:pt idx="351">
                  <c:v>2.8516539331901122E-2</c:v>
                </c:pt>
                <c:pt idx="352">
                  <c:v>2.8348840994050099E-2</c:v>
                </c:pt>
                <c:pt idx="353">
                  <c:v>2.8071528923554186E-2</c:v>
                </c:pt>
                <c:pt idx="354">
                  <c:v>2.7725915831201705E-2</c:v>
                </c:pt>
                <c:pt idx="355">
                  <c:v>2.7309419319457739E-2</c:v>
                </c:pt>
                <c:pt idx="356">
                  <c:v>2.6985600444367618E-2</c:v>
                </c:pt>
                <c:pt idx="357">
                  <c:v>2.6701059110624901E-2</c:v>
                </c:pt>
                <c:pt idx="358">
                  <c:v>2.6404595548435453E-2</c:v>
                </c:pt>
                <c:pt idx="359">
                  <c:v>2.6454748020183681E-2</c:v>
                </c:pt>
                <c:pt idx="360">
                  <c:v>2.6637420372567885E-2</c:v>
                </c:pt>
                <c:pt idx="361">
                  <c:v>2.6866774128892174E-2</c:v>
                </c:pt>
                <c:pt idx="362">
                  <c:v>2.7127927910691577E-2</c:v>
                </c:pt>
                <c:pt idx="363">
                  <c:v>2.7407404464252064E-2</c:v>
                </c:pt>
                <c:pt idx="364">
                  <c:v>2.7660933311792344E-2</c:v>
                </c:pt>
                <c:pt idx="365">
                  <c:v>2.7954220875179007E-2</c:v>
                </c:pt>
                <c:pt idx="366">
                  <c:v>2.8323539923116356E-2</c:v>
                </c:pt>
                <c:pt idx="367">
                  <c:v>2.86449664422237E-2</c:v>
                </c:pt>
                <c:pt idx="368">
                  <c:v>2.8816426804186491E-2</c:v>
                </c:pt>
                <c:pt idx="369">
                  <c:v>2.8724020355448049E-2</c:v>
                </c:pt>
                <c:pt idx="370">
                  <c:v>2.8386547715786015E-2</c:v>
                </c:pt>
                <c:pt idx="371">
                  <c:v>2.8079144602223848E-2</c:v>
                </c:pt>
                <c:pt idx="372">
                  <c:v>2.7688497729139935E-2</c:v>
                </c:pt>
                <c:pt idx="373">
                  <c:v>2.7190005074175013E-2</c:v>
                </c:pt>
                <c:pt idx="374">
                  <c:v>2.6721427975357512E-2</c:v>
                </c:pt>
                <c:pt idx="375">
                  <c:v>2.6379635707825054E-2</c:v>
                </c:pt>
                <c:pt idx="376">
                  <c:v>2.6087435949702878E-2</c:v>
                </c:pt>
                <c:pt idx="377">
                  <c:v>2.5822522976939297E-2</c:v>
                </c:pt>
                <c:pt idx="378">
                  <c:v>2.563184842643719E-2</c:v>
                </c:pt>
                <c:pt idx="379">
                  <c:v>2.5571048121725372E-2</c:v>
                </c:pt>
                <c:pt idx="380">
                  <c:v>2.5750195440489673E-2</c:v>
                </c:pt>
                <c:pt idx="381">
                  <c:v>2.5914120587017843E-2</c:v>
                </c:pt>
                <c:pt idx="382">
                  <c:v>2.586676514483956E-2</c:v>
                </c:pt>
                <c:pt idx="383">
                  <c:v>2.5816471801831605E-2</c:v>
                </c:pt>
                <c:pt idx="384">
                  <c:v>2.5829913107983798E-2</c:v>
                </c:pt>
                <c:pt idx="385">
                  <c:v>2.5840958600936107E-2</c:v>
                </c:pt>
                <c:pt idx="386">
                  <c:v>2.5798419458428194E-2</c:v>
                </c:pt>
                <c:pt idx="387">
                  <c:v>2.5826864334413831E-2</c:v>
                </c:pt>
                <c:pt idx="388">
                  <c:v>2.5892841664272939E-2</c:v>
                </c:pt>
                <c:pt idx="389">
                  <c:v>2.5852772291631358E-2</c:v>
                </c:pt>
                <c:pt idx="390">
                  <c:v>2.5794654248350247E-2</c:v>
                </c:pt>
                <c:pt idx="391">
                  <c:v>2.5914379395806056E-2</c:v>
                </c:pt>
                <c:pt idx="392">
                  <c:v>2.6159664171048851E-2</c:v>
                </c:pt>
                <c:pt idx="393">
                  <c:v>2.629785185777862E-2</c:v>
                </c:pt>
                <c:pt idx="394">
                  <c:v>2.6412093422956778E-2</c:v>
                </c:pt>
                <c:pt idx="395">
                  <c:v>2.6483715459833902E-2</c:v>
                </c:pt>
                <c:pt idx="396">
                  <c:v>2.6401153670010863E-2</c:v>
                </c:pt>
                <c:pt idx="397">
                  <c:v>2.6308706936208782E-2</c:v>
                </c:pt>
                <c:pt idx="398">
                  <c:v>2.6149408949640792E-2</c:v>
                </c:pt>
                <c:pt idx="399">
                  <c:v>2.5962042787698317E-2</c:v>
                </c:pt>
                <c:pt idx="400">
                  <c:v>2.5704598577449129E-2</c:v>
                </c:pt>
                <c:pt idx="401">
                  <c:v>2.539896771635345E-2</c:v>
                </c:pt>
                <c:pt idx="402">
                  <c:v>2.4826326100462447E-2</c:v>
                </c:pt>
                <c:pt idx="403">
                  <c:v>2.4234314322633919E-2</c:v>
                </c:pt>
                <c:pt idx="404">
                  <c:v>2.3750249395075803E-2</c:v>
                </c:pt>
                <c:pt idx="405">
                  <c:v>2.3235371677488306E-2</c:v>
                </c:pt>
                <c:pt idx="406">
                  <c:v>2.2798150297030851E-2</c:v>
                </c:pt>
              </c:numCache>
            </c:numRef>
          </c:yVal>
          <c:smooth val="1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'Multi-20-3s(7)'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DB92-428D-ABE3-12A8900F812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390541584"/>
        <c:axId val="1390544536"/>
      </c:scatterChart>
      <c:valAx>
        <c:axId val="1390541584"/>
        <c:scaling>
          <c:orientation val="minMax"/>
          <c:max val="2.5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390544536"/>
        <c:crosses val="autoZero"/>
        <c:crossBetween val="midCat"/>
      </c:valAx>
      <c:valAx>
        <c:axId val="13905445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39054158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ulti-150-15s(6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Multi-150-15s(6)'!$D$2:$D$416</c:f>
              <c:numCache>
                <c:formatCode>General</c:formatCode>
                <c:ptCount val="415"/>
                <c:pt idx="0">
                  <c:v>0</c:v>
                </c:pt>
                <c:pt idx="1">
                  <c:v>5.0050000000005923E-3</c:v>
                </c:pt>
                <c:pt idx="2">
                  <c:v>1.0010000000000296E-2</c:v>
                </c:pt>
                <c:pt idx="3">
                  <c:v>1.501500000000000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900000000075E-2</c:v>
                </c:pt>
                <c:pt idx="7">
                  <c:v>3.5034000000000454E-2</c:v>
                </c:pt>
                <c:pt idx="8">
                  <c:v>4.0039000000000158E-2</c:v>
                </c:pt>
                <c:pt idx="9">
                  <c:v>4.504300000000061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8000000000611E-2</c:v>
                </c:pt>
                <c:pt idx="13">
                  <c:v>6.5063000000000315E-2</c:v>
                </c:pt>
                <c:pt idx="14">
                  <c:v>7.0067000000000768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2000000000768E-2</c:v>
                </c:pt>
                <c:pt idx="18">
                  <c:v>9.0087000000000472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500000000049</c:v>
                </c:pt>
                <c:pt idx="27">
                  <c:v>0.13513000000000019</c:v>
                </c:pt>
                <c:pt idx="28">
                  <c:v>0.1401349999999999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400000000035</c:v>
                </c:pt>
                <c:pt idx="33">
                  <c:v>0.16515900000000006</c:v>
                </c:pt>
                <c:pt idx="34">
                  <c:v>0.17016300000000051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800000000051</c:v>
                </c:pt>
                <c:pt idx="38">
                  <c:v>0.19018300000000021</c:v>
                </c:pt>
                <c:pt idx="39">
                  <c:v>0.19518700000000067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200000000067</c:v>
                </c:pt>
                <c:pt idx="43">
                  <c:v>0.21520700000000037</c:v>
                </c:pt>
                <c:pt idx="44">
                  <c:v>0.22021099999999993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599999999994</c:v>
                </c:pt>
                <c:pt idx="48">
                  <c:v>0.24023100000000053</c:v>
                </c:pt>
                <c:pt idx="49">
                  <c:v>0.24523500000000009</c:v>
                </c:pt>
                <c:pt idx="50">
                  <c:v>0.25024000000000068</c:v>
                </c:pt>
                <c:pt idx="51">
                  <c:v>0.25524500000000039</c:v>
                </c:pt>
                <c:pt idx="52">
                  <c:v>0.26025000000000009</c:v>
                </c:pt>
                <c:pt idx="53">
                  <c:v>0.26525500000000068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400000000025</c:v>
                </c:pt>
                <c:pt idx="58">
                  <c:v>0.29027899999999995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800000000041</c:v>
                </c:pt>
                <c:pt idx="63">
                  <c:v>0.31530300000000011</c:v>
                </c:pt>
                <c:pt idx="64">
                  <c:v>0.32030700000000056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200000000056</c:v>
                </c:pt>
                <c:pt idx="68">
                  <c:v>0.34032700000000027</c:v>
                </c:pt>
                <c:pt idx="69">
                  <c:v>0.34533100000000072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600000000072</c:v>
                </c:pt>
                <c:pt idx="73">
                  <c:v>0.36535100000000043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900000000044</c:v>
                </c:pt>
                <c:pt idx="82">
                  <c:v>0.41039400000000015</c:v>
                </c:pt>
                <c:pt idx="83">
                  <c:v>0.41539900000000074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80000000003</c:v>
                </c:pt>
                <c:pt idx="88">
                  <c:v>0.44042300000000001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700000000076</c:v>
                </c:pt>
                <c:pt idx="92">
                  <c:v>0.46044200000000046</c:v>
                </c:pt>
                <c:pt idx="93">
                  <c:v>0.46544700000000017</c:v>
                </c:pt>
                <c:pt idx="94">
                  <c:v>0.47045100000000062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032</c:v>
                </c:pt>
                <c:pt idx="99">
                  <c:v>0.49547500000000078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8999999999989</c:v>
                </c:pt>
                <c:pt idx="103">
                  <c:v>0.51549500000000048</c:v>
                </c:pt>
                <c:pt idx="104">
                  <c:v>0.52049900000000004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400000000005</c:v>
                </c:pt>
                <c:pt idx="108">
                  <c:v>0.54051900000000064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80000000002</c:v>
                </c:pt>
                <c:pt idx="113">
                  <c:v>0.56554299999999991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036</c:v>
                </c:pt>
                <c:pt idx="118">
                  <c:v>0.59056700000000006</c:v>
                </c:pt>
                <c:pt idx="119">
                  <c:v>0.59557100000000052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600000000052</c:v>
                </c:pt>
                <c:pt idx="123">
                  <c:v>0.61559100000000022</c:v>
                </c:pt>
                <c:pt idx="124">
                  <c:v>0.62059500000000067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1000000000067</c:v>
                </c:pt>
                <c:pt idx="128">
                  <c:v>0.64061500000000038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900000000024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30000000001</c:v>
                </c:pt>
                <c:pt idx="135">
                  <c:v>0.67564800000000069</c:v>
                </c:pt>
                <c:pt idx="136">
                  <c:v>0.6806530000000004</c:v>
                </c:pt>
                <c:pt idx="137">
                  <c:v>0.6856580000000001</c:v>
                </c:pt>
                <c:pt idx="138">
                  <c:v>0.69066300000000069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200000000026</c:v>
                </c:pt>
                <c:pt idx="143">
                  <c:v>0.71568699999999996</c:v>
                </c:pt>
                <c:pt idx="144">
                  <c:v>0.72069100000000041</c:v>
                </c:pt>
                <c:pt idx="145">
                  <c:v>0.72569600000000012</c:v>
                </c:pt>
                <c:pt idx="146">
                  <c:v>0.73070100000000071</c:v>
                </c:pt>
                <c:pt idx="147">
                  <c:v>0.73570600000000042</c:v>
                </c:pt>
                <c:pt idx="148">
                  <c:v>0.74071100000000012</c:v>
                </c:pt>
                <c:pt idx="149">
                  <c:v>0.74571500000000057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500000000116</c:v>
                </c:pt>
                <c:pt idx="154">
                  <c:v>0.77073900000000073</c:v>
                </c:pt>
                <c:pt idx="155">
                  <c:v>0.77574399999999955</c:v>
                </c:pt>
                <c:pt idx="156">
                  <c:v>0.78074900000000014</c:v>
                </c:pt>
                <c:pt idx="157">
                  <c:v>0.78575400000000073</c:v>
                </c:pt>
                <c:pt idx="158">
                  <c:v>0.79075899999999955</c:v>
                </c:pt>
                <c:pt idx="159">
                  <c:v>0.79576300000000089</c:v>
                </c:pt>
                <c:pt idx="160">
                  <c:v>0.8007679999999997</c:v>
                </c:pt>
                <c:pt idx="161">
                  <c:v>0.80577300000000029</c:v>
                </c:pt>
                <c:pt idx="162">
                  <c:v>0.81077800000000089</c:v>
                </c:pt>
                <c:pt idx="163">
                  <c:v>0.8157829999999997</c:v>
                </c:pt>
                <c:pt idx="164">
                  <c:v>0.82078700000000104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200000000104</c:v>
                </c:pt>
                <c:pt idx="168">
                  <c:v>0.84080699999999986</c:v>
                </c:pt>
                <c:pt idx="169">
                  <c:v>0.8458110000000012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60000000012</c:v>
                </c:pt>
                <c:pt idx="173">
                  <c:v>0.86583100000000002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500000000077</c:v>
                </c:pt>
                <c:pt idx="177">
                  <c:v>0.88584999999999958</c:v>
                </c:pt>
                <c:pt idx="178">
                  <c:v>0.89085500000000017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900000000092</c:v>
                </c:pt>
                <c:pt idx="182">
                  <c:v>0.91087399999999974</c:v>
                </c:pt>
                <c:pt idx="183">
                  <c:v>0.91587900000000033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300000000108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699999999946</c:v>
                </c:pt>
                <c:pt idx="192">
                  <c:v>0.96092200000000005</c:v>
                </c:pt>
                <c:pt idx="193">
                  <c:v>0.96592700000000065</c:v>
                </c:pt>
                <c:pt idx="194">
                  <c:v>0.97093100000000021</c:v>
                </c:pt>
                <c:pt idx="195">
                  <c:v>0.9759360000000008</c:v>
                </c:pt>
                <c:pt idx="196">
                  <c:v>0.98094099999999962</c:v>
                </c:pt>
                <c:pt idx="197">
                  <c:v>0.98594600000000021</c:v>
                </c:pt>
                <c:pt idx="198">
                  <c:v>0.9909510000000008</c:v>
                </c:pt>
                <c:pt idx="199">
                  <c:v>0.99595500000000037</c:v>
                </c:pt>
                <c:pt idx="200">
                  <c:v>1.000960000000001</c:v>
                </c:pt>
                <c:pt idx="201">
                  <c:v>1.0059649999999998</c:v>
                </c:pt>
                <c:pt idx="202">
                  <c:v>1.0109700000000004</c:v>
                </c:pt>
                <c:pt idx="203">
                  <c:v>1.015975000000001</c:v>
                </c:pt>
                <c:pt idx="204">
                  <c:v>1.0209790000000005</c:v>
                </c:pt>
                <c:pt idx="205">
                  <c:v>1.0259840000000011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90000000011</c:v>
                </c:pt>
                <c:pt idx="209">
                  <c:v>1.0460030000000007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80000000007</c:v>
                </c:pt>
                <c:pt idx="213">
                  <c:v>1.0660229999999995</c:v>
                </c:pt>
                <c:pt idx="214">
                  <c:v>1.0710270000000008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20000000008</c:v>
                </c:pt>
                <c:pt idx="218">
                  <c:v>1.0910469999999997</c:v>
                </c:pt>
                <c:pt idx="219">
                  <c:v>1.096051000000001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6000000001</c:v>
                </c:pt>
                <c:pt idx="223">
                  <c:v>1.1160709999999998</c:v>
                </c:pt>
                <c:pt idx="224">
                  <c:v>1.1210750000000012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900000000012</c:v>
                </c:pt>
                <c:pt idx="228">
                  <c:v>1.141095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90000000007</c:v>
                </c:pt>
                <c:pt idx="232">
                  <c:v>1.1611139999999995</c:v>
                </c:pt>
                <c:pt idx="233">
                  <c:v>1.1661190000000001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30000000009</c:v>
                </c:pt>
                <c:pt idx="237">
                  <c:v>1.1861379999999997</c:v>
                </c:pt>
                <c:pt idx="238">
                  <c:v>1.191143000000000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7000000001</c:v>
                </c:pt>
                <c:pt idx="242">
                  <c:v>1.2111619999999998</c:v>
                </c:pt>
                <c:pt idx="243">
                  <c:v>1.2161670000000004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10000000012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50000000002</c:v>
                </c:pt>
                <c:pt idx="250">
                  <c:v>1.2512000000000008</c:v>
                </c:pt>
                <c:pt idx="251">
                  <c:v>1.2562049999999996</c:v>
                </c:pt>
                <c:pt idx="252">
                  <c:v>1.2612100000000002</c:v>
                </c:pt>
                <c:pt idx="253">
                  <c:v>1.2662150000000008</c:v>
                </c:pt>
                <c:pt idx="254">
                  <c:v>1.2712190000000003</c:v>
                </c:pt>
                <c:pt idx="255">
                  <c:v>1.2762240000000009</c:v>
                </c:pt>
                <c:pt idx="256">
                  <c:v>1.2812289999999997</c:v>
                </c:pt>
                <c:pt idx="257">
                  <c:v>1.2862340000000003</c:v>
                </c:pt>
                <c:pt idx="258">
                  <c:v>1.2912390000000009</c:v>
                </c:pt>
                <c:pt idx="259">
                  <c:v>1.2962430000000005</c:v>
                </c:pt>
                <c:pt idx="260">
                  <c:v>1.3012480000000011</c:v>
                </c:pt>
                <c:pt idx="261">
                  <c:v>1.3062529999999999</c:v>
                </c:pt>
                <c:pt idx="262">
                  <c:v>1.3112580000000005</c:v>
                </c:pt>
                <c:pt idx="263">
                  <c:v>1.3162630000000011</c:v>
                </c:pt>
                <c:pt idx="264">
                  <c:v>1.3212670000000006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20000000006</c:v>
                </c:pt>
                <c:pt idx="268">
                  <c:v>1.3412869999999995</c:v>
                </c:pt>
                <c:pt idx="269">
                  <c:v>1.3462910000000008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60000000008</c:v>
                </c:pt>
                <c:pt idx="273">
                  <c:v>1.3663109999999996</c:v>
                </c:pt>
                <c:pt idx="274">
                  <c:v>1.3713150000000009</c:v>
                </c:pt>
                <c:pt idx="275">
                  <c:v>1.3763199999999998</c:v>
                </c:pt>
                <c:pt idx="276">
                  <c:v>1.3813250000000004</c:v>
                </c:pt>
                <c:pt idx="277">
                  <c:v>1.386330000000001</c:v>
                </c:pt>
                <c:pt idx="278">
                  <c:v>1.3913349999999998</c:v>
                </c:pt>
                <c:pt idx="279">
                  <c:v>1.3963390000000011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40000000011</c:v>
                </c:pt>
                <c:pt idx="283">
                  <c:v>1.4163589999999999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79999999995</c:v>
                </c:pt>
                <c:pt idx="288">
                  <c:v>1.4413830000000001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70000000008</c:v>
                </c:pt>
                <c:pt idx="292">
                  <c:v>1.4614019999999996</c:v>
                </c:pt>
                <c:pt idx="293">
                  <c:v>1.4664070000000002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1000000001</c:v>
                </c:pt>
                <c:pt idx="297">
                  <c:v>1.4864259999999998</c:v>
                </c:pt>
                <c:pt idx="298">
                  <c:v>1.4914310000000004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50000000011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590000000001</c:v>
                </c:pt>
                <c:pt idx="305">
                  <c:v>1.5264640000000007</c:v>
                </c:pt>
                <c:pt idx="306">
                  <c:v>1.5314689999999995</c:v>
                </c:pt>
                <c:pt idx="307">
                  <c:v>1.5364740000000001</c:v>
                </c:pt>
                <c:pt idx="308">
                  <c:v>1.5414790000000007</c:v>
                </c:pt>
                <c:pt idx="309">
                  <c:v>1.5464830000000003</c:v>
                </c:pt>
                <c:pt idx="310">
                  <c:v>1.5514880000000009</c:v>
                </c:pt>
                <c:pt idx="311">
                  <c:v>1.5564929999999997</c:v>
                </c:pt>
                <c:pt idx="312">
                  <c:v>1.5614980000000003</c:v>
                </c:pt>
                <c:pt idx="313">
                  <c:v>1.5665030000000009</c:v>
                </c:pt>
                <c:pt idx="314">
                  <c:v>1.5715070000000004</c:v>
                </c:pt>
                <c:pt idx="315">
                  <c:v>1.576512000000001</c:v>
                </c:pt>
                <c:pt idx="316">
                  <c:v>1.5815169999999998</c:v>
                </c:pt>
                <c:pt idx="317">
                  <c:v>1.5865220000000004</c:v>
                </c:pt>
                <c:pt idx="318">
                  <c:v>1.591527000000001</c:v>
                </c:pt>
                <c:pt idx="319">
                  <c:v>1.5965310000000006</c:v>
                </c:pt>
                <c:pt idx="320">
                  <c:v>1.6015360000000012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10000000012</c:v>
                </c:pt>
                <c:pt idx="324">
                  <c:v>1.6215550000000007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700000000007</c:v>
                </c:pt>
                <c:pt idx="328">
                  <c:v>1.6415749999999996</c:v>
                </c:pt>
                <c:pt idx="329">
                  <c:v>1.6465790000000009</c:v>
                </c:pt>
                <c:pt idx="330">
                  <c:v>1.6515839999999997</c:v>
                </c:pt>
                <c:pt idx="331">
                  <c:v>1.6565890000000003</c:v>
                </c:pt>
                <c:pt idx="332">
                  <c:v>1.6615940000000009</c:v>
                </c:pt>
                <c:pt idx="333">
                  <c:v>1.6665989999999997</c:v>
                </c:pt>
                <c:pt idx="334">
                  <c:v>1.6716030000000011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80000000011</c:v>
                </c:pt>
                <c:pt idx="338">
                  <c:v>1.6916229999999999</c:v>
                </c:pt>
                <c:pt idx="339">
                  <c:v>1.6966270000000012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20000000012</c:v>
                </c:pt>
                <c:pt idx="343">
                  <c:v>1.716647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610000000008</c:v>
                </c:pt>
                <c:pt idx="347">
                  <c:v>1.7366659999999996</c:v>
                </c:pt>
                <c:pt idx="348">
                  <c:v>1.741671000000000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50000000009</c:v>
                </c:pt>
                <c:pt idx="352">
                  <c:v>1.7616899999999998</c:v>
                </c:pt>
                <c:pt idx="353">
                  <c:v>1.7666950000000003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90000000011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29999999995</c:v>
                </c:pt>
                <c:pt idx="362">
                  <c:v>1.8117380000000001</c:v>
                </c:pt>
                <c:pt idx="363">
                  <c:v>1.8167430000000007</c:v>
                </c:pt>
                <c:pt idx="364">
                  <c:v>1.8217470000000002</c:v>
                </c:pt>
                <c:pt idx="365">
                  <c:v>1.8267520000000008</c:v>
                </c:pt>
                <c:pt idx="366">
                  <c:v>1.8317569999999996</c:v>
                </c:pt>
                <c:pt idx="367">
                  <c:v>1.8367620000000002</c:v>
                </c:pt>
                <c:pt idx="368">
                  <c:v>1.8417670000000008</c:v>
                </c:pt>
                <c:pt idx="369">
                  <c:v>1.8467710000000004</c:v>
                </c:pt>
                <c:pt idx="370">
                  <c:v>1.851776000000001</c:v>
                </c:pt>
                <c:pt idx="371">
                  <c:v>1.8567809999999998</c:v>
                </c:pt>
                <c:pt idx="372">
                  <c:v>1.8617860000000004</c:v>
                </c:pt>
                <c:pt idx="373">
                  <c:v>1.866791000000001</c:v>
                </c:pt>
                <c:pt idx="374">
                  <c:v>1.8717950000000005</c:v>
                </c:pt>
                <c:pt idx="375">
                  <c:v>1.8768000000000011</c:v>
                </c:pt>
                <c:pt idx="376">
                  <c:v>1.8818049999999999</c:v>
                </c:pt>
                <c:pt idx="377">
                  <c:v>1.8868100000000005</c:v>
                </c:pt>
                <c:pt idx="378">
                  <c:v>1.8918150000000011</c:v>
                </c:pt>
                <c:pt idx="379">
                  <c:v>1.8968190000000007</c:v>
                </c:pt>
                <c:pt idx="380">
                  <c:v>1.9018239999999995</c:v>
                </c:pt>
                <c:pt idx="381">
                  <c:v>1.9068290000000001</c:v>
                </c:pt>
                <c:pt idx="382">
                  <c:v>1.9118340000000007</c:v>
                </c:pt>
                <c:pt idx="383">
                  <c:v>1.9168389999999995</c:v>
                </c:pt>
                <c:pt idx="384">
                  <c:v>1.9218430000000009</c:v>
                </c:pt>
                <c:pt idx="385">
                  <c:v>1.9268479999999997</c:v>
                </c:pt>
                <c:pt idx="386">
                  <c:v>1.9318530000000003</c:v>
                </c:pt>
                <c:pt idx="387">
                  <c:v>1.9368580000000009</c:v>
                </c:pt>
                <c:pt idx="388">
                  <c:v>1.9418629999999997</c:v>
                </c:pt>
                <c:pt idx="389">
                  <c:v>1.946867000000001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2000000001</c:v>
                </c:pt>
                <c:pt idx="393">
                  <c:v>1.9668869999999998</c:v>
                </c:pt>
                <c:pt idx="394">
                  <c:v>1.9718910000000012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60000000012</c:v>
                </c:pt>
                <c:pt idx="398">
                  <c:v>1.991911</c:v>
                </c:pt>
                <c:pt idx="399">
                  <c:v>1.9969149999999996</c:v>
                </c:pt>
                <c:pt idx="400">
                  <c:v>2.0019200000000001</c:v>
                </c:pt>
                <c:pt idx="401">
                  <c:v>2.0069250000000007</c:v>
                </c:pt>
                <c:pt idx="402">
                  <c:v>2.0119299999999996</c:v>
                </c:pt>
                <c:pt idx="403">
                  <c:v>2.0169350000000001</c:v>
                </c:pt>
                <c:pt idx="404">
                  <c:v>2.0219389999999997</c:v>
                </c:pt>
                <c:pt idx="405">
                  <c:v>2.0269440000000003</c:v>
                </c:pt>
                <c:pt idx="406">
                  <c:v>2.0319490000000009</c:v>
                </c:pt>
                <c:pt idx="407">
                  <c:v>2.0369539999999997</c:v>
                </c:pt>
                <c:pt idx="408">
                  <c:v>2.0419590000000003</c:v>
                </c:pt>
                <c:pt idx="409">
                  <c:v>2.0469629999999999</c:v>
                </c:pt>
                <c:pt idx="410">
                  <c:v>2.0519680000000005</c:v>
                </c:pt>
                <c:pt idx="411">
                  <c:v>2.0569730000000011</c:v>
                </c:pt>
              </c:numCache>
            </c:numRef>
          </c:xVal>
          <c:yVal>
            <c:numRef>
              <c:f>'Multi-150-15s(6)'!$F$2:$F$416</c:f>
              <c:numCache>
                <c:formatCode>General</c:formatCode>
                <c:ptCount val="415"/>
                <c:pt idx="1">
                  <c:v>3.7271352302846561E-2</c:v>
                </c:pt>
                <c:pt idx="2">
                  <c:v>6.7501777065301031E-3</c:v>
                </c:pt>
                <c:pt idx="3">
                  <c:v>2.1985896641910935E-3</c:v>
                </c:pt>
                <c:pt idx="4">
                  <c:v>1.3092610317915055E-2</c:v>
                </c:pt>
                <c:pt idx="5">
                  <c:v>2.5195930976047241E-2</c:v>
                </c:pt>
                <c:pt idx="6">
                  <c:v>2.7455319417171935E-2</c:v>
                </c:pt>
                <c:pt idx="7">
                  <c:v>4.0183034841371423E-2</c:v>
                </c:pt>
                <c:pt idx="8">
                  <c:v>4.9366496492782776E-2</c:v>
                </c:pt>
                <c:pt idx="9">
                  <c:v>5.8142429311085521E-2</c:v>
                </c:pt>
                <c:pt idx="10">
                  <c:v>6.8406604476213398E-2</c:v>
                </c:pt>
                <c:pt idx="11">
                  <c:v>7.6805481905115006E-2</c:v>
                </c:pt>
                <c:pt idx="12">
                  <c:v>8.3728764179183846E-2</c:v>
                </c:pt>
                <c:pt idx="13">
                  <c:v>9.214736521678632E-2</c:v>
                </c:pt>
                <c:pt idx="14">
                  <c:v>9.8141785210165214E-2</c:v>
                </c:pt>
                <c:pt idx="15">
                  <c:v>9.6384243481491036E-2</c:v>
                </c:pt>
                <c:pt idx="16">
                  <c:v>8.6782646927500026E-2</c:v>
                </c:pt>
                <c:pt idx="17">
                  <c:v>8.1686436542209473E-2</c:v>
                </c:pt>
                <c:pt idx="18">
                  <c:v>7.9192579176653052E-2</c:v>
                </c:pt>
                <c:pt idx="19">
                  <c:v>8.3124261518818979E-2</c:v>
                </c:pt>
                <c:pt idx="20">
                  <c:v>8.4131587266637831E-2</c:v>
                </c:pt>
                <c:pt idx="21">
                  <c:v>8.0785593058980226E-2</c:v>
                </c:pt>
                <c:pt idx="22">
                  <c:v>7.4025223877827673E-2</c:v>
                </c:pt>
                <c:pt idx="23">
                  <c:v>6.7210627782221311E-2</c:v>
                </c:pt>
                <c:pt idx="24">
                  <c:v>5.9459572158889501E-2</c:v>
                </c:pt>
                <c:pt idx="25">
                  <c:v>5.0989889714611408E-2</c:v>
                </c:pt>
                <c:pt idx="26">
                  <c:v>4.3212906628494134E-2</c:v>
                </c:pt>
                <c:pt idx="27">
                  <c:v>4.1063165424014232E-2</c:v>
                </c:pt>
                <c:pt idx="28">
                  <c:v>3.6493128367449418E-2</c:v>
                </c:pt>
                <c:pt idx="29">
                  <c:v>3.1705827142177186E-2</c:v>
                </c:pt>
                <c:pt idx="30">
                  <c:v>3.249820078259192E-2</c:v>
                </c:pt>
                <c:pt idx="31">
                  <c:v>3.7888687803551931E-2</c:v>
                </c:pt>
                <c:pt idx="32">
                  <c:v>4.5463974344946222E-2</c:v>
                </c:pt>
                <c:pt idx="33">
                  <c:v>5.4040463225182411E-2</c:v>
                </c:pt>
                <c:pt idx="34">
                  <c:v>6.0837381924489627E-2</c:v>
                </c:pt>
                <c:pt idx="35">
                  <c:v>6.7493001348558179E-2</c:v>
                </c:pt>
                <c:pt idx="36">
                  <c:v>7.4987896488682995E-2</c:v>
                </c:pt>
                <c:pt idx="37">
                  <c:v>7.9923351013832869E-2</c:v>
                </c:pt>
                <c:pt idx="38">
                  <c:v>8.0634436727104061E-2</c:v>
                </c:pt>
                <c:pt idx="39">
                  <c:v>8.0312889919866112E-2</c:v>
                </c:pt>
                <c:pt idx="40">
                  <c:v>7.8170759530068509E-2</c:v>
                </c:pt>
                <c:pt idx="41">
                  <c:v>7.5565570313687241E-2</c:v>
                </c:pt>
                <c:pt idx="42">
                  <c:v>7.0617710664779759E-2</c:v>
                </c:pt>
                <c:pt idx="43">
                  <c:v>6.5922214139468194E-2</c:v>
                </c:pt>
                <c:pt idx="44">
                  <c:v>6.0748344274395585E-2</c:v>
                </c:pt>
                <c:pt idx="45">
                  <c:v>5.7063412293409083E-2</c:v>
                </c:pt>
                <c:pt idx="46">
                  <c:v>5.2078194573834925E-2</c:v>
                </c:pt>
                <c:pt idx="47">
                  <c:v>4.8040932609313039E-2</c:v>
                </c:pt>
                <c:pt idx="48">
                  <c:v>4.4757520724923949E-2</c:v>
                </c:pt>
                <c:pt idx="49">
                  <c:v>4.1356908632767073E-2</c:v>
                </c:pt>
                <c:pt idx="50">
                  <c:v>3.6926140824026531E-2</c:v>
                </c:pt>
                <c:pt idx="51">
                  <c:v>3.3366972572002183E-2</c:v>
                </c:pt>
                <c:pt idx="52">
                  <c:v>3.1136065080016529E-2</c:v>
                </c:pt>
                <c:pt idx="53">
                  <c:v>3.1100745473421385E-2</c:v>
                </c:pt>
                <c:pt idx="54">
                  <c:v>3.0818446289966786E-2</c:v>
                </c:pt>
                <c:pt idx="55">
                  <c:v>3.2751985278785319E-2</c:v>
                </c:pt>
                <c:pt idx="56">
                  <c:v>3.5511807394800948E-2</c:v>
                </c:pt>
                <c:pt idx="57">
                  <c:v>3.9539181934024809E-2</c:v>
                </c:pt>
                <c:pt idx="58">
                  <c:v>4.3326436379142359E-2</c:v>
                </c:pt>
                <c:pt idx="59">
                  <c:v>4.63180043763931E-2</c:v>
                </c:pt>
                <c:pt idx="60">
                  <c:v>4.8604694466710008E-2</c:v>
                </c:pt>
                <c:pt idx="61">
                  <c:v>5.0633984473308066E-2</c:v>
                </c:pt>
                <c:pt idx="62">
                  <c:v>5.3240542357540353E-2</c:v>
                </c:pt>
                <c:pt idx="63">
                  <c:v>5.5262360839759078E-2</c:v>
                </c:pt>
                <c:pt idx="64">
                  <c:v>5.6164022056235441E-2</c:v>
                </c:pt>
                <c:pt idx="65">
                  <c:v>5.7819221998287429E-2</c:v>
                </c:pt>
                <c:pt idx="66">
                  <c:v>5.8653051833571487E-2</c:v>
                </c:pt>
                <c:pt idx="67">
                  <c:v>5.640031970816381E-2</c:v>
                </c:pt>
                <c:pt idx="68">
                  <c:v>5.4567224325909713E-2</c:v>
                </c:pt>
                <c:pt idx="69">
                  <c:v>5.2774341448123492E-2</c:v>
                </c:pt>
                <c:pt idx="70">
                  <c:v>4.9169325700735865E-2</c:v>
                </c:pt>
                <c:pt idx="71">
                  <c:v>4.4486780902212739E-2</c:v>
                </c:pt>
                <c:pt idx="72">
                  <c:v>4.040657358418525E-2</c:v>
                </c:pt>
                <c:pt idx="73">
                  <c:v>3.6579788490528287E-2</c:v>
                </c:pt>
                <c:pt idx="74">
                  <c:v>3.3331921349832774E-2</c:v>
                </c:pt>
                <c:pt idx="75">
                  <c:v>3.0973284243527167E-2</c:v>
                </c:pt>
                <c:pt idx="76">
                  <c:v>2.9130566899113027E-2</c:v>
                </c:pt>
                <c:pt idx="77">
                  <c:v>2.7669205833594075E-2</c:v>
                </c:pt>
                <c:pt idx="78">
                  <c:v>2.6862543764074848E-2</c:v>
                </c:pt>
                <c:pt idx="79">
                  <c:v>2.682905209097268E-2</c:v>
                </c:pt>
                <c:pt idx="80">
                  <c:v>2.8140725289710573E-2</c:v>
                </c:pt>
                <c:pt idx="81">
                  <c:v>2.9402447481416252E-2</c:v>
                </c:pt>
                <c:pt idx="82">
                  <c:v>3.1401250838842786E-2</c:v>
                </c:pt>
                <c:pt idx="83">
                  <c:v>3.2698301805228883E-2</c:v>
                </c:pt>
                <c:pt idx="84">
                  <c:v>3.5584938865373152E-2</c:v>
                </c:pt>
                <c:pt idx="85">
                  <c:v>3.8358881591349904E-2</c:v>
                </c:pt>
                <c:pt idx="86">
                  <c:v>4.1140092614814487E-2</c:v>
                </c:pt>
                <c:pt idx="87">
                  <c:v>4.2902358375608768E-2</c:v>
                </c:pt>
                <c:pt idx="88">
                  <c:v>4.4337720233960348E-2</c:v>
                </c:pt>
                <c:pt idx="89">
                  <c:v>4.4705002454664876E-2</c:v>
                </c:pt>
                <c:pt idx="90">
                  <c:v>4.4925469182048441E-2</c:v>
                </c:pt>
                <c:pt idx="91">
                  <c:v>4.4032301392194301E-2</c:v>
                </c:pt>
                <c:pt idx="92">
                  <c:v>4.2793451723723654E-2</c:v>
                </c:pt>
                <c:pt idx="93">
                  <c:v>4.1266952438604065E-2</c:v>
                </c:pt>
                <c:pt idx="94">
                  <c:v>3.9914870171883346E-2</c:v>
                </c:pt>
                <c:pt idx="95">
                  <c:v>3.8777953420966856E-2</c:v>
                </c:pt>
                <c:pt idx="96">
                  <c:v>3.7245946140039912E-2</c:v>
                </c:pt>
                <c:pt idx="97">
                  <c:v>3.5212942666294766E-2</c:v>
                </c:pt>
                <c:pt idx="98">
                  <c:v>3.3388403096304392E-2</c:v>
                </c:pt>
                <c:pt idx="99">
                  <c:v>3.1082917046936193E-2</c:v>
                </c:pt>
                <c:pt idx="100">
                  <c:v>2.8263932195413469E-2</c:v>
                </c:pt>
                <c:pt idx="101">
                  <c:v>2.5634757439089564E-2</c:v>
                </c:pt>
                <c:pt idx="102">
                  <c:v>2.3996902425516737E-2</c:v>
                </c:pt>
                <c:pt idx="103">
                  <c:v>2.3017695146824318E-2</c:v>
                </c:pt>
                <c:pt idx="104">
                  <c:v>2.3181301297903044E-2</c:v>
                </c:pt>
                <c:pt idx="105">
                  <c:v>2.3534765976877113E-2</c:v>
                </c:pt>
                <c:pt idx="106">
                  <c:v>2.498024504223334E-2</c:v>
                </c:pt>
                <c:pt idx="107">
                  <c:v>2.6914812055601312E-2</c:v>
                </c:pt>
                <c:pt idx="108">
                  <c:v>2.9329064709294445E-2</c:v>
                </c:pt>
                <c:pt idx="109">
                  <c:v>3.1638664615404141E-2</c:v>
                </c:pt>
                <c:pt idx="110">
                  <c:v>3.3443724033865557E-2</c:v>
                </c:pt>
                <c:pt idx="111">
                  <c:v>3.4603416661374155E-2</c:v>
                </c:pt>
                <c:pt idx="112">
                  <c:v>3.5736293223799398E-2</c:v>
                </c:pt>
                <c:pt idx="113">
                  <c:v>3.6446428325703155E-2</c:v>
                </c:pt>
                <c:pt idx="114">
                  <c:v>3.7089604596906751E-2</c:v>
                </c:pt>
                <c:pt idx="115">
                  <c:v>3.7720558648970372E-2</c:v>
                </c:pt>
                <c:pt idx="116">
                  <c:v>3.812171370998628E-2</c:v>
                </c:pt>
                <c:pt idx="117">
                  <c:v>3.7867910888415048E-2</c:v>
                </c:pt>
                <c:pt idx="118">
                  <c:v>3.7666912657501495E-2</c:v>
                </c:pt>
                <c:pt idx="119">
                  <c:v>3.673043723665731E-2</c:v>
                </c:pt>
                <c:pt idx="120">
                  <c:v>3.5474158680922567E-2</c:v>
                </c:pt>
                <c:pt idx="121">
                  <c:v>3.3955367564504541E-2</c:v>
                </c:pt>
                <c:pt idx="122">
                  <c:v>3.2286582561558995E-2</c:v>
                </c:pt>
                <c:pt idx="123">
                  <c:v>3.0809936748943331E-2</c:v>
                </c:pt>
                <c:pt idx="124">
                  <c:v>2.9946139198490981E-2</c:v>
                </c:pt>
                <c:pt idx="125">
                  <c:v>2.9221633817723178E-2</c:v>
                </c:pt>
                <c:pt idx="126">
                  <c:v>2.8684789423846672E-2</c:v>
                </c:pt>
                <c:pt idx="127">
                  <c:v>2.8635972612263798E-2</c:v>
                </c:pt>
                <c:pt idx="128">
                  <c:v>2.8518683454381789E-2</c:v>
                </c:pt>
                <c:pt idx="129">
                  <c:v>2.874139584247401E-2</c:v>
                </c:pt>
                <c:pt idx="130">
                  <c:v>2.8803902436484514E-2</c:v>
                </c:pt>
                <c:pt idx="131">
                  <c:v>2.862719180348991E-2</c:v>
                </c:pt>
                <c:pt idx="132">
                  <c:v>2.9031785091246362E-2</c:v>
                </c:pt>
                <c:pt idx="133">
                  <c:v>3.0144769760852588E-2</c:v>
                </c:pt>
                <c:pt idx="134">
                  <c:v>3.0890840448638275E-2</c:v>
                </c:pt>
                <c:pt idx="135">
                  <c:v>3.1258525446545851E-2</c:v>
                </c:pt>
                <c:pt idx="136">
                  <c:v>3.1820741812776478E-2</c:v>
                </c:pt>
                <c:pt idx="137">
                  <c:v>3.2969287063799875E-2</c:v>
                </c:pt>
                <c:pt idx="138">
                  <c:v>3.3590610032208208E-2</c:v>
                </c:pt>
                <c:pt idx="139">
                  <c:v>3.4372752600292537E-2</c:v>
                </c:pt>
                <c:pt idx="140">
                  <c:v>3.4458195694824278E-2</c:v>
                </c:pt>
                <c:pt idx="141">
                  <c:v>3.4182241242288088E-2</c:v>
                </c:pt>
                <c:pt idx="142">
                  <c:v>3.3071970776993954E-2</c:v>
                </c:pt>
                <c:pt idx="143">
                  <c:v>3.194306130024295E-2</c:v>
                </c:pt>
                <c:pt idx="144">
                  <c:v>3.0355819077358084E-2</c:v>
                </c:pt>
                <c:pt idx="145">
                  <c:v>2.9319483495537164E-2</c:v>
                </c:pt>
                <c:pt idx="146">
                  <c:v>2.8284181849826544E-2</c:v>
                </c:pt>
                <c:pt idx="147">
                  <c:v>2.704985621792157E-2</c:v>
                </c:pt>
                <c:pt idx="148">
                  <c:v>2.6280914545098111E-2</c:v>
                </c:pt>
                <c:pt idx="149">
                  <c:v>2.6260052071869353E-2</c:v>
                </c:pt>
                <c:pt idx="150">
                  <c:v>2.6354387051839071E-2</c:v>
                </c:pt>
                <c:pt idx="151">
                  <c:v>2.6493884228941396E-2</c:v>
                </c:pt>
                <c:pt idx="152">
                  <c:v>2.6997410290330627E-2</c:v>
                </c:pt>
                <c:pt idx="153">
                  <c:v>2.8366377479767297E-2</c:v>
                </c:pt>
                <c:pt idx="154">
                  <c:v>2.9682455817149046E-2</c:v>
                </c:pt>
                <c:pt idx="155">
                  <c:v>3.0784806407331559E-2</c:v>
                </c:pt>
                <c:pt idx="156">
                  <c:v>3.1724798245213605E-2</c:v>
                </c:pt>
                <c:pt idx="157">
                  <c:v>3.2445757128505566E-2</c:v>
                </c:pt>
                <c:pt idx="158">
                  <c:v>3.3074666225541408E-2</c:v>
                </c:pt>
                <c:pt idx="159">
                  <c:v>3.344907676517548E-2</c:v>
                </c:pt>
                <c:pt idx="160">
                  <c:v>3.3478973963908733E-2</c:v>
                </c:pt>
                <c:pt idx="161">
                  <c:v>3.3003903411550697E-2</c:v>
                </c:pt>
                <c:pt idx="162">
                  <c:v>3.2039508319740624E-2</c:v>
                </c:pt>
                <c:pt idx="163">
                  <c:v>3.1097335790832448E-2</c:v>
                </c:pt>
                <c:pt idx="164">
                  <c:v>3.0098443157273988E-2</c:v>
                </c:pt>
                <c:pt idx="165">
                  <c:v>2.8463133655431093E-2</c:v>
                </c:pt>
                <c:pt idx="166">
                  <c:v>2.6870258422143273E-2</c:v>
                </c:pt>
                <c:pt idx="167">
                  <c:v>2.5672468127755529E-2</c:v>
                </c:pt>
                <c:pt idx="168">
                  <c:v>2.4602916396230891E-2</c:v>
                </c:pt>
                <c:pt idx="169">
                  <c:v>2.3702203365098644E-2</c:v>
                </c:pt>
                <c:pt idx="170">
                  <c:v>2.3204181365133494E-2</c:v>
                </c:pt>
                <c:pt idx="171">
                  <c:v>2.3041991760047495E-2</c:v>
                </c:pt>
                <c:pt idx="172">
                  <c:v>2.3858550783502148E-2</c:v>
                </c:pt>
                <c:pt idx="173">
                  <c:v>2.4685553649492122E-2</c:v>
                </c:pt>
                <c:pt idx="174">
                  <c:v>2.5448492729491057E-2</c:v>
                </c:pt>
                <c:pt idx="175">
                  <c:v>2.5947447187585754E-2</c:v>
                </c:pt>
                <c:pt idx="176">
                  <c:v>2.618604039822315E-2</c:v>
                </c:pt>
                <c:pt idx="177">
                  <c:v>2.6474298494388811E-2</c:v>
                </c:pt>
                <c:pt idx="178">
                  <c:v>2.7151783151190875E-2</c:v>
                </c:pt>
                <c:pt idx="179">
                  <c:v>2.7705434022512444E-2</c:v>
                </c:pt>
                <c:pt idx="180">
                  <c:v>2.8213338681134487E-2</c:v>
                </c:pt>
                <c:pt idx="181">
                  <c:v>2.8395928977727389E-2</c:v>
                </c:pt>
                <c:pt idx="182">
                  <c:v>2.8634425717367139E-2</c:v>
                </c:pt>
                <c:pt idx="183">
                  <c:v>2.804742128094154E-2</c:v>
                </c:pt>
                <c:pt idx="184">
                  <c:v>2.7751799590345721E-2</c:v>
                </c:pt>
                <c:pt idx="185">
                  <c:v>2.7873535768023493E-2</c:v>
                </c:pt>
                <c:pt idx="186">
                  <c:v>2.7222297495462972E-2</c:v>
                </c:pt>
                <c:pt idx="187">
                  <c:v>2.6006239421737905E-2</c:v>
                </c:pt>
                <c:pt idx="188">
                  <c:v>2.5250006495900226E-2</c:v>
                </c:pt>
                <c:pt idx="189">
                  <c:v>2.4396627869436974E-2</c:v>
                </c:pt>
                <c:pt idx="190">
                  <c:v>2.3778257194579024E-2</c:v>
                </c:pt>
                <c:pt idx="191">
                  <c:v>2.3102333651002744E-2</c:v>
                </c:pt>
                <c:pt idx="192">
                  <c:v>2.2826330452817553E-2</c:v>
                </c:pt>
                <c:pt idx="193">
                  <c:v>2.262564115197321E-2</c:v>
                </c:pt>
                <c:pt idx="194">
                  <c:v>2.2353214493003523E-2</c:v>
                </c:pt>
                <c:pt idx="195">
                  <c:v>2.2617340620590034E-2</c:v>
                </c:pt>
                <c:pt idx="196">
                  <c:v>2.3672846088165611E-2</c:v>
                </c:pt>
                <c:pt idx="197">
                  <c:v>2.4435479488271981E-2</c:v>
                </c:pt>
                <c:pt idx="198">
                  <c:v>2.5229774954837924E-2</c:v>
                </c:pt>
                <c:pt idx="199">
                  <c:v>2.5956349633259629E-2</c:v>
                </c:pt>
                <c:pt idx="200">
                  <c:v>2.6758958771354181E-2</c:v>
                </c:pt>
                <c:pt idx="201">
                  <c:v>2.7397115931830932E-2</c:v>
                </c:pt>
                <c:pt idx="202">
                  <c:v>2.786605014587102E-2</c:v>
                </c:pt>
                <c:pt idx="203">
                  <c:v>2.7771339857745228E-2</c:v>
                </c:pt>
                <c:pt idx="204">
                  <c:v>2.7959401651821935E-2</c:v>
                </c:pt>
                <c:pt idx="205">
                  <c:v>2.7793629109424688E-2</c:v>
                </c:pt>
                <c:pt idx="206">
                  <c:v>2.7031352789642603E-2</c:v>
                </c:pt>
                <c:pt idx="207">
                  <c:v>2.6076002903039505E-2</c:v>
                </c:pt>
                <c:pt idx="208">
                  <c:v>2.5060059986593851E-2</c:v>
                </c:pt>
                <c:pt idx="209">
                  <c:v>2.3628616436390686E-2</c:v>
                </c:pt>
                <c:pt idx="210">
                  <c:v>2.2292026584770818E-2</c:v>
                </c:pt>
                <c:pt idx="211">
                  <c:v>2.112116500837033E-2</c:v>
                </c:pt>
                <c:pt idx="212">
                  <c:v>2.0454634376202364E-2</c:v>
                </c:pt>
                <c:pt idx="213">
                  <c:v>1.9842626052174843E-2</c:v>
                </c:pt>
                <c:pt idx="214">
                  <c:v>1.9481274933464833E-2</c:v>
                </c:pt>
                <c:pt idx="215">
                  <c:v>1.9343708284337371E-2</c:v>
                </c:pt>
                <c:pt idx="216">
                  <c:v>1.9725325669856443E-2</c:v>
                </c:pt>
                <c:pt idx="217">
                  <c:v>2.015710181090926E-2</c:v>
                </c:pt>
                <c:pt idx="218">
                  <c:v>2.0358514441297267E-2</c:v>
                </c:pt>
                <c:pt idx="219">
                  <c:v>2.0774277671819608E-2</c:v>
                </c:pt>
                <c:pt idx="220">
                  <c:v>2.158607869645273E-2</c:v>
                </c:pt>
                <c:pt idx="221">
                  <c:v>2.2472325268135807E-2</c:v>
                </c:pt>
                <c:pt idx="222">
                  <c:v>2.322847305697915E-2</c:v>
                </c:pt>
                <c:pt idx="223">
                  <c:v>2.3811210359705574E-2</c:v>
                </c:pt>
                <c:pt idx="224">
                  <c:v>2.4271504029156732E-2</c:v>
                </c:pt>
                <c:pt idx="225">
                  <c:v>2.4638291556296363E-2</c:v>
                </c:pt>
                <c:pt idx="226">
                  <c:v>2.4959371872208355E-2</c:v>
                </c:pt>
                <c:pt idx="227">
                  <c:v>2.4955037897679142E-2</c:v>
                </c:pt>
                <c:pt idx="228">
                  <c:v>2.4908562517713718E-2</c:v>
                </c:pt>
                <c:pt idx="229">
                  <c:v>2.4828065193957107E-2</c:v>
                </c:pt>
                <c:pt idx="230">
                  <c:v>2.4678290964195049E-2</c:v>
                </c:pt>
                <c:pt idx="231">
                  <c:v>2.433781493400667E-2</c:v>
                </c:pt>
                <c:pt idx="232">
                  <c:v>2.3811062304579741E-2</c:v>
                </c:pt>
                <c:pt idx="233">
                  <c:v>2.3125711957038074E-2</c:v>
                </c:pt>
                <c:pt idx="234">
                  <c:v>2.2360550203509934E-2</c:v>
                </c:pt>
                <c:pt idx="235">
                  <c:v>2.1656748662230153E-2</c:v>
                </c:pt>
                <c:pt idx="236">
                  <c:v>2.1145593282213073E-2</c:v>
                </c:pt>
                <c:pt idx="237">
                  <c:v>2.0646290036986814E-2</c:v>
                </c:pt>
                <c:pt idx="238">
                  <c:v>1.9571019244168871E-2</c:v>
                </c:pt>
                <c:pt idx="239">
                  <c:v>1.8664122305128115E-2</c:v>
                </c:pt>
                <c:pt idx="240">
                  <c:v>1.8090386395564664E-2</c:v>
                </c:pt>
                <c:pt idx="241">
                  <c:v>1.7615699572049927E-2</c:v>
                </c:pt>
                <c:pt idx="242">
                  <c:v>1.7755430862691039E-2</c:v>
                </c:pt>
                <c:pt idx="243">
                  <c:v>1.8140986741686044E-2</c:v>
                </c:pt>
                <c:pt idx="244">
                  <c:v>1.8555686861533527E-2</c:v>
                </c:pt>
                <c:pt idx="245">
                  <c:v>1.9121356508331116E-2</c:v>
                </c:pt>
                <c:pt idx="246">
                  <c:v>1.9976025603007104E-2</c:v>
                </c:pt>
                <c:pt idx="247">
                  <c:v>2.0616211414985222E-2</c:v>
                </c:pt>
                <c:pt idx="248">
                  <c:v>2.1497206905189144E-2</c:v>
                </c:pt>
                <c:pt idx="249">
                  <c:v>2.2016802392081328E-2</c:v>
                </c:pt>
                <c:pt idx="250">
                  <c:v>2.2456518245681869E-2</c:v>
                </c:pt>
                <c:pt idx="251">
                  <c:v>2.2881735463251535E-2</c:v>
                </c:pt>
                <c:pt idx="252">
                  <c:v>2.307119732460074E-2</c:v>
                </c:pt>
                <c:pt idx="253">
                  <c:v>2.3133323598707234E-2</c:v>
                </c:pt>
                <c:pt idx="254">
                  <c:v>2.2761372249666859E-2</c:v>
                </c:pt>
                <c:pt idx="255">
                  <c:v>2.2339027429770359E-2</c:v>
                </c:pt>
                <c:pt idx="256">
                  <c:v>2.2052079916133911E-2</c:v>
                </c:pt>
                <c:pt idx="257">
                  <c:v>2.1408060002970259E-2</c:v>
                </c:pt>
                <c:pt idx="258">
                  <c:v>2.1041718576155007E-2</c:v>
                </c:pt>
                <c:pt idx="259">
                  <c:v>2.0941330094232723E-2</c:v>
                </c:pt>
                <c:pt idx="260">
                  <c:v>2.0881920611937815E-2</c:v>
                </c:pt>
                <c:pt idx="261">
                  <c:v>2.0825243854149009E-2</c:v>
                </c:pt>
                <c:pt idx="262">
                  <c:v>2.1021160678604392E-2</c:v>
                </c:pt>
                <c:pt idx="263">
                  <c:v>2.0946249052574452E-2</c:v>
                </c:pt>
                <c:pt idx="264">
                  <c:v>2.0777771520119066E-2</c:v>
                </c:pt>
                <c:pt idx="265">
                  <c:v>2.0335964243691215E-2</c:v>
                </c:pt>
                <c:pt idx="266">
                  <c:v>2.0161556104063557E-2</c:v>
                </c:pt>
                <c:pt idx="267">
                  <c:v>1.9865376325545293E-2</c:v>
                </c:pt>
                <c:pt idx="268">
                  <c:v>1.9597687712111823E-2</c:v>
                </c:pt>
                <c:pt idx="269">
                  <c:v>1.9620640699198496E-2</c:v>
                </c:pt>
                <c:pt idx="270">
                  <c:v>1.968724906669644E-2</c:v>
                </c:pt>
                <c:pt idx="271">
                  <c:v>1.9513186243279638E-2</c:v>
                </c:pt>
                <c:pt idx="272">
                  <c:v>1.967468355746789E-2</c:v>
                </c:pt>
                <c:pt idx="273">
                  <c:v>1.9671656467886683E-2</c:v>
                </c:pt>
                <c:pt idx="274">
                  <c:v>1.956230293697931E-2</c:v>
                </c:pt>
                <c:pt idx="275">
                  <c:v>1.9438036521975927E-2</c:v>
                </c:pt>
                <c:pt idx="276">
                  <c:v>1.9541401878896757E-2</c:v>
                </c:pt>
                <c:pt idx="277">
                  <c:v>1.9642523027149941E-2</c:v>
                </c:pt>
                <c:pt idx="278">
                  <c:v>1.9719913477379895E-2</c:v>
                </c:pt>
                <c:pt idx="279">
                  <c:v>1.9684971672337789E-2</c:v>
                </c:pt>
                <c:pt idx="280">
                  <c:v>1.9892026450145105E-2</c:v>
                </c:pt>
                <c:pt idx="281">
                  <c:v>1.9965394204121422E-2</c:v>
                </c:pt>
                <c:pt idx="282">
                  <c:v>1.9971632542571598E-2</c:v>
                </c:pt>
                <c:pt idx="283">
                  <c:v>1.9791087123834601E-2</c:v>
                </c:pt>
                <c:pt idx="284">
                  <c:v>1.9770380257193163E-2</c:v>
                </c:pt>
                <c:pt idx="285">
                  <c:v>1.999474414845176E-2</c:v>
                </c:pt>
                <c:pt idx="286">
                  <c:v>2.0293305618933142E-2</c:v>
                </c:pt>
                <c:pt idx="287">
                  <c:v>2.0338685236879536E-2</c:v>
                </c:pt>
                <c:pt idx="288">
                  <c:v>2.0511346767794956E-2</c:v>
                </c:pt>
                <c:pt idx="289">
                  <c:v>2.0500958159826454E-2</c:v>
                </c:pt>
                <c:pt idx="290">
                  <c:v>2.067551245649997E-2</c:v>
                </c:pt>
                <c:pt idx="291">
                  <c:v>2.0414989086371529E-2</c:v>
                </c:pt>
                <c:pt idx="292">
                  <c:v>2.0191853802393491E-2</c:v>
                </c:pt>
                <c:pt idx="293">
                  <c:v>1.9817373773980101E-2</c:v>
                </c:pt>
                <c:pt idx="294">
                  <c:v>1.9214238801811417E-2</c:v>
                </c:pt>
                <c:pt idx="295">
                  <c:v>1.8362111623092307E-2</c:v>
                </c:pt>
                <c:pt idx="296">
                  <c:v>1.7510790045588483E-2</c:v>
                </c:pt>
                <c:pt idx="297">
                  <c:v>1.6842839622732524E-2</c:v>
                </c:pt>
                <c:pt idx="298">
                  <c:v>1.6501460691328563E-2</c:v>
                </c:pt>
                <c:pt idx="299">
                  <c:v>1.6436818598906611E-2</c:v>
                </c:pt>
                <c:pt idx="300">
                  <c:v>1.6619502159930209E-2</c:v>
                </c:pt>
                <c:pt idx="301">
                  <c:v>1.6766843765551952E-2</c:v>
                </c:pt>
                <c:pt idx="302">
                  <c:v>1.7074120667701403E-2</c:v>
                </c:pt>
                <c:pt idx="303">
                  <c:v>1.7326236352182993E-2</c:v>
                </c:pt>
                <c:pt idx="304">
                  <c:v>1.7456915690006146E-2</c:v>
                </c:pt>
                <c:pt idx="305">
                  <c:v>1.7699402832856523E-2</c:v>
                </c:pt>
                <c:pt idx="306">
                  <c:v>1.7759647502303688E-2</c:v>
                </c:pt>
                <c:pt idx="307">
                  <c:v>1.8167654439621019E-2</c:v>
                </c:pt>
                <c:pt idx="308">
                  <c:v>1.8542486763623699E-2</c:v>
                </c:pt>
                <c:pt idx="309">
                  <c:v>1.8831054546987427E-2</c:v>
                </c:pt>
                <c:pt idx="310">
                  <c:v>1.8937186155729521E-2</c:v>
                </c:pt>
                <c:pt idx="311">
                  <c:v>1.9031991640453341E-2</c:v>
                </c:pt>
                <c:pt idx="312">
                  <c:v>1.9042947420979513E-2</c:v>
                </c:pt>
                <c:pt idx="313">
                  <c:v>1.8937064549288597E-2</c:v>
                </c:pt>
                <c:pt idx="314">
                  <c:v>1.8910661188183707E-2</c:v>
                </c:pt>
                <c:pt idx="315">
                  <c:v>1.8718925331031536E-2</c:v>
                </c:pt>
                <c:pt idx="316">
                  <c:v>1.8353477445394728E-2</c:v>
                </c:pt>
                <c:pt idx="317">
                  <c:v>1.8075043811851075E-2</c:v>
                </c:pt>
                <c:pt idx="318">
                  <c:v>1.804274563574362E-2</c:v>
                </c:pt>
                <c:pt idx="319">
                  <c:v>1.8145804677590794E-2</c:v>
                </c:pt>
                <c:pt idx="320">
                  <c:v>1.8181308170490556E-2</c:v>
                </c:pt>
                <c:pt idx="321">
                  <c:v>1.8288006285093743E-2</c:v>
                </c:pt>
                <c:pt idx="322">
                  <c:v>1.8339997381171935E-2</c:v>
                </c:pt>
                <c:pt idx="323">
                  <c:v>1.8284104881399615E-2</c:v>
                </c:pt>
                <c:pt idx="324">
                  <c:v>1.8287111118008278E-2</c:v>
                </c:pt>
                <c:pt idx="325">
                  <c:v>1.8401664703030073E-2</c:v>
                </c:pt>
                <c:pt idx="326">
                  <c:v>1.8629541498162261E-2</c:v>
                </c:pt>
                <c:pt idx="327">
                  <c:v>1.8786792615342926E-2</c:v>
                </c:pt>
                <c:pt idx="328">
                  <c:v>1.8948291451727977E-2</c:v>
                </c:pt>
                <c:pt idx="329">
                  <c:v>1.8981021019568618E-2</c:v>
                </c:pt>
                <c:pt idx="330">
                  <c:v>1.8818757322040702E-2</c:v>
                </c:pt>
                <c:pt idx="331">
                  <c:v>1.8267199311805007E-2</c:v>
                </c:pt>
                <c:pt idx="332">
                  <c:v>1.7706285450644125E-2</c:v>
                </c:pt>
                <c:pt idx="333">
                  <c:v>1.720046902557569E-2</c:v>
                </c:pt>
                <c:pt idx="334">
                  <c:v>1.6557938061958214E-2</c:v>
                </c:pt>
                <c:pt idx="335">
                  <c:v>1.5669119288656146E-2</c:v>
                </c:pt>
                <c:pt idx="336">
                  <c:v>1.4960988945169645E-2</c:v>
                </c:pt>
                <c:pt idx="337">
                  <c:v>1.4592377675012024E-2</c:v>
                </c:pt>
                <c:pt idx="338">
                  <c:v>1.4404807142582269E-2</c:v>
                </c:pt>
                <c:pt idx="339">
                  <c:v>1.4410671431252514E-2</c:v>
                </c:pt>
                <c:pt idx="340">
                  <c:v>1.4776247013656905E-2</c:v>
                </c:pt>
                <c:pt idx="341">
                  <c:v>1.5611094232512826E-2</c:v>
                </c:pt>
                <c:pt idx="342">
                  <c:v>1.6386809578844624E-2</c:v>
                </c:pt>
                <c:pt idx="343">
                  <c:v>1.7081552230127247E-2</c:v>
                </c:pt>
                <c:pt idx="344">
                  <c:v>1.7870377979862965E-2</c:v>
                </c:pt>
                <c:pt idx="345">
                  <c:v>1.8456497213627372E-2</c:v>
                </c:pt>
                <c:pt idx="346">
                  <c:v>1.9049305593052807E-2</c:v>
                </c:pt>
                <c:pt idx="347">
                  <c:v>1.9538041276414772E-2</c:v>
                </c:pt>
                <c:pt idx="348">
                  <c:v>1.9800271351654818E-2</c:v>
                </c:pt>
                <c:pt idx="349">
                  <c:v>1.983888994722071E-2</c:v>
                </c:pt>
                <c:pt idx="350">
                  <c:v>1.9870417901491324E-2</c:v>
                </c:pt>
                <c:pt idx="351">
                  <c:v>1.9866025983656603E-2</c:v>
                </c:pt>
                <c:pt idx="352">
                  <c:v>1.9648730592385706E-2</c:v>
                </c:pt>
                <c:pt idx="353">
                  <c:v>1.9062682954337131E-2</c:v>
                </c:pt>
                <c:pt idx="354">
                  <c:v>1.8420907001880996E-2</c:v>
                </c:pt>
                <c:pt idx="355">
                  <c:v>1.7758139170978002E-2</c:v>
                </c:pt>
                <c:pt idx="356">
                  <c:v>1.701213103657814E-2</c:v>
                </c:pt>
                <c:pt idx="357">
                  <c:v>1.6472715955220117E-2</c:v>
                </c:pt>
                <c:pt idx="358">
                  <c:v>1.5909214026921845E-2</c:v>
                </c:pt>
                <c:pt idx="359">
                  <c:v>1.5566582402411142E-2</c:v>
                </c:pt>
                <c:pt idx="360">
                  <c:v>1.5459720198557E-2</c:v>
                </c:pt>
                <c:pt idx="361">
                  <c:v>1.5104395938421248E-2</c:v>
                </c:pt>
                <c:pt idx="362">
                  <c:v>1.4991975034684829E-2</c:v>
                </c:pt>
                <c:pt idx="363">
                  <c:v>1.5010242280794239E-2</c:v>
                </c:pt>
                <c:pt idx="364">
                  <c:v>1.5262896104192437E-2</c:v>
                </c:pt>
                <c:pt idx="365">
                  <c:v>1.5528956369041788E-2</c:v>
                </c:pt>
                <c:pt idx="366">
                  <c:v>1.5794411630576571E-2</c:v>
                </c:pt>
                <c:pt idx="367">
                  <c:v>1.5907066123803191E-2</c:v>
                </c:pt>
                <c:pt idx="368">
                  <c:v>1.6130306663700442E-2</c:v>
                </c:pt>
                <c:pt idx="369">
                  <c:v>1.6482812120462844E-2</c:v>
                </c:pt>
                <c:pt idx="370">
                  <c:v>1.6953730709112533E-2</c:v>
                </c:pt>
                <c:pt idx="371">
                  <c:v>1.7067448810335593E-2</c:v>
                </c:pt>
                <c:pt idx="372">
                  <c:v>1.6999444873082172E-2</c:v>
                </c:pt>
                <c:pt idx="373">
                  <c:v>1.6806867944671941E-2</c:v>
                </c:pt>
                <c:pt idx="374">
                  <c:v>1.6623071384940468E-2</c:v>
                </c:pt>
                <c:pt idx="375">
                  <c:v>1.6305730422788451E-2</c:v>
                </c:pt>
                <c:pt idx="376">
                  <c:v>1.592476408069711E-2</c:v>
                </c:pt>
                <c:pt idx="377">
                  <c:v>1.5545647300996425E-2</c:v>
                </c:pt>
                <c:pt idx="378">
                  <c:v>1.4924650374018807E-2</c:v>
                </c:pt>
                <c:pt idx="379">
                  <c:v>1.4421532933826923E-2</c:v>
                </c:pt>
                <c:pt idx="380">
                  <c:v>1.3840894972539319E-2</c:v>
                </c:pt>
                <c:pt idx="381">
                  <c:v>1.3285881133129106E-2</c:v>
                </c:pt>
                <c:pt idx="382">
                  <c:v>1.3053538409885672E-2</c:v>
                </c:pt>
                <c:pt idx="383">
                  <c:v>1.3296931476303476E-2</c:v>
                </c:pt>
                <c:pt idx="384">
                  <c:v>1.3670345546002055E-2</c:v>
                </c:pt>
                <c:pt idx="385">
                  <c:v>1.3986402572714517E-2</c:v>
                </c:pt>
                <c:pt idx="386">
                  <c:v>1.4451623237694836E-2</c:v>
                </c:pt>
                <c:pt idx="387">
                  <c:v>1.5129891914865032E-2</c:v>
                </c:pt>
                <c:pt idx="388">
                  <c:v>1.5789846525515482E-2</c:v>
                </c:pt>
                <c:pt idx="389">
                  <c:v>1.6235200149672547E-2</c:v>
                </c:pt>
                <c:pt idx="390">
                  <c:v>1.6340525828352225E-2</c:v>
                </c:pt>
                <c:pt idx="391">
                  <c:v>1.6594069301628003E-2</c:v>
                </c:pt>
                <c:pt idx="392">
                  <c:v>1.658496192463204E-2</c:v>
                </c:pt>
                <c:pt idx="393">
                  <c:v>1.6306803190232037E-2</c:v>
                </c:pt>
                <c:pt idx="394">
                  <c:v>1.5837259483651511E-2</c:v>
                </c:pt>
                <c:pt idx="395">
                  <c:v>1.5395384463555513E-2</c:v>
                </c:pt>
                <c:pt idx="396">
                  <c:v>1.5003699966474944E-2</c:v>
                </c:pt>
                <c:pt idx="397">
                  <c:v>1.4705164302267993E-2</c:v>
                </c:pt>
                <c:pt idx="398">
                  <c:v>1.4266742496270792E-2</c:v>
                </c:pt>
                <c:pt idx="399">
                  <c:v>1.4080422388284412E-2</c:v>
                </c:pt>
                <c:pt idx="400">
                  <c:v>1.4014262605091742E-2</c:v>
                </c:pt>
                <c:pt idx="401">
                  <c:v>1.3873146919570893E-2</c:v>
                </c:pt>
                <c:pt idx="402">
                  <c:v>1.3502625636308229E-2</c:v>
                </c:pt>
                <c:pt idx="403">
                  <c:v>1.3227765379736425E-2</c:v>
                </c:pt>
                <c:pt idx="404">
                  <c:v>1.3298890413969703E-2</c:v>
                </c:pt>
                <c:pt idx="405">
                  <c:v>1.3243952480254572E-2</c:v>
                </c:pt>
                <c:pt idx="406">
                  <c:v>1.3151081627196413E-2</c:v>
                </c:pt>
                <c:pt idx="407">
                  <c:v>1.3069938268431574E-2</c:v>
                </c:pt>
                <c:pt idx="408">
                  <c:v>1.3154965942566278E-2</c:v>
                </c:pt>
                <c:pt idx="409">
                  <c:v>1.3125919177632468E-2</c:v>
                </c:pt>
                <c:pt idx="410">
                  <c:v>1.2759316039049291E-2</c:v>
                </c:pt>
                <c:pt idx="411">
                  <c:v>1.2444731694713287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D2B-4A25-A2BF-5CC443FA78A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60355144"/>
        <c:axId val="460358752"/>
      </c:scatterChart>
      <c:valAx>
        <c:axId val="4603551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60358752"/>
        <c:crosses val="autoZero"/>
        <c:crossBetween val="midCat"/>
      </c:valAx>
      <c:valAx>
        <c:axId val="4603587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603551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3.5859687453670255E-2"/>
                  <c:y val="-0.18106343827955274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150-15s(7)'!$D$2:$D$2660</c:f>
              <c:numCache>
                <c:formatCode>General</c:formatCode>
                <c:ptCount val="2659"/>
                <c:pt idx="0">
                  <c:v>0</c:v>
                </c:pt>
                <c:pt idx="1">
                  <c:v>5.0049999999997041E-3</c:v>
                </c:pt>
                <c:pt idx="2">
                  <c:v>1.0010000000000296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3999999999565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7999999999723E-2</c:v>
                </c:pt>
                <c:pt idx="13">
                  <c:v>6.5062000000000175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7000000000176E-2</c:v>
                </c:pt>
                <c:pt idx="17">
                  <c:v>8.508199999999988E-2</c:v>
                </c:pt>
                <c:pt idx="18">
                  <c:v>9.0086000000000332E-2</c:v>
                </c:pt>
                <c:pt idx="19">
                  <c:v>9.5091000000000037E-2</c:v>
                </c:pt>
                <c:pt idx="20">
                  <c:v>0.10009599999999974</c:v>
                </c:pt>
                <c:pt idx="21">
                  <c:v>0.10510100000000033</c:v>
                </c:pt>
                <c:pt idx="22">
                  <c:v>0.11010600000000004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49999999996</c:v>
                </c:pt>
                <c:pt idx="27">
                  <c:v>0.13513000000000019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899999999976</c:v>
                </c:pt>
                <c:pt idx="32">
                  <c:v>0.16015400000000035</c:v>
                </c:pt>
                <c:pt idx="33">
                  <c:v>0.16515799999999992</c:v>
                </c:pt>
                <c:pt idx="34">
                  <c:v>0.17016299999999962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799999999962</c:v>
                </c:pt>
                <c:pt idx="38">
                  <c:v>0.19018200000000007</c:v>
                </c:pt>
                <c:pt idx="39">
                  <c:v>0.19518699999999978</c:v>
                </c:pt>
                <c:pt idx="40">
                  <c:v>0.20019200000000037</c:v>
                </c:pt>
                <c:pt idx="41">
                  <c:v>0.20519699999999919</c:v>
                </c:pt>
                <c:pt idx="42">
                  <c:v>0.21020199999999978</c:v>
                </c:pt>
                <c:pt idx="43">
                  <c:v>0.21520599999999934</c:v>
                </c:pt>
                <c:pt idx="44">
                  <c:v>0.22021099999999993</c:v>
                </c:pt>
                <c:pt idx="45">
                  <c:v>0.22521600000000053</c:v>
                </c:pt>
                <c:pt idx="46">
                  <c:v>0.23022099999999934</c:v>
                </c:pt>
                <c:pt idx="47">
                  <c:v>0.23522599999999994</c:v>
                </c:pt>
                <c:pt idx="48">
                  <c:v>0.2402299999999995</c:v>
                </c:pt>
                <c:pt idx="49">
                  <c:v>0.24523500000000009</c:v>
                </c:pt>
                <c:pt idx="50">
                  <c:v>0.25024000000000068</c:v>
                </c:pt>
                <c:pt idx="51">
                  <c:v>0.2552449999999995</c:v>
                </c:pt>
                <c:pt idx="52">
                  <c:v>0.26025000000000009</c:v>
                </c:pt>
                <c:pt idx="53">
                  <c:v>0.26525399999999966</c:v>
                </c:pt>
                <c:pt idx="54">
                  <c:v>0.27025900000000025</c:v>
                </c:pt>
                <c:pt idx="55">
                  <c:v>0.27526400000000084</c:v>
                </c:pt>
                <c:pt idx="56">
                  <c:v>0.28026899999999966</c:v>
                </c:pt>
                <c:pt idx="57">
                  <c:v>0.28527400000000025</c:v>
                </c:pt>
                <c:pt idx="58">
                  <c:v>0.29027799999999981</c:v>
                </c:pt>
                <c:pt idx="59">
                  <c:v>0.29528300000000041</c:v>
                </c:pt>
                <c:pt idx="60">
                  <c:v>0.30028799999999922</c:v>
                </c:pt>
                <c:pt idx="61">
                  <c:v>0.30529299999999981</c:v>
                </c:pt>
                <c:pt idx="62">
                  <c:v>0.31029800000000041</c:v>
                </c:pt>
                <c:pt idx="63">
                  <c:v>0.31530199999999997</c:v>
                </c:pt>
                <c:pt idx="64">
                  <c:v>0.32030700000000056</c:v>
                </c:pt>
                <c:pt idx="65">
                  <c:v>0.32531199999999938</c:v>
                </c:pt>
                <c:pt idx="66">
                  <c:v>0.33031699999999997</c:v>
                </c:pt>
                <c:pt idx="67">
                  <c:v>0.33532200000000056</c:v>
                </c:pt>
                <c:pt idx="68">
                  <c:v>0.34032600000000013</c:v>
                </c:pt>
                <c:pt idx="69">
                  <c:v>0.34533100000000072</c:v>
                </c:pt>
                <c:pt idx="70">
                  <c:v>0.35033599999999954</c:v>
                </c:pt>
                <c:pt idx="71">
                  <c:v>0.35534100000000013</c:v>
                </c:pt>
                <c:pt idx="72">
                  <c:v>0.36034600000000072</c:v>
                </c:pt>
                <c:pt idx="73">
                  <c:v>0.36535000000000029</c:v>
                </c:pt>
                <c:pt idx="74">
                  <c:v>0.3703549999999991</c:v>
                </c:pt>
                <c:pt idx="75">
                  <c:v>0.37535999999999969</c:v>
                </c:pt>
                <c:pt idx="76">
                  <c:v>0.38036500000000029</c:v>
                </c:pt>
                <c:pt idx="77">
                  <c:v>0.3853699999999991</c:v>
                </c:pt>
                <c:pt idx="78">
                  <c:v>0.39037400000000044</c:v>
                </c:pt>
                <c:pt idx="79">
                  <c:v>0.39537899999999926</c:v>
                </c:pt>
                <c:pt idx="80">
                  <c:v>0.40038399999999985</c:v>
                </c:pt>
                <c:pt idx="81">
                  <c:v>0.40538900000000044</c:v>
                </c:pt>
                <c:pt idx="82">
                  <c:v>0.41039399999999926</c:v>
                </c:pt>
                <c:pt idx="83">
                  <c:v>0.4153980000000006</c:v>
                </c:pt>
                <c:pt idx="84">
                  <c:v>0.42040299999999942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799999999942</c:v>
                </c:pt>
                <c:pt idx="88">
                  <c:v>0.44042200000000076</c:v>
                </c:pt>
                <c:pt idx="89">
                  <c:v>0.44542699999999957</c:v>
                </c:pt>
                <c:pt idx="90">
                  <c:v>0.45043200000000017</c:v>
                </c:pt>
                <c:pt idx="91">
                  <c:v>0.45543700000000076</c:v>
                </c:pt>
                <c:pt idx="92">
                  <c:v>0.46044199999999957</c:v>
                </c:pt>
                <c:pt idx="93">
                  <c:v>0.46544599999999914</c:v>
                </c:pt>
                <c:pt idx="94">
                  <c:v>0.47045099999999973</c:v>
                </c:pt>
                <c:pt idx="95">
                  <c:v>0.47545600000000032</c:v>
                </c:pt>
                <c:pt idx="96">
                  <c:v>0.48046099999999914</c:v>
                </c:pt>
                <c:pt idx="97">
                  <c:v>0.48546599999999973</c:v>
                </c:pt>
                <c:pt idx="98">
                  <c:v>0.4904699999999993</c:v>
                </c:pt>
                <c:pt idx="99">
                  <c:v>0.49547499999999989</c:v>
                </c:pt>
                <c:pt idx="100">
                  <c:v>0.50048000000000048</c:v>
                </c:pt>
                <c:pt idx="101">
                  <c:v>0.5054849999999993</c:v>
                </c:pt>
                <c:pt idx="102">
                  <c:v>0.51048999999999989</c:v>
                </c:pt>
                <c:pt idx="103">
                  <c:v>0.51549399999999945</c:v>
                </c:pt>
                <c:pt idx="104">
                  <c:v>0.52049900000000004</c:v>
                </c:pt>
                <c:pt idx="105">
                  <c:v>0.52550400000000064</c:v>
                </c:pt>
                <c:pt idx="106">
                  <c:v>0.53050899999999945</c:v>
                </c:pt>
                <c:pt idx="107">
                  <c:v>0.53551400000000005</c:v>
                </c:pt>
                <c:pt idx="108">
                  <c:v>0.54051799999999961</c:v>
                </c:pt>
                <c:pt idx="109">
                  <c:v>0.5455230000000002</c:v>
                </c:pt>
                <c:pt idx="110">
                  <c:v>0.55052800000000079</c:v>
                </c:pt>
                <c:pt idx="111">
                  <c:v>0.55553299999999961</c:v>
                </c:pt>
                <c:pt idx="112">
                  <c:v>0.5605380000000002</c:v>
                </c:pt>
                <c:pt idx="113">
                  <c:v>0.56554199999999977</c:v>
                </c:pt>
                <c:pt idx="114">
                  <c:v>0.57054700000000036</c:v>
                </c:pt>
                <c:pt idx="115">
                  <c:v>0.57555199999999918</c:v>
                </c:pt>
                <c:pt idx="116">
                  <c:v>0.58055699999999977</c:v>
                </c:pt>
                <c:pt idx="117">
                  <c:v>0.58556200000000036</c:v>
                </c:pt>
                <c:pt idx="118">
                  <c:v>0.59056599999999992</c:v>
                </c:pt>
                <c:pt idx="119">
                  <c:v>0.59557100000000052</c:v>
                </c:pt>
                <c:pt idx="120">
                  <c:v>0.60057599999999933</c:v>
                </c:pt>
                <c:pt idx="121">
                  <c:v>0.60558099999999992</c:v>
                </c:pt>
                <c:pt idx="122">
                  <c:v>0.61058600000000052</c:v>
                </c:pt>
                <c:pt idx="123">
                  <c:v>0.61559000000000008</c:v>
                </c:pt>
                <c:pt idx="124">
                  <c:v>0.62059500000000067</c:v>
                </c:pt>
                <c:pt idx="125">
                  <c:v>0.62559999999999949</c:v>
                </c:pt>
                <c:pt idx="126">
                  <c:v>0.63060500000000008</c:v>
                </c:pt>
                <c:pt idx="127">
                  <c:v>0.63561000000000067</c:v>
                </c:pt>
                <c:pt idx="128">
                  <c:v>0.64061400000000024</c:v>
                </c:pt>
                <c:pt idx="129">
                  <c:v>0.64561900000000083</c:v>
                </c:pt>
                <c:pt idx="130">
                  <c:v>0.65062399999999965</c:v>
                </c:pt>
                <c:pt idx="131">
                  <c:v>0.65562900000000024</c:v>
                </c:pt>
                <c:pt idx="132">
                  <c:v>0.66063400000000083</c:v>
                </c:pt>
                <c:pt idx="133">
                  <c:v>0.6656380000000004</c:v>
                </c:pt>
                <c:pt idx="134">
                  <c:v>0.67064299999999921</c:v>
                </c:pt>
                <c:pt idx="135">
                  <c:v>0.6756479999999998</c:v>
                </c:pt>
                <c:pt idx="136">
                  <c:v>0.6806530000000004</c:v>
                </c:pt>
                <c:pt idx="137">
                  <c:v>0.68565799999999921</c:v>
                </c:pt>
                <c:pt idx="138">
                  <c:v>0.69066200000000055</c:v>
                </c:pt>
                <c:pt idx="139">
                  <c:v>0.69566699999999937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199999999937</c:v>
                </c:pt>
                <c:pt idx="143">
                  <c:v>0.71568600000000071</c:v>
                </c:pt>
                <c:pt idx="144">
                  <c:v>0.72069099999999953</c:v>
                </c:pt>
                <c:pt idx="145">
                  <c:v>0.72569600000000012</c:v>
                </c:pt>
                <c:pt idx="146">
                  <c:v>0.73070100000000071</c:v>
                </c:pt>
                <c:pt idx="147">
                  <c:v>0.73570599999999953</c:v>
                </c:pt>
                <c:pt idx="148">
                  <c:v>0.74071000000000087</c:v>
                </c:pt>
                <c:pt idx="149">
                  <c:v>0.74571499999999968</c:v>
                </c:pt>
                <c:pt idx="150">
                  <c:v>0.75072000000000028</c:v>
                </c:pt>
                <c:pt idx="151">
                  <c:v>0.75572500000000087</c:v>
                </c:pt>
                <c:pt idx="152">
                  <c:v>0.76072999999999968</c:v>
                </c:pt>
                <c:pt idx="153">
                  <c:v>0.76573399999999925</c:v>
                </c:pt>
                <c:pt idx="154">
                  <c:v>0.77073899999999984</c:v>
                </c:pt>
                <c:pt idx="155">
                  <c:v>0.77574400000000043</c:v>
                </c:pt>
                <c:pt idx="156">
                  <c:v>0.78074899999999925</c:v>
                </c:pt>
                <c:pt idx="157">
                  <c:v>0.78575399999999984</c:v>
                </c:pt>
                <c:pt idx="158">
                  <c:v>0.79075799999999941</c:v>
                </c:pt>
                <c:pt idx="159">
                  <c:v>0.795763</c:v>
                </c:pt>
                <c:pt idx="160">
                  <c:v>0.80076800000000059</c:v>
                </c:pt>
                <c:pt idx="161">
                  <c:v>0.80577299999999941</c:v>
                </c:pt>
                <c:pt idx="162">
                  <c:v>0.810778</c:v>
                </c:pt>
                <c:pt idx="163">
                  <c:v>0.81578199999999956</c:v>
                </c:pt>
                <c:pt idx="164">
                  <c:v>0.82078700000000016</c:v>
                </c:pt>
                <c:pt idx="165">
                  <c:v>0.82579200000000075</c:v>
                </c:pt>
                <c:pt idx="166">
                  <c:v>0.83079699999999956</c:v>
                </c:pt>
                <c:pt idx="167">
                  <c:v>0.83580200000000016</c:v>
                </c:pt>
                <c:pt idx="168">
                  <c:v>0.84080599999999972</c:v>
                </c:pt>
                <c:pt idx="169">
                  <c:v>0.84581100000000031</c:v>
                </c:pt>
                <c:pt idx="170">
                  <c:v>0.85081599999999913</c:v>
                </c:pt>
                <c:pt idx="171">
                  <c:v>0.85582099999999972</c:v>
                </c:pt>
                <c:pt idx="172">
                  <c:v>0.86082600000000031</c:v>
                </c:pt>
                <c:pt idx="173">
                  <c:v>0.86582999999999988</c:v>
                </c:pt>
                <c:pt idx="174">
                  <c:v>0.87083500000000047</c:v>
                </c:pt>
                <c:pt idx="175">
                  <c:v>0.87583999999999929</c:v>
                </c:pt>
                <c:pt idx="176">
                  <c:v>0.88084499999999988</c:v>
                </c:pt>
                <c:pt idx="177">
                  <c:v>0.88585000000000047</c:v>
                </c:pt>
                <c:pt idx="178">
                  <c:v>0.89085400000000003</c:v>
                </c:pt>
                <c:pt idx="179">
                  <c:v>0.89585900000000063</c:v>
                </c:pt>
                <c:pt idx="180">
                  <c:v>0.90086399999999944</c:v>
                </c:pt>
                <c:pt idx="181">
                  <c:v>0.90586900000000004</c:v>
                </c:pt>
                <c:pt idx="182">
                  <c:v>0.91087400000000063</c:v>
                </c:pt>
                <c:pt idx="183">
                  <c:v>0.91587800000000019</c:v>
                </c:pt>
                <c:pt idx="184">
                  <c:v>0.92088300000000078</c:v>
                </c:pt>
                <c:pt idx="185">
                  <c:v>0.9258879999999996</c:v>
                </c:pt>
                <c:pt idx="186">
                  <c:v>0.93089300000000019</c:v>
                </c:pt>
                <c:pt idx="187">
                  <c:v>0.93589800000000078</c:v>
                </c:pt>
                <c:pt idx="188">
                  <c:v>0.94090200000000035</c:v>
                </c:pt>
                <c:pt idx="189">
                  <c:v>0.94590699999999917</c:v>
                </c:pt>
                <c:pt idx="190">
                  <c:v>0.95091199999999976</c:v>
                </c:pt>
                <c:pt idx="191">
                  <c:v>0.95591700000000035</c:v>
                </c:pt>
                <c:pt idx="192">
                  <c:v>0.96092199999999917</c:v>
                </c:pt>
                <c:pt idx="193">
                  <c:v>0.96592600000000051</c:v>
                </c:pt>
                <c:pt idx="194">
                  <c:v>0.97093099999999932</c:v>
                </c:pt>
                <c:pt idx="195">
                  <c:v>0.97593599999999991</c:v>
                </c:pt>
                <c:pt idx="196">
                  <c:v>0.98094100000000051</c:v>
                </c:pt>
                <c:pt idx="197">
                  <c:v>0.98594599999999932</c:v>
                </c:pt>
                <c:pt idx="198">
                  <c:v>0.99095000000000066</c:v>
                </c:pt>
                <c:pt idx="199">
                  <c:v>0.99595499999999948</c:v>
                </c:pt>
                <c:pt idx="200">
                  <c:v>1.0009600000000001</c:v>
                </c:pt>
                <c:pt idx="201">
                  <c:v>1.0059650000000007</c:v>
                </c:pt>
                <c:pt idx="202">
                  <c:v>1.0109699999999995</c:v>
                </c:pt>
                <c:pt idx="203">
                  <c:v>1.0159740000000008</c:v>
                </c:pt>
                <c:pt idx="204">
                  <c:v>1.0209789999999996</c:v>
                </c:pt>
                <c:pt idx="205">
                  <c:v>1.0259840000000002</c:v>
                </c:pt>
                <c:pt idx="206">
                  <c:v>1.0309890000000008</c:v>
                </c:pt>
                <c:pt idx="207">
                  <c:v>1.0359939999999996</c:v>
                </c:pt>
                <c:pt idx="208">
                  <c:v>1.0409979999999992</c:v>
                </c:pt>
                <c:pt idx="209">
                  <c:v>1.0460029999999998</c:v>
                </c:pt>
                <c:pt idx="210">
                  <c:v>1.0510080000000004</c:v>
                </c:pt>
                <c:pt idx="211">
                  <c:v>1.0560129999999992</c:v>
                </c:pt>
                <c:pt idx="212">
                  <c:v>1.0610179999999998</c:v>
                </c:pt>
                <c:pt idx="213">
                  <c:v>1.0660219999999994</c:v>
                </c:pt>
                <c:pt idx="214">
                  <c:v>1.071027</c:v>
                </c:pt>
                <c:pt idx="215">
                  <c:v>1.0760320000000005</c:v>
                </c:pt>
                <c:pt idx="216">
                  <c:v>1.0810369999999994</c:v>
                </c:pt>
                <c:pt idx="217">
                  <c:v>1.086042</c:v>
                </c:pt>
                <c:pt idx="218">
                  <c:v>1.0910459999999995</c:v>
                </c:pt>
                <c:pt idx="219">
                  <c:v>1.0960510000000001</c:v>
                </c:pt>
                <c:pt idx="220">
                  <c:v>1.1010560000000007</c:v>
                </c:pt>
                <c:pt idx="221">
                  <c:v>1.1060609999999995</c:v>
                </c:pt>
                <c:pt idx="222">
                  <c:v>1.1110660000000001</c:v>
                </c:pt>
                <c:pt idx="223">
                  <c:v>1.1160699999999997</c:v>
                </c:pt>
                <c:pt idx="224">
                  <c:v>1.1210750000000003</c:v>
                </c:pt>
                <c:pt idx="225">
                  <c:v>1.1260800000000009</c:v>
                </c:pt>
                <c:pt idx="226">
                  <c:v>1.1310849999999997</c:v>
                </c:pt>
                <c:pt idx="227">
                  <c:v>1.1360900000000003</c:v>
                </c:pt>
                <c:pt idx="228">
                  <c:v>1.1410939999999998</c:v>
                </c:pt>
                <c:pt idx="229">
                  <c:v>1.1460990000000004</c:v>
                </c:pt>
                <c:pt idx="230">
                  <c:v>1.1511039999999992</c:v>
                </c:pt>
                <c:pt idx="231">
                  <c:v>1.1561089999999998</c:v>
                </c:pt>
                <c:pt idx="232">
                  <c:v>1.1611140000000004</c:v>
                </c:pt>
                <c:pt idx="233">
                  <c:v>1.166118</c:v>
                </c:pt>
                <c:pt idx="234">
                  <c:v>1.1711230000000006</c:v>
                </c:pt>
                <c:pt idx="235">
                  <c:v>1.1761279999999994</c:v>
                </c:pt>
                <c:pt idx="236">
                  <c:v>1.181133</c:v>
                </c:pt>
                <c:pt idx="237">
                  <c:v>1.1861380000000006</c:v>
                </c:pt>
                <c:pt idx="238">
                  <c:v>1.1911420000000001</c:v>
                </c:pt>
                <c:pt idx="239">
                  <c:v>1.1961470000000007</c:v>
                </c:pt>
                <c:pt idx="240">
                  <c:v>1.2011519999999996</c:v>
                </c:pt>
                <c:pt idx="241">
                  <c:v>1.2061570000000001</c:v>
                </c:pt>
                <c:pt idx="242">
                  <c:v>1.2111620000000007</c:v>
                </c:pt>
                <c:pt idx="243">
                  <c:v>1.2161660000000003</c:v>
                </c:pt>
                <c:pt idx="244">
                  <c:v>1.2211709999999991</c:v>
                </c:pt>
                <c:pt idx="245">
                  <c:v>1.2261759999999997</c:v>
                </c:pt>
                <c:pt idx="246">
                  <c:v>1.2311810000000003</c:v>
                </c:pt>
                <c:pt idx="247">
                  <c:v>1.2361859999999991</c:v>
                </c:pt>
                <c:pt idx="248">
                  <c:v>1.2411900000000005</c:v>
                </c:pt>
                <c:pt idx="249">
                  <c:v>1.2461949999999993</c:v>
                </c:pt>
                <c:pt idx="250">
                  <c:v>1.2511999999999999</c:v>
                </c:pt>
                <c:pt idx="251">
                  <c:v>1.2562050000000005</c:v>
                </c:pt>
                <c:pt idx="252">
                  <c:v>1.2612099999999993</c:v>
                </c:pt>
                <c:pt idx="253">
                  <c:v>1.2662140000000006</c:v>
                </c:pt>
                <c:pt idx="254">
                  <c:v>1.2712189999999994</c:v>
                </c:pt>
                <c:pt idx="255">
                  <c:v>1.276224</c:v>
                </c:pt>
                <c:pt idx="256">
                  <c:v>1.2812290000000006</c:v>
                </c:pt>
                <c:pt idx="257">
                  <c:v>1.2862339999999994</c:v>
                </c:pt>
                <c:pt idx="258">
                  <c:v>1.2912380000000008</c:v>
                </c:pt>
                <c:pt idx="259">
                  <c:v>1.2962429999999996</c:v>
                </c:pt>
                <c:pt idx="260">
                  <c:v>1.3012480000000002</c:v>
                </c:pt>
                <c:pt idx="261">
                  <c:v>1.3062530000000008</c:v>
                </c:pt>
                <c:pt idx="262">
                  <c:v>1.3112579999999996</c:v>
                </c:pt>
                <c:pt idx="263">
                  <c:v>1.3162619999999992</c:v>
                </c:pt>
                <c:pt idx="264">
                  <c:v>1.3212669999999997</c:v>
                </c:pt>
                <c:pt idx="265">
                  <c:v>1.3262720000000003</c:v>
                </c:pt>
                <c:pt idx="266">
                  <c:v>1.3312769999999992</c:v>
                </c:pt>
                <c:pt idx="267">
                  <c:v>1.3362819999999997</c:v>
                </c:pt>
                <c:pt idx="268">
                  <c:v>1.3412859999999993</c:v>
                </c:pt>
                <c:pt idx="269">
                  <c:v>1.3462909999999999</c:v>
                </c:pt>
                <c:pt idx="270">
                  <c:v>1.3512960000000005</c:v>
                </c:pt>
                <c:pt idx="271">
                  <c:v>1.3563009999999993</c:v>
                </c:pt>
                <c:pt idx="272">
                  <c:v>1.3613059999999999</c:v>
                </c:pt>
                <c:pt idx="273">
                  <c:v>1.3663099999999995</c:v>
                </c:pt>
                <c:pt idx="274">
                  <c:v>1.3713150000000001</c:v>
                </c:pt>
                <c:pt idx="275">
                  <c:v>1.3763200000000007</c:v>
                </c:pt>
                <c:pt idx="276">
                  <c:v>1.3813249999999995</c:v>
                </c:pt>
                <c:pt idx="277">
                  <c:v>1.3863300000000001</c:v>
                </c:pt>
                <c:pt idx="278">
                  <c:v>1.3913339999999996</c:v>
                </c:pt>
                <c:pt idx="279">
                  <c:v>1.3963390000000002</c:v>
                </c:pt>
                <c:pt idx="280">
                  <c:v>1.4013440000000008</c:v>
                </c:pt>
                <c:pt idx="281">
                  <c:v>1.4063489999999996</c:v>
                </c:pt>
                <c:pt idx="282">
                  <c:v>1.4113540000000002</c:v>
                </c:pt>
                <c:pt idx="283">
                  <c:v>1.4163579999999998</c:v>
                </c:pt>
                <c:pt idx="284">
                  <c:v>1.4213630000000004</c:v>
                </c:pt>
                <c:pt idx="285">
                  <c:v>1.4263679999999992</c:v>
                </c:pt>
                <c:pt idx="286">
                  <c:v>1.4313729999999998</c:v>
                </c:pt>
                <c:pt idx="287">
                  <c:v>1.4363780000000004</c:v>
                </c:pt>
                <c:pt idx="288">
                  <c:v>1.4413819999999999</c:v>
                </c:pt>
                <c:pt idx="289">
                  <c:v>1.4463870000000005</c:v>
                </c:pt>
                <c:pt idx="290">
                  <c:v>1.4513919999999993</c:v>
                </c:pt>
                <c:pt idx="291">
                  <c:v>1.4563969999999999</c:v>
                </c:pt>
                <c:pt idx="292">
                  <c:v>1.4614020000000005</c:v>
                </c:pt>
                <c:pt idx="293">
                  <c:v>1.4664060000000001</c:v>
                </c:pt>
                <c:pt idx="294">
                  <c:v>1.4714110000000007</c:v>
                </c:pt>
                <c:pt idx="295">
                  <c:v>1.4764159999999995</c:v>
                </c:pt>
                <c:pt idx="296">
                  <c:v>1.4814210000000001</c:v>
                </c:pt>
                <c:pt idx="297">
                  <c:v>1.4864260000000007</c:v>
                </c:pt>
                <c:pt idx="298">
                  <c:v>1.4914300000000003</c:v>
                </c:pt>
                <c:pt idx="299">
                  <c:v>1.4964350000000008</c:v>
                </c:pt>
                <c:pt idx="300">
                  <c:v>1.5014399999999997</c:v>
                </c:pt>
                <c:pt idx="301">
                  <c:v>1.5064450000000003</c:v>
                </c:pt>
                <c:pt idx="302">
                  <c:v>1.5114500000000008</c:v>
                </c:pt>
                <c:pt idx="303">
                  <c:v>1.5164540000000004</c:v>
                </c:pt>
                <c:pt idx="304">
                  <c:v>1.5214589999999992</c:v>
                </c:pt>
                <c:pt idx="305">
                  <c:v>1.5264639999999998</c:v>
                </c:pt>
                <c:pt idx="306">
                  <c:v>1.5314690000000004</c:v>
                </c:pt>
                <c:pt idx="307">
                  <c:v>1.5364739999999992</c:v>
                </c:pt>
                <c:pt idx="308">
                  <c:v>1.5414780000000006</c:v>
                </c:pt>
                <c:pt idx="309">
                  <c:v>1.5464829999999994</c:v>
                </c:pt>
                <c:pt idx="310">
                  <c:v>1.551488</c:v>
                </c:pt>
                <c:pt idx="311">
                  <c:v>1.5564930000000006</c:v>
                </c:pt>
                <c:pt idx="312">
                  <c:v>1.5614979999999994</c:v>
                </c:pt>
                <c:pt idx="313">
                  <c:v>1.5665020000000007</c:v>
                </c:pt>
                <c:pt idx="314">
                  <c:v>1.5715069999999995</c:v>
                </c:pt>
                <c:pt idx="315">
                  <c:v>1.5765120000000001</c:v>
                </c:pt>
                <c:pt idx="316">
                  <c:v>1.5815170000000007</c:v>
                </c:pt>
                <c:pt idx="317">
                  <c:v>1.5865219999999995</c:v>
                </c:pt>
                <c:pt idx="318">
                  <c:v>1.5915259999999991</c:v>
                </c:pt>
                <c:pt idx="319">
                  <c:v>1.5965309999999997</c:v>
                </c:pt>
                <c:pt idx="320">
                  <c:v>1.6015360000000003</c:v>
                </c:pt>
                <c:pt idx="321">
                  <c:v>1.6065409999999991</c:v>
                </c:pt>
                <c:pt idx="322">
                  <c:v>1.6115459999999997</c:v>
                </c:pt>
                <c:pt idx="323">
                  <c:v>1.6165499999999993</c:v>
                </c:pt>
                <c:pt idx="324">
                  <c:v>1.6215549999999999</c:v>
                </c:pt>
                <c:pt idx="325">
                  <c:v>1.6265600000000004</c:v>
                </c:pt>
                <c:pt idx="326">
                  <c:v>1.6315649999999993</c:v>
                </c:pt>
                <c:pt idx="327">
                  <c:v>1.6365699999999999</c:v>
                </c:pt>
                <c:pt idx="328">
                  <c:v>1.6415739999999994</c:v>
                </c:pt>
                <c:pt idx="329">
                  <c:v>1.646579</c:v>
                </c:pt>
                <c:pt idx="330">
                  <c:v>1.6515840000000006</c:v>
                </c:pt>
                <c:pt idx="331">
                  <c:v>1.6565889999999994</c:v>
                </c:pt>
                <c:pt idx="332">
                  <c:v>1.661594</c:v>
                </c:pt>
                <c:pt idx="333">
                  <c:v>1.6665979999999996</c:v>
                </c:pt>
                <c:pt idx="334">
                  <c:v>1.6716030000000002</c:v>
                </c:pt>
                <c:pt idx="335">
                  <c:v>1.6766080000000008</c:v>
                </c:pt>
                <c:pt idx="336">
                  <c:v>1.6816129999999996</c:v>
                </c:pt>
                <c:pt idx="337">
                  <c:v>1.6866180000000002</c:v>
                </c:pt>
                <c:pt idx="338">
                  <c:v>1.6916219999999997</c:v>
                </c:pt>
                <c:pt idx="339">
                  <c:v>1.6966270000000003</c:v>
                </c:pt>
                <c:pt idx="340">
                  <c:v>1.7016319999999991</c:v>
                </c:pt>
                <c:pt idx="341">
                  <c:v>1.7066369999999997</c:v>
                </c:pt>
                <c:pt idx="342">
                  <c:v>1.7116420000000003</c:v>
                </c:pt>
                <c:pt idx="343">
                  <c:v>1.7166459999999999</c:v>
                </c:pt>
                <c:pt idx="344">
                  <c:v>1.7216510000000005</c:v>
                </c:pt>
                <c:pt idx="345">
                  <c:v>1.7266559999999993</c:v>
                </c:pt>
                <c:pt idx="346">
                  <c:v>1.7316609999999999</c:v>
                </c:pt>
                <c:pt idx="347">
                  <c:v>1.7366660000000005</c:v>
                </c:pt>
                <c:pt idx="348">
                  <c:v>1.7416700000000001</c:v>
                </c:pt>
                <c:pt idx="349">
                  <c:v>1.7466750000000006</c:v>
                </c:pt>
                <c:pt idx="350">
                  <c:v>1.7516799999999995</c:v>
                </c:pt>
                <c:pt idx="351">
                  <c:v>1.7566850000000001</c:v>
                </c:pt>
                <c:pt idx="352">
                  <c:v>1.7616900000000006</c:v>
                </c:pt>
                <c:pt idx="353">
                  <c:v>1.7666940000000002</c:v>
                </c:pt>
                <c:pt idx="354">
                  <c:v>1.7716990000000008</c:v>
                </c:pt>
                <c:pt idx="355">
                  <c:v>1.7767039999999996</c:v>
                </c:pt>
                <c:pt idx="356">
                  <c:v>1.7817090000000002</c:v>
                </c:pt>
                <c:pt idx="357">
                  <c:v>1.7867140000000008</c:v>
                </c:pt>
                <c:pt idx="358">
                  <c:v>1.7917180000000004</c:v>
                </c:pt>
                <c:pt idx="359">
                  <c:v>1.7967229999999992</c:v>
                </c:pt>
                <c:pt idx="360">
                  <c:v>1.8017279999999998</c:v>
                </c:pt>
                <c:pt idx="361">
                  <c:v>1.8067330000000004</c:v>
                </c:pt>
                <c:pt idx="362">
                  <c:v>1.8117379999999992</c:v>
                </c:pt>
                <c:pt idx="363">
                  <c:v>1.8167420000000005</c:v>
                </c:pt>
                <c:pt idx="364">
                  <c:v>1.8217469999999993</c:v>
                </c:pt>
                <c:pt idx="365">
                  <c:v>1.8267519999999999</c:v>
                </c:pt>
                <c:pt idx="366">
                  <c:v>1.8317570000000005</c:v>
                </c:pt>
                <c:pt idx="367">
                  <c:v>1.8367619999999993</c:v>
                </c:pt>
                <c:pt idx="368">
                  <c:v>1.8417660000000007</c:v>
                </c:pt>
                <c:pt idx="369">
                  <c:v>1.8467709999999995</c:v>
                </c:pt>
                <c:pt idx="370">
                  <c:v>1.8517760000000001</c:v>
                </c:pt>
                <c:pt idx="371">
                  <c:v>1.8567810000000007</c:v>
                </c:pt>
                <c:pt idx="372">
                  <c:v>1.8617859999999995</c:v>
                </c:pt>
                <c:pt idx="373">
                  <c:v>1.8667900000000008</c:v>
                </c:pt>
                <c:pt idx="374">
                  <c:v>1.8717949999999997</c:v>
                </c:pt>
                <c:pt idx="375">
                  <c:v>1.8768000000000002</c:v>
                </c:pt>
                <c:pt idx="376">
                  <c:v>1.8818050000000008</c:v>
                </c:pt>
                <c:pt idx="377">
                  <c:v>1.8868099999999997</c:v>
                </c:pt>
                <c:pt idx="378">
                  <c:v>1.891813999999999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89999999992</c:v>
                </c:pt>
                <c:pt idx="382">
                  <c:v>1.9118339999999998</c:v>
                </c:pt>
                <c:pt idx="383">
                  <c:v>1.9168379999999994</c:v>
                </c:pt>
                <c:pt idx="384">
                  <c:v>1.921843</c:v>
                </c:pt>
                <c:pt idx="385">
                  <c:v>1.9268480000000006</c:v>
                </c:pt>
                <c:pt idx="386">
                  <c:v>1.9318529999999994</c:v>
                </c:pt>
                <c:pt idx="387">
                  <c:v>1.936858</c:v>
                </c:pt>
                <c:pt idx="388">
                  <c:v>1.9418619999999995</c:v>
                </c:pt>
                <c:pt idx="389">
                  <c:v>1.9468670000000001</c:v>
                </c:pt>
                <c:pt idx="390">
                  <c:v>1.9518720000000007</c:v>
                </c:pt>
                <c:pt idx="391">
                  <c:v>1.9568769999999995</c:v>
                </c:pt>
                <c:pt idx="392">
                  <c:v>1.9618820000000001</c:v>
                </c:pt>
                <c:pt idx="393">
                  <c:v>1.9668859999999997</c:v>
                </c:pt>
                <c:pt idx="394">
                  <c:v>1.9718910000000003</c:v>
                </c:pt>
                <c:pt idx="395">
                  <c:v>1.9768959999999991</c:v>
                </c:pt>
                <c:pt idx="396">
                  <c:v>1.9819009999999997</c:v>
                </c:pt>
                <c:pt idx="397">
                  <c:v>1.9869060000000003</c:v>
                </c:pt>
                <c:pt idx="398">
                  <c:v>1.9919099999999998</c:v>
                </c:pt>
                <c:pt idx="399">
                  <c:v>1.9969150000000004</c:v>
                </c:pt>
                <c:pt idx="400">
                  <c:v>2.0019199999999993</c:v>
                </c:pt>
                <c:pt idx="401">
                  <c:v>2.0069249999999998</c:v>
                </c:pt>
                <c:pt idx="402">
                  <c:v>2.0119300000000004</c:v>
                </c:pt>
                <c:pt idx="403">
                  <c:v>2.016934</c:v>
                </c:pt>
                <c:pt idx="404">
                  <c:v>2.0219390000000006</c:v>
                </c:pt>
                <c:pt idx="405">
                  <c:v>2.0269439999999994</c:v>
                </c:pt>
                <c:pt idx="406">
                  <c:v>2.031949</c:v>
                </c:pt>
                <c:pt idx="407">
                  <c:v>2.0369540000000006</c:v>
                </c:pt>
                <c:pt idx="408">
                  <c:v>2.0419580000000002</c:v>
                </c:pt>
                <c:pt idx="409">
                  <c:v>2.0469630000000008</c:v>
                </c:pt>
                <c:pt idx="410">
                  <c:v>2.0519679999999996</c:v>
                </c:pt>
                <c:pt idx="411">
                  <c:v>2.0569730000000002</c:v>
                </c:pt>
                <c:pt idx="412">
                  <c:v>2.0619780000000008</c:v>
                </c:pt>
                <c:pt idx="413">
                  <c:v>2.0669820000000003</c:v>
                </c:pt>
                <c:pt idx="414">
                  <c:v>2.0719869999999991</c:v>
                </c:pt>
                <c:pt idx="415">
                  <c:v>2.0769919999999997</c:v>
                </c:pt>
                <c:pt idx="416">
                  <c:v>2.0819970000000003</c:v>
                </c:pt>
                <c:pt idx="417">
                  <c:v>2.0870019999999991</c:v>
                </c:pt>
                <c:pt idx="418">
                  <c:v>2.0920060000000005</c:v>
                </c:pt>
                <c:pt idx="419">
                  <c:v>2.0970109999999993</c:v>
                </c:pt>
              </c:numCache>
            </c:numRef>
          </c:xVal>
          <c:yVal>
            <c:numRef>
              <c:f>'Multi-150-15s(7)'!$E$2:$E$2660</c:f>
              <c:numCache>
                <c:formatCode>General</c:formatCode>
                <c:ptCount val="2659"/>
                <c:pt idx="0">
                  <c:v>0</c:v>
                </c:pt>
                <c:pt idx="1">
                  <c:v>3.3329680000000508</c:v>
                </c:pt>
                <c:pt idx="2">
                  <c:v>4.5597659999999678</c:v>
                </c:pt>
                <c:pt idx="3">
                  <c:v>5.4303450000001021</c:v>
                </c:pt>
                <c:pt idx="4">
                  <c:v>6.2577790000001414</c:v>
                </c:pt>
                <c:pt idx="5">
                  <c:v>7.1584890000000314</c:v>
                </c:pt>
                <c:pt idx="6">
                  <c:v>8.1934259999999313</c:v>
                </c:pt>
                <c:pt idx="7">
                  <c:v>8.8464310000000523</c:v>
                </c:pt>
                <c:pt idx="8">
                  <c:v>10.868953999999917</c:v>
                </c:pt>
                <c:pt idx="9">
                  <c:v>12.244060000000104</c:v>
                </c:pt>
                <c:pt idx="10">
                  <c:v>12.362899999999968</c:v>
                </c:pt>
                <c:pt idx="11">
                  <c:v>12.233219000000076</c:v>
                </c:pt>
                <c:pt idx="12">
                  <c:v>11.518989999999917</c:v>
                </c:pt>
                <c:pt idx="13">
                  <c:v>10.31321000000014</c:v>
                </c:pt>
                <c:pt idx="14">
                  <c:v>9.6800349999999753</c:v>
                </c:pt>
                <c:pt idx="15">
                  <c:v>8.5862049999999499</c:v>
                </c:pt>
                <c:pt idx="16">
                  <c:v>7.3064729999999827</c:v>
                </c:pt>
                <c:pt idx="17">
                  <c:v>5.5614059999999199</c:v>
                </c:pt>
                <c:pt idx="18">
                  <c:v>5.5986080000001266</c:v>
                </c:pt>
                <c:pt idx="19">
                  <c:v>5.6136660000000802</c:v>
                </c:pt>
                <c:pt idx="20">
                  <c:v>5.9339550000000827</c:v>
                </c:pt>
                <c:pt idx="21">
                  <c:v>7.2796360000000959</c:v>
                </c:pt>
                <c:pt idx="22">
                  <c:v>7.9169319999999743</c:v>
                </c:pt>
                <c:pt idx="23">
                  <c:v>7.8031680000000279</c:v>
                </c:pt>
                <c:pt idx="24">
                  <c:v>9.720916000000102</c:v>
                </c:pt>
                <c:pt idx="25">
                  <c:v>12.212319000000093</c:v>
                </c:pt>
                <c:pt idx="26">
                  <c:v>13.904599000000076</c:v>
                </c:pt>
                <c:pt idx="27">
                  <c:v>14.068211000000133</c:v>
                </c:pt>
                <c:pt idx="28">
                  <c:v>14.257987999999955</c:v>
                </c:pt>
                <c:pt idx="29">
                  <c:v>15.767813000000046</c:v>
                </c:pt>
                <c:pt idx="30">
                  <c:v>17.724957000000018</c:v>
                </c:pt>
                <c:pt idx="31">
                  <c:v>19.094012000000134</c:v>
                </c:pt>
                <c:pt idx="32">
                  <c:v>19.611230999999975</c:v>
                </c:pt>
                <c:pt idx="33">
                  <c:v>18.133781999999997</c:v>
                </c:pt>
                <c:pt idx="34">
                  <c:v>18.092612000000031</c:v>
                </c:pt>
                <c:pt idx="35">
                  <c:v>18.264765000000011</c:v>
                </c:pt>
                <c:pt idx="36">
                  <c:v>17.162126000000058</c:v>
                </c:pt>
                <c:pt idx="37">
                  <c:v>14.859015999999997</c:v>
                </c:pt>
                <c:pt idx="38">
                  <c:v>12.616777999999954</c:v>
                </c:pt>
                <c:pt idx="39">
                  <c:v>11.75133100000005</c:v>
                </c:pt>
                <c:pt idx="40">
                  <c:v>11.36636400000009</c:v>
                </c:pt>
                <c:pt idx="41">
                  <c:v>10.186698000000092</c:v>
                </c:pt>
                <c:pt idx="42">
                  <c:v>10.678651999999943</c:v>
                </c:pt>
                <c:pt idx="43">
                  <c:v>11.21649600000012</c:v>
                </c:pt>
                <c:pt idx="44">
                  <c:v>10.587341000000038</c:v>
                </c:pt>
                <c:pt idx="45">
                  <c:v>9.4611260000000357</c:v>
                </c:pt>
                <c:pt idx="46">
                  <c:v>9.5569249999999784</c:v>
                </c:pt>
                <c:pt idx="47">
                  <c:v>10.585811999999919</c:v>
                </c:pt>
                <c:pt idx="48">
                  <c:v>12.182744999999954</c:v>
                </c:pt>
                <c:pt idx="49">
                  <c:v>13.697891000000141</c:v>
                </c:pt>
                <c:pt idx="50">
                  <c:v>13.961955000000103</c:v>
                </c:pt>
                <c:pt idx="51">
                  <c:v>14.281468000000018</c:v>
                </c:pt>
                <c:pt idx="52">
                  <c:v>16.355580000000032</c:v>
                </c:pt>
                <c:pt idx="53">
                  <c:v>18.221155000000067</c:v>
                </c:pt>
                <c:pt idx="54">
                  <c:v>18.862972000000013</c:v>
                </c:pt>
                <c:pt idx="55">
                  <c:v>20.436495000000036</c:v>
                </c:pt>
                <c:pt idx="56">
                  <c:v>20.233601000000021</c:v>
                </c:pt>
                <c:pt idx="57">
                  <c:v>20.835591000000136</c:v>
                </c:pt>
                <c:pt idx="58">
                  <c:v>21.407037999999943</c:v>
                </c:pt>
                <c:pt idx="59">
                  <c:v>20.91130099999998</c:v>
                </c:pt>
                <c:pt idx="60">
                  <c:v>20.387556000000018</c:v>
                </c:pt>
                <c:pt idx="61">
                  <c:v>18.153672000000029</c:v>
                </c:pt>
                <c:pt idx="62">
                  <c:v>15.581839000000059</c:v>
                </c:pt>
                <c:pt idx="63">
                  <c:v>13.217686000000072</c:v>
                </c:pt>
                <c:pt idx="64">
                  <c:v>11.842307000000005</c:v>
                </c:pt>
                <c:pt idx="65">
                  <c:v>10.263741000000095</c:v>
                </c:pt>
                <c:pt idx="66">
                  <c:v>9.9514120000000048</c:v>
                </c:pt>
                <c:pt idx="67">
                  <c:v>9.3189579999999523</c:v>
                </c:pt>
                <c:pt idx="68">
                  <c:v>9.2229900000000953</c:v>
                </c:pt>
                <c:pt idx="69">
                  <c:v>10.556173999999942</c:v>
                </c:pt>
                <c:pt idx="70">
                  <c:v>12.374677000000133</c:v>
                </c:pt>
                <c:pt idx="71">
                  <c:v>14.071833999999967</c:v>
                </c:pt>
                <c:pt idx="72">
                  <c:v>15.781872000000135</c:v>
                </c:pt>
                <c:pt idx="73">
                  <c:v>17.284823000000074</c:v>
                </c:pt>
                <c:pt idx="74">
                  <c:v>18.053798000000029</c:v>
                </c:pt>
                <c:pt idx="75">
                  <c:v>18.724765000000048</c:v>
                </c:pt>
                <c:pt idx="76">
                  <c:v>19.317542000000117</c:v>
                </c:pt>
                <c:pt idx="77">
                  <c:v>19.475559000000089</c:v>
                </c:pt>
                <c:pt idx="78">
                  <c:v>19.846963999999957</c:v>
                </c:pt>
                <c:pt idx="79">
                  <c:v>20.273449000000141</c:v>
                </c:pt>
                <c:pt idx="80">
                  <c:v>20.62728299999992</c:v>
                </c:pt>
                <c:pt idx="81">
                  <c:v>20.795836000000122</c:v>
                </c:pt>
                <c:pt idx="82">
                  <c:v>19.463051999999948</c:v>
                </c:pt>
                <c:pt idx="83">
                  <c:v>18.155002000000081</c:v>
                </c:pt>
                <c:pt idx="84">
                  <c:v>17.492345</c:v>
                </c:pt>
                <c:pt idx="85">
                  <c:v>17.704606000000126</c:v>
                </c:pt>
                <c:pt idx="86">
                  <c:v>18.439074000000005</c:v>
                </c:pt>
                <c:pt idx="87">
                  <c:v>18.777797999999962</c:v>
                </c:pt>
                <c:pt idx="88">
                  <c:v>19.051244999999994</c:v>
                </c:pt>
                <c:pt idx="89">
                  <c:v>19.16385600000001</c:v>
                </c:pt>
                <c:pt idx="90">
                  <c:v>18.908624000000032</c:v>
                </c:pt>
                <c:pt idx="91">
                  <c:v>19.072105000000079</c:v>
                </c:pt>
                <c:pt idx="92">
                  <c:v>17.716144000000099</c:v>
                </c:pt>
                <c:pt idx="93">
                  <c:v>15.851733999999965</c:v>
                </c:pt>
                <c:pt idx="94">
                  <c:v>15.689265999999975</c:v>
                </c:pt>
                <c:pt idx="95">
                  <c:v>15.934628999999973</c:v>
                </c:pt>
                <c:pt idx="96">
                  <c:v>15.669144999999958</c:v>
                </c:pt>
                <c:pt idx="97">
                  <c:v>15.724201000000107</c:v>
                </c:pt>
                <c:pt idx="98">
                  <c:v>17.221259000000032</c:v>
                </c:pt>
                <c:pt idx="99">
                  <c:v>19.530162000000132</c:v>
                </c:pt>
                <c:pt idx="100">
                  <c:v>21.520401000000106</c:v>
                </c:pt>
                <c:pt idx="101">
                  <c:v>23.0447190000001</c:v>
                </c:pt>
                <c:pt idx="102">
                  <c:v>23.238529999999969</c:v>
                </c:pt>
                <c:pt idx="103">
                  <c:v>23.068282999999951</c:v>
                </c:pt>
                <c:pt idx="104">
                  <c:v>23.239402999999925</c:v>
                </c:pt>
                <c:pt idx="105">
                  <c:v>23.348883000000001</c:v>
                </c:pt>
                <c:pt idx="106">
                  <c:v>23.520920000000046</c:v>
                </c:pt>
                <c:pt idx="107">
                  <c:v>22.515115000000037</c:v>
                </c:pt>
                <c:pt idx="108">
                  <c:v>20.715129000000047</c:v>
                </c:pt>
                <c:pt idx="109">
                  <c:v>18.7162790000001</c:v>
                </c:pt>
                <c:pt idx="110">
                  <c:v>17.128712999999948</c:v>
                </c:pt>
                <c:pt idx="111">
                  <c:v>17.288591999999994</c:v>
                </c:pt>
                <c:pt idx="112">
                  <c:v>17.722110000000043</c:v>
                </c:pt>
                <c:pt idx="113">
                  <c:v>17.503841999999963</c:v>
                </c:pt>
                <c:pt idx="114">
                  <c:v>17.015696000000048</c:v>
                </c:pt>
                <c:pt idx="115">
                  <c:v>15.973988000000077</c:v>
                </c:pt>
                <c:pt idx="116">
                  <c:v>16.4917650000001</c:v>
                </c:pt>
                <c:pt idx="117">
                  <c:v>17.235720000000015</c:v>
                </c:pt>
                <c:pt idx="118">
                  <c:v>17.779480000000035</c:v>
                </c:pt>
                <c:pt idx="119">
                  <c:v>16.873402000000056</c:v>
                </c:pt>
                <c:pt idx="120">
                  <c:v>15.765400000000113</c:v>
                </c:pt>
                <c:pt idx="121">
                  <c:v>16.066648999999984</c:v>
                </c:pt>
                <c:pt idx="122">
                  <c:v>18.236942999999997</c:v>
                </c:pt>
                <c:pt idx="123">
                  <c:v>18.733624999999961</c:v>
                </c:pt>
                <c:pt idx="124">
                  <c:v>18.939310000000091</c:v>
                </c:pt>
                <c:pt idx="125">
                  <c:v>19.581780999999978</c:v>
                </c:pt>
                <c:pt idx="126">
                  <c:v>21.466291999999953</c:v>
                </c:pt>
                <c:pt idx="127">
                  <c:v>23.562602999999967</c:v>
                </c:pt>
                <c:pt idx="128">
                  <c:v>23.947669000000019</c:v>
                </c:pt>
                <c:pt idx="129">
                  <c:v>23.257811000000061</c:v>
                </c:pt>
                <c:pt idx="130">
                  <c:v>23.275592999999958</c:v>
                </c:pt>
                <c:pt idx="131">
                  <c:v>23.755876999999941</c:v>
                </c:pt>
                <c:pt idx="132">
                  <c:v>23.22961399999997</c:v>
                </c:pt>
                <c:pt idx="133">
                  <c:v>21.340939000000049</c:v>
                </c:pt>
                <c:pt idx="134">
                  <c:v>20.530528000000118</c:v>
                </c:pt>
                <c:pt idx="135">
                  <c:v>18.310127999999963</c:v>
                </c:pt>
                <c:pt idx="136">
                  <c:v>16.089017000000126</c:v>
                </c:pt>
                <c:pt idx="137">
                  <c:v>15.025300000000129</c:v>
                </c:pt>
                <c:pt idx="138">
                  <c:v>13.931341999999972</c:v>
                </c:pt>
                <c:pt idx="139">
                  <c:v>11.755666000000133</c:v>
                </c:pt>
                <c:pt idx="140">
                  <c:v>11.556633999999917</c:v>
                </c:pt>
                <c:pt idx="141">
                  <c:v>10.67659900000001</c:v>
                </c:pt>
                <c:pt idx="142">
                  <c:v>10.767699999999991</c:v>
                </c:pt>
                <c:pt idx="143">
                  <c:v>12.809949000000074</c:v>
                </c:pt>
                <c:pt idx="144">
                  <c:v>14.848166999999989</c:v>
                </c:pt>
                <c:pt idx="145">
                  <c:v>16.502493999999956</c:v>
                </c:pt>
                <c:pt idx="146">
                  <c:v>17.874161999999956</c:v>
                </c:pt>
                <c:pt idx="147">
                  <c:v>19.074122000000102</c:v>
                </c:pt>
                <c:pt idx="148">
                  <c:v>20.156593000000044</c:v>
                </c:pt>
                <c:pt idx="149">
                  <c:v>20.85841599999992</c:v>
                </c:pt>
                <c:pt idx="150">
                  <c:v>19.793579000000022</c:v>
                </c:pt>
                <c:pt idx="151">
                  <c:v>19.954510000000141</c:v>
                </c:pt>
                <c:pt idx="152">
                  <c:v>21.544316999999978</c:v>
                </c:pt>
                <c:pt idx="153">
                  <c:v>22.415059999999926</c:v>
                </c:pt>
                <c:pt idx="154">
                  <c:v>22.94114500000012</c:v>
                </c:pt>
                <c:pt idx="155">
                  <c:v>23.465141000000017</c:v>
                </c:pt>
                <c:pt idx="156">
                  <c:v>22.819646999999918</c:v>
                </c:pt>
                <c:pt idx="157">
                  <c:v>21.561489000000051</c:v>
                </c:pt>
                <c:pt idx="158">
                  <c:v>20.245551999999975</c:v>
                </c:pt>
                <c:pt idx="159">
                  <c:v>18.957874999999945</c:v>
                </c:pt>
                <c:pt idx="160">
                  <c:v>17.800567999999998</c:v>
                </c:pt>
                <c:pt idx="161">
                  <c:v>16.688117999999918</c:v>
                </c:pt>
                <c:pt idx="162">
                  <c:v>15.535122999999999</c:v>
                </c:pt>
                <c:pt idx="163">
                  <c:v>14.693922000000043</c:v>
                </c:pt>
                <c:pt idx="164">
                  <c:v>14.127045000000066</c:v>
                </c:pt>
                <c:pt idx="165">
                  <c:v>13.637252000000103</c:v>
                </c:pt>
                <c:pt idx="166">
                  <c:v>13.796582000000058</c:v>
                </c:pt>
                <c:pt idx="167">
                  <c:v>13.847280999999953</c:v>
                </c:pt>
                <c:pt idx="168">
                  <c:v>14.267856000000052</c:v>
                </c:pt>
                <c:pt idx="169">
                  <c:v>14.818826999999942</c:v>
                </c:pt>
                <c:pt idx="170">
                  <c:v>15.359919000000104</c:v>
                </c:pt>
                <c:pt idx="171">
                  <c:v>15.775537000000099</c:v>
                </c:pt>
                <c:pt idx="172">
                  <c:v>16.638086000000044</c:v>
                </c:pt>
                <c:pt idx="173">
                  <c:v>17.402801999999951</c:v>
                </c:pt>
                <c:pt idx="174">
                  <c:v>17.679776999999945</c:v>
                </c:pt>
                <c:pt idx="175">
                  <c:v>17.845975999999951</c:v>
                </c:pt>
                <c:pt idx="176">
                  <c:v>18.21333600000014</c:v>
                </c:pt>
                <c:pt idx="177">
                  <c:v>18.331318000000124</c:v>
                </c:pt>
                <c:pt idx="178">
                  <c:v>18.207127000000014</c:v>
                </c:pt>
                <c:pt idx="179">
                  <c:v>17.719492999999943</c:v>
                </c:pt>
                <c:pt idx="180">
                  <c:v>17.657117999999969</c:v>
                </c:pt>
                <c:pt idx="181">
                  <c:v>17.601655000000051</c:v>
                </c:pt>
                <c:pt idx="182">
                  <c:v>17.374859000000129</c:v>
                </c:pt>
                <c:pt idx="183">
                  <c:v>17.048026999999934</c:v>
                </c:pt>
                <c:pt idx="184">
                  <c:v>16.802172999999925</c:v>
                </c:pt>
                <c:pt idx="185">
                  <c:v>16.196352999999931</c:v>
                </c:pt>
                <c:pt idx="186">
                  <c:v>15.901545999999939</c:v>
                </c:pt>
                <c:pt idx="187">
                  <c:v>15.740022000000067</c:v>
                </c:pt>
                <c:pt idx="188">
                  <c:v>15.827303000000143</c:v>
                </c:pt>
                <c:pt idx="189">
                  <c:v>16.013017000000104</c:v>
                </c:pt>
                <c:pt idx="190">
                  <c:v>15.855977000000053</c:v>
                </c:pt>
                <c:pt idx="191">
                  <c:v>15.870160000000055</c:v>
                </c:pt>
                <c:pt idx="192">
                  <c:v>16.01104799999996</c:v>
                </c:pt>
                <c:pt idx="193">
                  <c:v>16.229345999999964</c:v>
                </c:pt>
                <c:pt idx="194">
                  <c:v>17.114644000000112</c:v>
                </c:pt>
                <c:pt idx="195">
                  <c:v>17.334271000000058</c:v>
                </c:pt>
                <c:pt idx="196">
                  <c:v>17.291205999999988</c:v>
                </c:pt>
                <c:pt idx="197">
                  <c:v>17.309123999999997</c:v>
                </c:pt>
                <c:pt idx="198">
                  <c:v>18.03174300000012</c:v>
                </c:pt>
                <c:pt idx="199">
                  <c:v>18.794463999999948</c:v>
                </c:pt>
                <c:pt idx="200">
                  <c:v>18.957471000000055</c:v>
                </c:pt>
                <c:pt idx="201">
                  <c:v>18.969586999999933</c:v>
                </c:pt>
                <c:pt idx="202">
                  <c:v>19.245874999999955</c:v>
                </c:pt>
                <c:pt idx="203">
                  <c:v>19.327049000000102</c:v>
                </c:pt>
                <c:pt idx="204">
                  <c:v>18.705332999999996</c:v>
                </c:pt>
                <c:pt idx="205">
                  <c:v>18.230439000000047</c:v>
                </c:pt>
                <c:pt idx="206">
                  <c:v>18.075331000000119</c:v>
                </c:pt>
                <c:pt idx="207">
                  <c:v>17.832353000000126</c:v>
                </c:pt>
                <c:pt idx="208">
                  <c:v>17.842547000000081</c:v>
                </c:pt>
                <c:pt idx="209">
                  <c:v>17.272198000000003</c:v>
                </c:pt>
                <c:pt idx="210">
                  <c:v>16.673108999999954</c:v>
                </c:pt>
                <c:pt idx="211">
                  <c:v>16.200142000000028</c:v>
                </c:pt>
                <c:pt idx="212">
                  <c:v>16.018120000000067</c:v>
                </c:pt>
                <c:pt idx="213">
                  <c:v>16.387974999999983</c:v>
                </c:pt>
                <c:pt idx="214">
                  <c:v>17.147538000000054</c:v>
                </c:pt>
                <c:pt idx="215">
                  <c:v>18.162239999999997</c:v>
                </c:pt>
                <c:pt idx="216">
                  <c:v>19.368198000000007</c:v>
                </c:pt>
                <c:pt idx="217">
                  <c:v>20.262385000000108</c:v>
                </c:pt>
                <c:pt idx="218">
                  <c:v>20.86371900000006</c:v>
                </c:pt>
                <c:pt idx="219">
                  <c:v>21.553371000000084</c:v>
                </c:pt>
                <c:pt idx="220">
                  <c:v>21.784117999999921</c:v>
                </c:pt>
                <c:pt idx="221">
                  <c:v>21.596971999999937</c:v>
                </c:pt>
                <c:pt idx="222">
                  <c:v>21.184299000000124</c:v>
                </c:pt>
                <c:pt idx="223">
                  <c:v>20.845873000000097</c:v>
                </c:pt>
                <c:pt idx="224">
                  <c:v>20.580927999999972</c:v>
                </c:pt>
                <c:pt idx="225">
                  <c:v>20.204499000000055</c:v>
                </c:pt>
                <c:pt idx="226">
                  <c:v>20.088428000000135</c:v>
                </c:pt>
                <c:pt idx="227">
                  <c:v>19.783438000000046</c:v>
                </c:pt>
                <c:pt idx="228">
                  <c:v>19.543606999999952</c:v>
                </c:pt>
                <c:pt idx="229">
                  <c:v>19.463366999999948</c:v>
                </c:pt>
                <c:pt idx="230">
                  <c:v>19.547999000000004</c:v>
                </c:pt>
                <c:pt idx="231">
                  <c:v>19.783142999999995</c:v>
                </c:pt>
                <c:pt idx="232">
                  <c:v>19.914446000000112</c:v>
                </c:pt>
                <c:pt idx="233">
                  <c:v>20.020241000000055</c:v>
                </c:pt>
                <c:pt idx="234">
                  <c:v>19.885057000000074</c:v>
                </c:pt>
                <c:pt idx="235">
                  <c:v>19.976504000000091</c:v>
                </c:pt>
                <c:pt idx="236">
                  <c:v>20.199897000000078</c:v>
                </c:pt>
                <c:pt idx="237">
                  <c:v>20.30125200000009</c:v>
                </c:pt>
                <c:pt idx="238">
                  <c:v>20.323034000000121</c:v>
                </c:pt>
                <c:pt idx="239">
                  <c:v>20.905712999999992</c:v>
                </c:pt>
                <c:pt idx="240">
                  <c:v>21.077687000000083</c:v>
                </c:pt>
                <c:pt idx="241">
                  <c:v>20.715084999999931</c:v>
                </c:pt>
                <c:pt idx="242">
                  <c:v>20.239730000000122</c:v>
                </c:pt>
                <c:pt idx="243">
                  <c:v>19.715140000000133</c:v>
                </c:pt>
                <c:pt idx="244">
                  <c:v>19.475939999999923</c:v>
                </c:pt>
                <c:pt idx="245">
                  <c:v>19.163476999999943</c:v>
                </c:pt>
                <c:pt idx="246">
                  <c:v>18.904100000000085</c:v>
                </c:pt>
                <c:pt idx="247">
                  <c:v>18.174329000000057</c:v>
                </c:pt>
                <c:pt idx="248">
                  <c:v>18.278742000000079</c:v>
                </c:pt>
                <c:pt idx="249">
                  <c:v>19.199385000000007</c:v>
                </c:pt>
                <c:pt idx="250">
                  <c:v>20.405624000000103</c:v>
                </c:pt>
                <c:pt idx="251">
                  <c:v>21.57297200000005</c:v>
                </c:pt>
                <c:pt idx="252">
                  <c:v>22.302559999999971</c:v>
                </c:pt>
                <c:pt idx="253">
                  <c:v>22.471671000000129</c:v>
                </c:pt>
                <c:pt idx="254">
                  <c:v>23.034590999999978</c:v>
                </c:pt>
                <c:pt idx="255">
                  <c:v>23.890729000000078</c:v>
                </c:pt>
                <c:pt idx="256">
                  <c:v>24.64912199999992</c:v>
                </c:pt>
                <c:pt idx="257">
                  <c:v>25.045668999999975</c:v>
                </c:pt>
                <c:pt idx="258">
                  <c:v>25.195389000000091</c:v>
                </c:pt>
                <c:pt idx="259">
                  <c:v>25.190300000000093</c:v>
                </c:pt>
                <c:pt idx="260">
                  <c:v>24.624167000000057</c:v>
                </c:pt>
                <c:pt idx="261">
                  <c:v>23.568585999999982</c:v>
                </c:pt>
                <c:pt idx="262">
                  <c:v>22.387356999999952</c:v>
                </c:pt>
                <c:pt idx="263">
                  <c:v>21.630522999999926</c:v>
                </c:pt>
                <c:pt idx="264">
                  <c:v>20.802986000000033</c:v>
                </c:pt>
                <c:pt idx="265">
                  <c:v>20.10355600000014</c:v>
                </c:pt>
                <c:pt idx="266">
                  <c:v>19.15790800000002</c:v>
                </c:pt>
                <c:pt idx="267">
                  <c:v>18.772581000000059</c:v>
                </c:pt>
                <c:pt idx="268">
                  <c:v>18.885057999999958</c:v>
                </c:pt>
                <c:pt idx="269">
                  <c:v>18.80371700000012</c:v>
                </c:pt>
                <c:pt idx="270">
                  <c:v>19.179146999999944</c:v>
                </c:pt>
                <c:pt idx="271">
                  <c:v>20.009873000000084</c:v>
                </c:pt>
                <c:pt idx="272">
                  <c:v>20.913695000000075</c:v>
                </c:pt>
                <c:pt idx="273">
                  <c:v>21.407545000000141</c:v>
                </c:pt>
                <c:pt idx="274">
                  <c:v>21.948040000000105</c:v>
                </c:pt>
                <c:pt idx="275">
                  <c:v>22.174818999999957</c:v>
                </c:pt>
                <c:pt idx="276">
                  <c:v>22.380784000000062</c:v>
                </c:pt>
                <c:pt idx="277">
                  <c:v>22.220928999999956</c:v>
                </c:pt>
                <c:pt idx="278">
                  <c:v>21.889420000000086</c:v>
                </c:pt>
                <c:pt idx="279">
                  <c:v>21.614664000000062</c:v>
                </c:pt>
                <c:pt idx="280">
                  <c:v>21.641905999999949</c:v>
                </c:pt>
                <c:pt idx="281">
                  <c:v>21.429917000000046</c:v>
                </c:pt>
                <c:pt idx="282">
                  <c:v>21.269053000000099</c:v>
                </c:pt>
                <c:pt idx="283">
                  <c:v>21.279640000000086</c:v>
                </c:pt>
                <c:pt idx="284">
                  <c:v>21.205546000000027</c:v>
                </c:pt>
                <c:pt idx="285">
                  <c:v>20.97855600000014</c:v>
                </c:pt>
                <c:pt idx="286">
                  <c:v>20.759578000000033</c:v>
                </c:pt>
                <c:pt idx="287">
                  <c:v>20.785633999999959</c:v>
                </c:pt>
                <c:pt idx="288">
                  <c:v>20.756300000000124</c:v>
                </c:pt>
                <c:pt idx="289">
                  <c:v>20.745657999999935</c:v>
                </c:pt>
                <c:pt idx="290">
                  <c:v>20.579996000000051</c:v>
                </c:pt>
                <c:pt idx="291">
                  <c:v>20.670517000000132</c:v>
                </c:pt>
                <c:pt idx="292">
                  <c:v>20.806316999999922</c:v>
                </c:pt>
                <c:pt idx="293">
                  <c:v>20.742836000000011</c:v>
                </c:pt>
                <c:pt idx="294">
                  <c:v>21.105494000000022</c:v>
                </c:pt>
                <c:pt idx="295">
                  <c:v>21.768783000000099</c:v>
                </c:pt>
                <c:pt idx="296">
                  <c:v>22.213045999999963</c:v>
                </c:pt>
                <c:pt idx="297">
                  <c:v>22.532882000000086</c:v>
                </c:pt>
                <c:pt idx="298">
                  <c:v>23.228408000000059</c:v>
                </c:pt>
                <c:pt idx="299">
                  <c:v>23.994358999999918</c:v>
                </c:pt>
                <c:pt idx="300">
                  <c:v>24.593230999999946</c:v>
                </c:pt>
                <c:pt idx="301">
                  <c:v>24.768157999999971</c:v>
                </c:pt>
                <c:pt idx="302">
                  <c:v>24.659946999999988</c:v>
                </c:pt>
                <c:pt idx="303">
                  <c:v>24.600356000000033</c:v>
                </c:pt>
                <c:pt idx="304">
                  <c:v>24.821878999999967</c:v>
                </c:pt>
                <c:pt idx="305">
                  <c:v>24.817137000000116</c:v>
                </c:pt>
                <c:pt idx="306">
                  <c:v>23.823042999999984</c:v>
                </c:pt>
                <c:pt idx="307">
                  <c:v>22.439545000000066</c:v>
                </c:pt>
                <c:pt idx="308">
                  <c:v>21.221779000000083</c:v>
                </c:pt>
                <c:pt idx="309">
                  <c:v>20.173695000000066</c:v>
                </c:pt>
                <c:pt idx="310">
                  <c:v>19.484882999999968</c:v>
                </c:pt>
                <c:pt idx="311">
                  <c:v>19.400193000000058</c:v>
                </c:pt>
                <c:pt idx="312">
                  <c:v>19.812749999999937</c:v>
                </c:pt>
                <c:pt idx="313">
                  <c:v>20.629027999999948</c:v>
                </c:pt>
                <c:pt idx="314">
                  <c:v>21.374077000000057</c:v>
                </c:pt>
                <c:pt idx="315">
                  <c:v>22.056793999999968</c:v>
                </c:pt>
                <c:pt idx="316">
                  <c:v>22.873944999999935</c:v>
                </c:pt>
                <c:pt idx="317">
                  <c:v>23.508936999999946</c:v>
                </c:pt>
                <c:pt idx="318">
                  <c:v>24.241509000000065</c:v>
                </c:pt>
                <c:pt idx="319">
                  <c:v>24.852862999999957</c:v>
                </c:pt>
                <c:pt idx="320">
                  <c:v>25.046525000000088</c:v>
                </c:pt>
                <c:pt idx="321">
                  <c:v>25.42630900000006</c:v>
                </c:pt>
                <c:pt idx="322">
                  <c:v>25.429312000000095</c:v>
                </c:pt>
                <c:pt idx="323">
                  <c:v>24.947901000000115</c:v>
                </c:pt>
                <c:pt idx="324">
                  <c:v>24.48975699999994</c:v>
                </c:pt>
                <c:pt idx="325">
                  <c:v>23.920400000000086</c:v>
                </c:pt>
                <c:pt idx="326">
                  <c:v>23.338632999999959</c:v>
                </c:pt>
                <c:pt idx="327">
                  <c:v>22.798710000000142</c:v>
                </c:pt>
                <c:pt idx="328">
                  <c:v>22.29195500000003</c:v>
                </c:pt>
                <c:pt idx="329">
                  <c:v>21.951329999999984</c:v>
                </c:pt>
                <c:pt idx="330">
                  <c:v>21.474199999999996</c:v>
                </c:pt>
                <c:pt idx="331">
                  <c:v>21.390933000000018</c:v>
                </c:pt>
                <c:pt idx="332">
                  <c:v>21.786584999999945</c:v>
                </c:pt>
                <c:pt idx="333">
                  <c:v>22.392116000000101</c:v>
                </c:pt>
                <c:pt idx="334">
                  <c:v>22.689418000000046</c:v>
                </c:pt>
                <c:pt idx="335">
                  <c:v>22.665847999999983</c:v>
                </c:pt>
                <c:pt idx="336">
                  <c:v>22.381392000000119</c:v>
                </c:pt>
                <c:pt idx="337">
                  <c:v>22.348908000000051</c:v>
                </c:pt>
                <c:pt idx="338">
                  <c:v>22.430647000000022</c:v>
                </c:pt>
                <c:pt idx="339">
                  <c:v>23.164828000000057</c:v>
                </c:pt>
                <c:pt idx="340">
                  <c:v>23.773176999999919</c:v>
                </c:pt>
                <c:pt idx="341">
                  <c:v>24.097517999999923</c:v>
                </c:pt>
                <c:pt idx="342">
                  <c:v>24.323723000000086</c:v>
                </c:pt>
                <c:pt idx="343">
                  <c:v>24.542737000000102</c:v>
                </c:pt>
                <c:pt idx="344">
                  <c:v>23.938866000000075</c:v>
                </c:pt>
                <c:pt idx="345">
                  <c:v>23.078980999999999</c:v>
                </c:pt>
                <c:pt idx="346">
                  <c:v>22.550743000000125</c:v>
                </c:pt>
                <c:pt idx="347">
                  <c:v>21.484735999999998</c:v>
                </c:pt>
                <c:pt idx="348">
                  <c:v>20.228081000000088</c:v>
                </c:pt>
                <c:pt idx="349">
                  <c:v>18.924184999999966</c:v>
                </c:pt>
                <c:pt idx="350">
                  <c:v>18.245375000000081</c:v>
                </c:pt>
                <c:pt idx="351">
                  <c:v>17.704951999999935</c:v>
                </c:pt>
                <c:pt idx="352">
                  <c:v>17.559255000000007</c:v>
                </c:pt>
                <c:pt idx="353">
                  <c:v>17.392551000000026</c:v>
                </c:pt>
                <c:pt idx="354">
                  <c:v>17.580814999999916</c:v>
                </c:pt>
                <c:pt idx="355">
                  <c:v>18.382480000000101</c:v>
                </c:pt>
                <c:pt idx="356">
                  <c:v>19.420093999999949</c:v>
                </c:pt>
                <c:pt idx="357">
                  <c:v>20.755461999999966</c:v>
                </c:pt>
                <c:pt idx="358">
                  <c:v>22.259707000000049</c:v>
                </c:pt>
                <c:pt idx="359">
                  <c:v>23.745950999999991</c:v>
                </c:pt>
                <c:pt idx="360">
                  <c:v>24.887446999999952</c:v>
                </c:pt>
                <c:pt idx="361">
                  <c:v>25.674779000000058</c:v>
                </c:pt>
                <c:pt idx="362">
                  <c:v>26.24565599999994</c:v>
                </c:pt>
                <c:pt idx="363">
                  <c:v>26.621643000000063</c:v>
                </c:pt>
                <c:pt idx="364">
                  <c:v>26.53800200000012</c:v>
                </c:pt>
                <c:pt idx="365">
                  <c:v>26.087575000000129</c:v>
                </c:pt>
                <c:pt idx="366">
                  <c:v>25.139704000000052</c:v>
                </c:pt>
                <c:pt idx="367">
                  <c:v>24.163376000000085</c:v>
                </c:pt>
                <c:pt idx="368">
                  <c:v>23.648005000000126</c:v>
                </c:pt>
                <c:pt idx="369">
                  <c:v>22.657770000000141</c:v>
                </c:pt>
                <c:pt idx="370">
                  <c:v>21.364453000000026</c:v>
                </c:pt>
                <c:pt idx="371">
                  <c:v>20.357350999999994</c:v>
                </c:pt>
                <c:pt idx="372">
                  <c:v>19.934959999999933</c:v>
                </c:pt>
                <c:pt idx="373">
                  <c:v>19.565973999999983</c:v>
                </c:pt>
                <c:pt idx="374">
                  <c:v>19.147935000000075</c:v>
                </c:pt>
                <c:pt idx="375">
                  <c:v>18.83026899999993</c:v>
                </c:pt>
                <c:pt idx="376">
                  <c:v>19.194254999999998</c:v>
                </c:pt>
                <c:pt idx="377">
                  <c:v>19.882232000000045</c:v>
                </c:pt>
                <c:pt idx="378">
                  <c:v>20.646493000000078</c:v>
                </c:pt>
                <c:pt idx="379">
                  <c:v>21.564725999999951</c:v>
                </c:pt>
                <c:pt idx="380">
                  <c:v>22.728705000000105</c:v>
                </c:pt>
                <c:pt idx="381">
                  <c:v>23.823191999999949</c:v>
                </c:pt>
                <c:pt idx="382">
                  <c:v>24.594357000000059</c:v>
                </c:pt>
                <c:pt idx="383">
                  <c:v>24.984029000000078</c:v>
                </c:pt>
                <c:pt idx="384">
                  <c:v>25.423331000000076</c:v>
                </c:pt>
                <c:pt idx="385">
                  <c:v>25.955276000000026</c:v>
                </c:pt>
                <c:pt idx="386">
                  <c:v>26.440922999999998</c:v>
                </c:pt>
                <c:pt idx="387">
                  <c:v>26.116865000000075</c:v>
                </c:pt>
                <c:pt idx="388">
                  <c:v>25.58308999999997</c:v>
                </c:pt>
                <c:pt idx="389">
                  <c:v>25.322303999999917</c:v>
                </c:pt>
                <c:pt idx="390">
                  <c:v>25.239946000000032</c:v>
                </c:pt>
                <c:pt idx="391">
                  <c:v>24.658698999999956</c:v>
                </c:pt>
                <c:pt idx="392">
                  <c:v>23.477346000000011</c:v>
                </c:pt>
                <c:pt idx="393">
                  <c:v>22.199866999999927</c:v>
                </c:pt>
                <c:pt idx="394">
                  <c:v>21.362776000000054</c:v>
                </c:pt>
                <c:pt idx="395">
                  <c:v>20.56327900000008</c:v>
                </c:pt>
                <c:pt idx="396">
                  <c:v>19.687667000000033</c:v>
                </c:pt>
                <c:pt idx="397">
                  <c:v>18.494600000000105</c:v>
                </c:pt>
                <c:pt idx="398">
                  <c:v>18.153920999999968</c:v>
                </c:pt>
                <c:pt idx="399">
                  <c:v>18.316124999999943</c:v>
                </c:pt>
                <c:pt idx="400">
                  <c:v>18.404965999999945</c:v>
                </c:pt>
                <c:pt idx="401">
                  <c:v>18.424959999999942</c:v>
                </c:pt>
                <c:pt idx="402">
                  <c:v>18.656607000000008</c:v>
                </c:pt>
                <c:pt idx="403">
                  <c:v>19.48588600000005</c:v>
                </c:pt>
                <c:pt idx="404">
                  <c:v>20.507480000000101</c:v>
                </c:pt>
                <c:pt idx="405">
                  <c:v>21.250429000000054</c:v>
                </c:pt>
                <c:pt idx="406">
                  <c:v>22.151441000000091</c:v>
                </c:pt>
                <c:pt idx="407">
                  <c:v>22.748725000000036</c:v>
                </c:pt>
                <c:pt idx="408">
                  <c:v>23.473403000000076</c:v>
                </c:pt>
                <c:pt idx="409">
                  <c:v>23.361790999999926</c:v>
                </c:pt>
                <c:pt idx="410">
                  <c:v>23.219924000000105</c:v>
                </c:pt>
                <c:pt idx="411">
                  <c:v>23.305239000000142</c:v>
                </c:pt>
                <c:pt idx="412">
                  <c:v>22.84597999999994</c:v>
                </c:pt>
                <c:pt idx="413">
                  <c:v>21.590340999999967</c:v>
                </c:pt>
                <c:pt idx="414">
                  <c:v>20.121353999999997</c:v>
                </c:pt>
                <c:pt idx="415">
                  <c:v>18.55076100000008</c:v>
                </c:pt>
                <c:pt idx="416">
                  <c:v>16.865106000000083</c:v>
                </c:pt>
                <c:pt idx="417">
                  <c:v>14.885372999999959</c:v>
                </c:pt>
                <c:pt idx="418">
                  <c:v>12.729333999999994</c:v>
                </c:pt>
                <c:pt idx="419">
                  <c:v>10.77667099999996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365-485C-9233-09276F186FC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ulti-150-15s(7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Multi-150-15s(7)'!$D$3:$D$423</c:f>
              <c:numCache>
                <c:formatCode>General</c:formatCode>
                <c:ptCount val="421"/>
                <c:pt idx="0">
                  <c:v>5.0049999999997041E-3</c:v>
                </c:pt>
                <c:pt idx="1">
                  <c:v>1.0010000000000296E-2</c:v>
                </c:pt>
                <c:pt idx="2">
                  <c:v>1.5013999999999861E-2</c:v>
                </c:pt>
                <c:pt idx="3">
                  <c:v>2.0018999999999565E-2</c:v>
                </c:pt>
                <c:pt idx="4">
                  <c:v>2.5024000000000157E-2</c:v>
                </c:pt>
                <c:pt idx="5">
                  <c:v>3.0028999999999861E-2</c:v>
                </c:pt>
                <c:pt idx="6">
                  <c:v>3.5033999999999565E-2</c:v>
                </c:pt>
                <c:pt idx="7">
                  <c:v>4.0038000000000018E-2</c:v>
                </c:pt>
                <c:pt idx="8">
                  <c:v>4.5042999999999722E-2</c:v>
                </c:pt>
                <c:pt idx="9">
                  <c:v>5.0048000000000314E-2</c:v>
                </c:pt>
                <c:pt idx="10">
                  <c:v>5.5053000000000019E-2</c:v>
                </c:pt>
                <c:pt idx="11">
                  <c:v>6.0057999999999723E-2</c:v>
                </c:pt>
                <c:pt idx="12">
                  <c:v>6.5062000000000175E-2</c:v>
                </c:pt>
                <c:pt idx="13">
                  <c:v>7.0066999999999879E-2</c:v>
                </c:pt>
                <c:pt idx="14">
                  <c:v>7.5071999999999584E-2</c:v>
                </c:pt>
                <c:pt idx="15">
                  <c:v>8.0077000000000176E-2</c:v>
                </c:pt>
                <c:pt idx="16">
                  <c:v>8.508199999999988E-2</c:v>
                </c:pt>
                <c:pt idx="17">
                  <c:v>9.0086000000000332E-2</c:v>
                </c:pt>
                <c:pt idx="18">
                  <c:v>9.5091000000000037E-2</c:v>
                </c:pt>
                <c:pt idx="19">
                  <c:v>0.10009599999999974</c:v>
                </c:pt>
                <c:pt idx="20">
                  <c:v>0.10510100000000033</c:v>
                </c:pt>
                <c:pt idx="21">
                  <c:v>0.11010600000000004</c:v>
                </c:pt>
                <c:pt idx="22">
                  <c:v>0.1151099999999996</c:v>
                </c:pt>
                <c:pt idx="23">
                  <c:v>0.12011500000000019</c:v>
                </c:pt>
                <c:pt idx="24">
                  <c:v>0.1251199999999999</c:v>
                </c:pt>
                <c:pt idx="25">
                  <c:v>0.1301249999999996</c:v>
                </c:pt>
                <c:pt idx="26">
                  <c:v>0.13513000000000019</c:v>
                </c:pt>
                <c:pt idx="27">
                  <c:v>0.14013399999999976</c:v>
                </c:pt>
                <c:pt idx="28">
                  <c:v>0.14513900000000035</c:v>
                </c:pt>
                <c:pt idx="29">
                  <c:v>0.15014400000000006</c:v>
                </c:pt>
                <c:pt idx="30">
                  <c:v>0.15514899999999976</c:v>
                </c:pt>
                <c:pt idx="31">
                  <c:v>0.16015400000000035</c:v>
                </c:pt>
                <c:pt idx="32">
                  <c:v>0.16515799999999992</c:v>
                </c:pt>
                <c:pt idx="33">
                  <c:v>0.17016299999999962</c:v>
                </c:pt>
                <c:pt idx="34">
                  <c:v>0.17516800000000021</c:v>
                </c:pt>
                <c:pt idx="35">
                  <c:v>0.18017299999999992</c:v>
                </c:pt>
                <c:pt idx="36">
                  <c:v>0.18517799999999962</c:v>
                </c:pt>
                <c:pt idx="37">
                  <c:v>0.19018200000000007</c:v>
                </c:pt>
                <c:pt idx="38">
                  <c:v>0.19518699999999978</c:v>
                </c:pt>
                <c:pt idx="39">
                  <c:v>0.20019200000000037</c:v>
                </c:pt>
                <c:pt idx="40">
                  <c:v>0.20519699999999919</c:v>
                </c:pt>
                <c:pt idx="41">
                  <c:v>0.21020199999999978</c:v>
                </c:pt>
                <c:pt idx="42">
                  <c:v>0.21520599999999934</c:v>
                </c:pt>
                <c:pt idx="43">
                  <c:v>0.22021099999999993</c:v>
                </c:pt>
                <c:pt idx="44">
                  <c:v>0.22521600000000053</c:v>
                </c:pt>
                <c:pt idx="45">
                  <c:v>0.23022099999999934</c:v>
                </c:pt>
                <c:pt idx="46">
                  <c:v>0.23522599999999994</c:v>
                </c:pt>
                <c:pt idx="47">
                  <c:v>0.2402299999999995</c:v>
                </c:pt>
                <c:pt idx="48">
                  <c:v>0.24523500000000009</c:v>
                </c:pt>
                <c:pt idx="49">
                  <c:v>0.25024000000000068</c:v>
                </c:pt>
                <c:pt idx="50">
                  <c:v>0.2552449999999995</c:v>
                </c:pt>
                <c:pt idx="51">
                  <c:v>0.26025000000000009</c:v>
                </c:pt>
                <c:pt idx="52">
                  <c:v>0.26525399999999966</c:v>
                </c:pt>
                <c:pt idx="53">
                  <c:v>0.27025900000000025</c:v>
                </c:pt>
                <c:pt idx="54">
                  <c:v>0.27526400000000084</c:v>
                </c:pt>
                <c:pt idx="55">
                  <c:v>0.28026899999999966</c:v>
                </c:pt>
                <c:pt idx="56">
                  <c:v>0.28527400000000025</c:v>
                </c:pt>
                <c:pt idx="57">
                  <c:v>0.29027799999999981</c:v>
                </c:pt>
                <c:pt idx="58">
                  <c:v>0.29528300000000041</c:v>
                </c:pt>
                <c:pt idx="59">
                  <c:v>0.30028799999999922</c:v>
                </c:pt>
                <c:pt idx="60">
                  <c:v>0.30529299999999981</c:v>
                </c:pt>
                <c:pt idx="61">
                  <c:v>0.31029800000000041</c:v>
                </c:pt>
                <c:pt idx="62">
                  <c:v>0.31530199999999997</c:v>
                </c:pt>
                <c:pt idx="63">
                  <c:v>0.32030700000000056</c:v>
                </c:pt>
                <c:pt idx="64">
                  <c:v>0.32531199999999938</c:v>
                </c:pt>
                <c:pt idx="65">
                  <c:v>0.33031699999999997</c:v>
                </c:pt>
                <c:pt idx="66">
                  <c:v>0.33532200000000056</c:v>
                </c:pt>
                <c:pt idx="67">
                  <c:v>0.34032600000000013</c:v>
                </c:pt>
                <c:pt idx="68">
                  <c:v>0.34533100000000072</c:v>
                </c:pt>
                <c:pt idx="69">
                  <c:v>0.35033599999999954</c:v>
                </c:pt>
                <c:pt idx="70">
                  <c:v>0.35534100000000013</c:v>
                </c:pt>
                <c:pt idx="71">
                  <c:v>0.36034600000000072</c:v>
                </c:pt>
                <c:pt idx="72">
                  <c:v>0.36535000000000029</c:v>
                </c:pt>
                <c:pt idx="73">
                  <c:v>0.3703549999999991</c:v>
                </c:pt>
                <c:pt idx="74">
                  <c:v>0.37535999999999969</c:v>
                </c:pt>
                <c:pt idx="75">
                  <c:v>0.38036500000000029</c:v>
                </c:pt>
                <c:pt idx="76">
                  <c:v>0.3853699999999991</c:v>
                </c:pt>
                <c:pt idx="77">
                  <c:v>0.39037400000000044</c:v>
                </c:pt>
                <c:pt idx="78">
                  <c:v>0.39537899999999926</c:v>
                </c:pt>
                <c:pt idx="79">
                  <c:v>0.40038399999999985</c:v>
                </c:pt>
                <c:pt idx="80">
                  <c:v>0.40538900000000044</c:v>
                </c:pt>
                <c:pt idx="81">
                  <c:v>0.41039399999999926</c:v>
                </c:pt>
                <c:pt idx="82">
                  <c:v>0.4153980000000006</c:v>
                </c:pt>
                <c:pt idx="83">
                  <c:v>0.42040299999999942</c:v>
                </c:pt>
                <c:pt idx="84">
                  <c:v>0.42540800000000001</c:v>
                </c:pt>
                <c:pt idx="85">
                  <c:v>0.4304130000000006</c:v>
                </c:pt>
                <c:pt idx="86">
                  <c:v>0.43541799999999942</c:v>
                </c:pt>
                <c:pt idx="87">
                  <c:v>0.44042200000000076</c:v>
                </c:pt>
                <c:pt idx="88">
                  <c:v>0.44542699999999957</c:v>
                </c:pt>
                <c:pt idx="89">
                  <c:v>0.45043200000000017</c:v>
                </c:pt>
                <c:pt idx="90">
                  <c:v>0.45543700000000076</c:v>
                </c:pt>
                <c:pt idx="91">
                  <c:v>0.46044199999999957</c:v>
                </c:pt>
                <c:pt idx="92">
                  <c:v>0.46544599999999914</c:v>
                </c:pt>
                <c:pt idx="93">
                  <c:v>0.47045099999999973</c:v>
                </c:pt>
                <c:pt idx="94">
                  <c:v>0.47545600000000032</c:v>
                </c:pt>
                <c:pt idx="95">
                  <c:v>0.48046099999999914</c:v>
                </c:pt>
                <c:pt idx="96">
                  <c:v>0.48546599999999973</c:v>
                </c:pt>
                <c:pt idx="97">
                  <c:v>0.4904699999999993</c:v>
                </c:pt>
                <c:pt idx="98">
                  <c:v>0.49547499999999989</c:v>
                </c:pt>
                <c:pt idx="99">
                  <c:v>0.50048000000000048</c:v>
                </c:pt>
                <c:pt idx="100">
                  <c:v>0.5054849999999993</c:v>
                </c:pt>
                <c:pt idx="101">
                  <c:v>0.51048999999999989</c:v>
                </c:pt>
                <c:pt idx="102">
                  <c:v>0.51549399999999945</c:v>
                </c:pt>
                <c:pt idx="103">
                  <c:v>0.52049900000000004</c:v>
                </c:pt>
                <c:pt idx="104">
                  <c:v>0.52550400000000064</c:v>
                </c:pt>
                <c:pt idx="105">
                  <c:v>0.53050899999999945</c:v>
                </c:pt>
                <c:pt idx="106">
                  <c:v>0.53551400000000005</c:v>
                </c:pt>
                <c:pt idx="107">
                  <c:v>0.54051799999999961</c:v>
                </c:pt>
                <c:pt idx="108">
                  <c:v>0.5455230000000002</c:v>
                </c:pt>
                <c:pt idx="109">
                  <c:v>0.55052800000000079</c:v>
                </c:pt>
                <c:pt idx="110">
                  <c:v>0.55553299999999961</c:v>
                </c:pt>
                <c:pt idx="111">
                  <c:v>0.5605380000000002</c:v>
                </c:pt>
                <c:pt idx="112">
                  <c:v>0.56554199999999977</c:v>
                </c:pt>
                <c:pt idx="113">
                  <c:v>0.57054700000000036</c:v>
                </c:pt>
                <c:pt idx="114">
                  <c:v>0.57555199999999918</c:v>
                </c:pt>
                <c:pt idx="115">
                  <c:v>0.58055699999999977</c:v>
                </c:pt>
                <c:pt idx="116">
                  <c:v>0.58556200000000036</c:v>
                </c:pt>
                <c:pt idx="117">
                  <c:v>0.59056599999999992</c:v>
                </c:pt>
                <c:pt idx="118">
                  <c:v>0.59557100000000052</c:v>
                </c:pt>
                <c:pt idx="119">
                  <c:v>0.60057599999999933</c:v>
                </c:pt>
                <c:pt idx="120">
                  <c:v>0.60558099999999992</c:v>
                </c:pt>
                <c:pt idx="121">
                  <c:v>0.61058600000000052</c:v>
                </c:pt>
                <c:pt idx="122">
                  <c:v>0.61559000000000008</c:v>
                </c:pt>
                <c:pt idx="123">
                  <c:v>0.62059500000000067</c:v>
                </c:pt>
                <c:pt idx="124">
                  <c:v>0.62559999999999949</c:v>
                </c:pt>
                <c:pt idx="125">
                  <c:v>0.63060500000000008</c:v>
                </c:pt>
                <c:pt idx="126">
                  <c:v>0.63561000000000067</c:v>
                </c:pt>
                <c:pt idx="127">
                  <c:v>0.64061400000000024</c:v>
                </c:pt>
                <c:pt idx="128">
                  <c:v>0.64561900000000083</c:v>
                </c:pt>
                <c:pt idx="129">
                  <c:v>0.65062399999999965</c:v>
                </c:pt>
                <c:pt idx="130">
                  <c:v>0.65562900000000024</c:v>
                </c:pt>
                <c:pt idx="131">
                  <c:v>0.66063400000000083</c:v>
                </c:pt>
                <c:pt idx="132">
                  <c:v>0.6656380000000004</c:v>
                </c:pt>
                <c:pt idx="133">
                  <c:v>0.67064299999999921</c:v>
                </c:pt>
                <c:pt idx="134">
                  <c:v>0.6756479999999998</c:v>
                </c:pt>
                <c:pt idx="135">
                  <c:v>0.6806530000000004</c:v>
                </c:pt>
                <c:pt idx="136">
                  <c:v>0.68565799999999921</c:v>
                </c:pt>
                <c:pt idx="137">
                  <c:v>0.69066200000000055</c:v>
                </c:pt>
                <c:pt idx="138">
                  <c:v>0.69566699999999937</c:v>
                </c:pt>
                <c:pt idx="139">
                  <c:v>0.70067199999999996</c:v>
                </c:pt>
                <c:pt idx="140">
                  <c:v>0.70567700000000055</c:v>
                </c:pt>
                <c:pt idx="141">
                  <c:v>0.71068199999999937</c:v>
                </c:pt>
                <c:pt idx="142">
                  <c:v>0.71568600000000071</c:v>
                </c:pt>
                <c:pt idx="143">
                  <c:v>0.72069099999999953</c:v>
                </c:pt>
                <c:pt idx="144">
                  <c:v>0.72569600000000012</c:v>
                </c:pt>
                <c:pt idx="145">
                  <c:v>0.73070100000000071</c:v>
                </c:pt>
                <c:pt idx="146">
                  <c:v>0.73570599999999953</c:v>
                </c:pt>
                <c:pt idx="147">
                  <c:v>0.74071000000000087</c:v>
                </c:pt>
                <c:pt idx="148">
                  <c:v>0.74571499999999968</c:v>
                </c:pt>
                <c:pt idx="149">
                  <c:v>0.75072000000000028</c:v>
                </c:pt>
                <c:pt idx="150">
                  <c:v>0.75572500000000087</c:v>
                </c:pt>
                <c:pt idx="151">
                  <c:v>0.76072999999999968</c:v>
                </c:pt>
                <c:pt idx="152">
                  <c:v>0.76573399999999925</c:v>
                </c:pt>
                <c:pt idx="153">
                  <c:v>0.77073899999999984</c:v>
                </c:pt>
                <c:pt idx="154">
                  <c:v>0.77574400000000043</c:v>
                </c:pt>
                <c:pt idx="155">
                  <c:v>0.78074899999999925</c:v>
                </c:pt>
                <c:pt idx="156">
                  <c:v>0.78575399999999984</c:v>
                </c:pt>
                <c:pt idx="157">
                  <c:v>0.79075799999999941</c:v>
                </c:pt>
                <c:pt idx="158">
                  <c:v>0.795763</c:v>
                </c:pt>
                <c:pt idx="159">
                  <c:v>0.80076800000000059</c:v>
                </c:pt>
                <c:pt idx="160">
                  <c:v>0.80577299999999941</c:v>
                </c:pt>
                <c:pt idx="161">
                  <c:v>0.810778</c:v>
                </c:pt>
                <c:pt idx="162">
                  <c:v>0.81578199999999956</c:v>
                </c:pt>
                <c:pt idx="163">
                  <c:v>0.82078700000000016</c:v>
                </c:pt>
                <c:pt idx="164">
                  <c:v>0.82579200000000075</c:v>
                </c:pt>
                <c:pt idx="165">
                  <c:v>0.83079699999999956</c:v>
                </c:pt>
                <c:pt idx="166">
                  <c:v>0.83580200000000016</c:v>
                </c:pt>
                <c:pt idx="167">
                  <c:v>0.84080599999999972</c:v>
                </c:pt>
                <c:pt idx="168">
                  <c:v>0.84581100000000031</c:v>
                </c:pt>
                <c:pt idx="169">
                  <c:v>0.85081599999999913</c:v>
                </c:pt>
                <c:pt idx="170">
                  <c:v>0.85582099999999972</c:v>
                </c:pt>
                <c:pt idx="171">
                  <c:v>0.86082600000000031</c:v>
                </c:pt>
                <c:pt idx="172">
                  <c:v>0.86582999999999988</c:v>
                </c:pt>
                <c:pt idx="173">
                  <c:v>0.87083500000000047</c:v>
                </c:pt>
                <c:pt idx="174">
                  <c:v>0.87583999999999929</c:v>
                </c:pt>
                <c:pt idx="175">
                  <c:v>0.88084499999999988</c:v>
                </c:pt>
                <c:pt idx="176">
                  <c:v>0.88585000000000047</c:v>
                </c:pt>
                <c:pt idx="177">
                  <c:v>0.89085400000000003</c:v>
                </c:pt>
                <c:pt idx="178">
                  <c:v>0.89585900000000063</c:v>
                </c:pt>
                <c:pt idx="179">
                  <c:v>0.90086399999999944</c:v>
                </c:pt>
                <c:pt idx="180">
                  <c:v>0.90586900000000004</c:v>
                </c:pt>
                <c:pt idx="181">
                  <c:v>0.91087400000000063</c:v>
                </c:pt>
                <c:pt idx="182">
                  <c:v>0.91587800000000019</c:v>
                </c:pt>
                <c:pt idx="183">
                  <c:v>0.92088300000000078</c:v>
                </c:pt>
                <c:pt idx="184">
                  <c:v>0.9258879999999996</c:v>
                </c:pt>
                <c:pt idx="185">
                  <c:v>0.93089300000000019</c:v>
                </c:pt>
                <c:pt idx="186">
                  <c:v>0.93589800000000078</c:v>
                </c:pt>
                <c:pt idx="187">
                  <c:v>0.94090200000000035</c:v>
                </c:pt>
                <c:pt idx="188">
                  <c:v>0.94590699999999917</c:v>
                </c:pt>
                <c:pt idx="189">
                  <c:v>0.95091199999999976</c:v>
                </c:pt>
                <c:pt idx="190">
                  <c:v>0.95591700000000035</c:v>
                </c:pt>
                <c:pt idx="191">
                  <c:v>0.96092199999999917</c:v>
                </c:pt>
                <c:pt idx="192">
                  <c:v>0.96592600000000051</c:v>
                </c:pt>
                <c:pt idx="193">
                  <c:v>0.97093099999999932</c:v>
                </c:pt>
                <c:pt idx="194">
                  <c:v>0.97593599999999991</c:v>
                </c:pt>
                <c:pt idx="195">
                  <c:v>0.98094100000000051</c:v>
                </c:pt>
                <c:pt idx="196">
                  <c:v>0.98594599999999932</c:v>
                </c:pt>
                <c:pt idx="197">
                  <c:v>0.99095000000000066</c:v>
                </c:pt>
                <c:pt idx="198">
                  <c:v>0.99595499999999948</c:v>
                </c:pt>
                <c:pt idx="199">
                  <c:v>1.0009600000000001</c:v>
                </c:pt>
                <c:pt idx="200">
                  <c:v>1.0059650000000007</c:v>
                </c:pt>
                <c:pt idx="201">
                  <c:v>1.0109699999999995</c:v>
                </c:pt>
                <c:pt idx="202">
                  <c:v>1.0159740000000008</c:v>
                </c:pt>
                <c:pt idx="203">
                  <c:v>1.0209789999999996</c:v>
                </c:pt>
                <c:pt idx="204">
                  <c:v>1.0259840000000002</c:v>
                </c:pt>
                <c:pt idx="205">
                  <c:v>1.0309890000000008</c:v>
                </c:pt>
                <c:pt idx="206">
                  <c:v>1.0359939999999996</c:v>
                </c:pt>
                <c:pt idx="207">
                  <c:v>1.0409979999999992</c:v>
                </c:pt>
                <c:pt idx="208">
                  <c:v>1.0460029999999998</c:v>
                </c:pt>
                <c:pt idx="209">
                  <c:v>1.0510080000000004</c:v>
                </c:pt>
                <c:pt idx="210">
                  <c:v>1.0560129999999992</c:v>
                </c:pt>
                <c:pt idx="211">
                  <c:v>1.0610179999999998</c:v>
                </c:pt>
                <c:pt idx="212">
                  <c:v>1.0660219999999994</c:v>
                </c:pt>
                <c:pt idx="213">
                  <c:v>1.071027</c:v>
                </c:pt>
                <c:pt idx="214">
                  <c:v>1.0760320000000005</c:v>
                </c:pt>
                <c:pt idx="215">
                  <c:v>1.0810369999999994</c:v>
                </c:pt>
                <c:pt idx="216">
                  <c:v>1.086042</c:v>
                </c:pt>
                <c:pt idx="217">
                  <c:v>1.0910459999999995</c:v>
                </c:pt>
                <c:pt idx="218">
                  <c:v>1.0960510000000001</c:v>
                </c:pt>
                <c:pt idx="219">
                  <c:v>1.1010560000000007</c:v>
                </c:pt>
                <c:pt idx="220">
                  <c:v>1.1060609999999995</c:v>
                </c:pt>
                <c:pt idx="221">
                  <c:v>1.1110660000000001</c:v>
                </c:pt>
                <c:pt idx="222">
                  <c:v>1.1160699999999997</c:v>
                </c:pt>
                <c:pt idx="223">
                  <c:v>1.1210750000000003</c:v>
                </c:pt>
                <c:pt idx="224">
                  <c:v>1.1260800000000009</c:v>
                </c:pt>
                <c:pt idx="225">
                  <c:v>1.1310849999999997</c:v>
                </c:pt>
                <c:pt idx="226">
                  <c:v>1.1360900000000003</c:v>
                </c:pt>
                <c:pt idx="227">
                  <c:v>1.1410939999999998</c:v>
                </c:pt>
                <c:pt idx="228">
                  <c:v>1.1460990000000004</c:v>
                </c:pt>
                <c:pt idx="229">
                  <c:v>1.1511039999999992</c:v>
                </c:pt>
                <c:pt idx="230">
                  <c:v>1.1561089999999998</c:v>
                </c:pt>
                <c:pt idx="231">
                  <c:v>1.1611140000000004</c:v>
                </c:pt>
                <c:pt idx="232">
                  <c:v>1.166118</c:v>
                </c:pt>
                <c:pt idx="233">
                  <c:v>1.1711230000000006</c:v>
                </c:pt>
                <c:pt idx="234">
                  <c:v>1.1761279999999994</c:v>
                </c:pt>
                <c:pt idx="235">
                  <c:v>1.181133</c:v>
                </c:pt>
                <c:pt idx="236">
                  <c:v>1.1861380000000006</c:v>
                </c:pt>
                <c:pt idx="237">
                  <c:v>1.1911420000000001</c:v>
                </c:pt>
                <c:pt idx="238">
                  <c:v>1.1961470000000007</c:v>
                </c:pt>
                <c:pt idx="239">
                  <c:v>1.2011519999999996</c:v>
                </c:pt>
                <c:pt idx="240">
                  <c:v>1.2061570000000001</c:v>
                </c:pt>
                <c:pt idx="241">
                  <c:v>1.2111620000000007</c:v>
                </c:pt>
                <c:pt idx="242">
                  <c:v>1.2161660000000003</c:v>
                </c:pt>
                <c:pt idx="243">
                  <c:v>1.2211709999999991</c:v>
                </c:pt>
                <c:pt idx="244">
                  <c:v>1.2261759999999997</c:v>
                </c:pt>
                <c:pt idx="245">
                  <c:v>1.2311810000000003</c:v>
                </c:pt>
                <c:pt idx="246">
                  <c:v>1.2361859999999991</c:v>
                </c:pt>
                <c:pt idx="247">
                  <c:v>1.2411900000000005</c:v>
                </c:pt>
                <c:pt idx="248">
                  <c:v>1.2461949999999993</c:v>
                </c:pt>
                <c:pt idx="249">
                  <c:v>1.2511999999999999</c:v>
                </c:pt>
                <c:pt idx="250">
                  <c:v>1.2562050000000005</c:v>
                </c:pt>
                <c:pt idx="251">
                  <c:v>1.2612099999999993</c:v>
                </c:pt>
                <c:pt idx="252">
                  <c:v>1.2662140000000006</c:v>
                </c:pt>
                <c:pt idx="253">
                  <c:v>1.2712189999999994</c:v>
                </c:pt>
                <c:pt idx="254">
                  <c:v>1.276224</c:v>
                </c:pt>
                <c:pt idx="255">
                  <c:v>1.2812290000000006</c:v>
                </c:pt>
                <c:pt idx="256">
                  <c:v>1.2862339999999994</c:v>
                </c:pt>
                <c:pt idx="257">
                  <c:v>1.2912380000000008</c:v>
                </c:pt>
                <c:pt idx="258">
                  <c:v>1.2962429999999996</c:v>
                </c:pt>
                <c:pt idx="259">
                  <c:v>1.3012480000000002</c:v>
                </c:pt>
                <c:pt idx="260">
                  <c:v>1.3062530000000008</c:v>
                </c:pt>
                <c:pt idx="261">
                  <c:v>1.3112579999999996</c:v>
                </c:pt>
                <c:pt idx="262">
                  <c:v>1.3162619999999992</c:v>
                </c:pt>
                <c:pt idx="263">
                  <c:v>1.3212669999999997</c:v>
                </c:pt>
                <c:pt idx="264">
                  <c:v>1.3262720000000003</c:v>
                </c:pt>
                <c:pt idx="265">
                  <c:v>1.3312769999999992</c:v>
                </c:pt>
                <c:pt idx="266">
                  <c:v>1.3362819999999997</c:v>
                </c:pt>
                <c:pt idx="267">
                  <c:v>1.3412859999999993</c:v>
                </c:pt>
                <c:pt idx="268">
                  <c:v>1.3462909999999999</c:v>
                </c:pt>
                <c:pt idx="269">
                  <c:v>1.3512960000000005</c:v>
                </c:pt>
                <c:pt idx="270">
                  <c:v>1.3563009999999993</c:v>
                </c:pt>
                <c:pt idx="271">
                  <c:v>1.3613059999999999</c:v>
                </c:pt>
                <c:pt idx="272">
                  <c:v>1.3663099999999995</c:v>
                </c:pt>
                <c:pt idx="273">
                  <c:v>1.3713150000000001</c:v>
                </c:pt>
                <c:pt idx="274">
                  <c:v>1.3763200000000007</c:v>
                </c:pt>
                <c:pt idx="275">
                  <c:v>1.3813249999999995</c:v>
                </c:pt>
                <c:pt idx="276">
                  <c:v>1.3863300000000001</c:v>
                </c:pt>
                <c:pt idx="277">
                  <c:v>1.3913339999999996</c:v>
                </c:pt>
                <c:pt idx="278">
                  <c:v>1.3963390000000002</c:v>
                </c:pt>
                <c:pt idx="279">
                  <c:v>1.4013440000000008</c:v>
                </c:pt>
                <c:pt idx="280">
                  <c:v>1.4063489999999996</c:v>
                </c:pt>
                <c:pt idx="281">
                  <c:v>1.4113540000000002</c:v>
                </c:pt>
                <c:pt idx="282">
                  <c:v>1.4163579999999998</c:v>
                </c:pt>
                <c:pt idx="283">
                  <c:v>1.4213630000000004</c:v>
                </c:pt>
                <c:pt idx="284">
                  <c:v>1.4263679999999992</c:v>
                </c:pt>
                <c:pt idx="285">
                  <c:v>1.4313729999999998</c:v>
                </c:pt>
                <c:pt idx="286">
                  <c:v>1.4363780000000004</c:v>
                </c:pt>
                <c:pt idx="287">
                  <c:v>1.4413819999999999</c:v>
                </c:pt>
                <c:pt idx="288">
                  <c:v>1.4463870000000005</c:v>
                </c:pt>
                <c:pt idx="289">
                  <c:v>1.4513919999999993</c:v>
                </c:pt>
                <c:pt idx="290">
                  <c:v>1.4563969999999999</c:v>
                </c:pt>
                <c:pt idx="291">
                  <c:v>1.4614020000000005</c:v>
                </c:pt>
                <c:pt idx="292">
                  <c:v>1.4664060000000001</c:v>
                </c:pt>
                <c:pt idx="293">
                  <c:v>1.4714110000000007</c:v>
                </c:pt>
                <c:pt idx="294">
                  <c:v>1.4764159999999995</c:v>
                </c:pt>
                <c:pt idx="295">
                  <c:v>1.4814210000000001</c:v>
                </c:pt>
                <c:pt idx="296">
                  <c:v>1.4864260000000007</c:v>
                </c:pt>
                <c:pt idx="297">
                  <c:v>1.4914300000000003</c:v>
                </c:pt>
                <c:pt idx="298">
                  <c:v>1.4964350000000008</c:v>
                </c:pt>
                <c:pt idx="299">
                  <c:v>1.5014399999999997</c:v>
                </c:pt>
                <c:pt idx="300">
                  <c:v>1.5064450000000003</c:v>
                </c:pt>
                <c:pt idx="301">
                  <c:v>1.5114500000000008</c:v>
                </c:pt>
                <c:pt idx="302">
                  <c:v>1.5164540000000004</c:v>
                </c:pt>
                <c:pt idx="303">
                  <c:v>1.5214589999999992</c:v>
                </c:pt>
                <c:pt idx="304">
                  <c:v>1.5264639999999998</c:v>
                </c:pt>
                <c:pt idx="305">
                  <c:v>1.5314690000000004</c:v>
                </c:pt>
                <c:pt idx="306">
                  <c:v>1.5364739999999992</c:v>
                </c:pt>
                <c:pt idx="307">
                  <c:v>1.5414780000000006</c:v>
                </c:pt>
                <c:pt idx="308">
                  <c:v>1.5464829999999994</c:v>
                </c:pt>
                <c:pt idx="309">
                  <c:v>1.551488</c:v>
                </c:pt>
                <c:pt idx="310">
                  <c:v>1.5564930000000006</c:v>
                </c:pt>
                <c:pt idx="311">
                  <c:v>1.5614979999999994</c:v>
                </c:pt>
                <c:pt idx="312">
                  <c:v>1.5665020000000007</c:v>
                </c:pt>
                <c:pt idx="313">
                  <c:v>1.5715069999999995</c:v>
                </c:pt>
                <c:pt idx="314">
                  <c:v>1.5765120000000001</c:v>
                </c:pt>
                <c:pt idx="315">
                  <c:v>1.5815170000000007</c:v>
                </c:pt>
                <c:pt idx="316">
                  <c:v>1.5865219999999995</c:v>
                </c:pt>
                <c:pt idx="317">
                  <c:v>1.5915259999999991</c:v>
                </c:pt>
                <c:pt idx="318">
                  <c:v>1.5965309999999997</c:v>
                </c:pt>
                <c:pt idx="319">
                  <c:v>1.6015360000000003</c:v>
                </c:pt>
                <c:pt idx="320">
                  <c:v>1.6065409999999991</c:v>
                </c:pt>
                <c:pt idx="321">
                  <c:v>1.6115459999999997</c:v>
                </c:pt>
                <c:pt idx="322">
                  <c:v>1.6165499999999993</c:v>
                </c:pt>
                <c:pt idx="323">
                  <c:v>1.6215549999999999</c:v>
                </c:pt>
                <c:pt idx="324">
                  <c:v>1.6265600000000004</c:v>
                </c:pt>
                <c:pt idx="325">
                  <c:v>1.6315649999999993</c:v>
                </c:pt>
                <c:pt idx="326">
                  <c:v>1.6365699999999999</c:v>
                </c:pt>
                <c:pt idx="327">
                  <c:v>1.6415739999999994</c:v>
                </c:pt>
                <c:pt idx="328">
                  <c:v>1.646579</c:v>
                </c:pt>
                <c:pt idx="329">
                  <c:v>1.6515840000000006</c:v>
                </c:pt>
                <c:pt idx="330">
                  <c:v>1.6565889999999994</c:v>
                </c:pt>
                <c:pt idx="331">
                  <c:v>1.661594</c:v>
                </c:pt>
                <c:pt idx="332">
                  <c:v>1.6665979999999996</c:v>
                </c:pt>
                <c:pt idx="333">
                  <c:v>1.6716030000000002</c:v>
                </c:pt>
                <c:pt idx="334">
                  <c:v>1.6766080000000008</c:v>
                </c:pt>
                <c:pt idx="335">
                  <c:v>1.6816129999999996</c:v>
                </c:pt>
                <c:pt idx="336">
                  <c:v>1.6866180000000002</c:v>
                </c:pt>
                <c:pt idx="337">
                  <c:v>1.6916219999999997</c:v>
                </c:pt>
                <c:pt idx="338">
                  <c:v>1.6966270000000003</c:v>
                </c:pt>
                <c:pt idx="339">
                  <c:v>1.7016319999999991</c:v>
                </c:pt>
                <c:pt idx="340">
                  <c:v>1.7066369999999997</c:v>
                </c:pt>
                <c:pt idx="341">
                  <c:v>1.7116420000000003</c:v>
                </c:pt>
                <c:pt idx="342">
                  <c:v>1.7166459999999999</c:v>
                </c:pt>
                <c:pt idx="343">
                  <c:v>1.7216510000000005</c:v>
                </c:pt>
                <c:pt idx="344">
                  <c:v>1.7266559999999993</c:v>
                </c:pt>
                <c:pt idx="345">
                  <c:v>1.7316609999999999</c:v>
                </c:pt>
                <c:pt idx="346">
                  <c:v>1.7366660000000005</c:v>
                </c:pt>
                <c:pt idx="347">
                  <c:v>1.7416700000000001</c:v>
                </c:pt>
                <c:pt idx="348">
                  <c:v>1.7466750000000006</c:v>
                </c:pt>
                <c:pt idx="349">
                  <c:v>1.7516799999999995</c:v>
                </c:pt>
                <c:pt idx="350">
                  <c:v>1.7566850000000001</c:v>
                </c:pt>
                <c:pt idx="351">
                  <c:v>1.7616900000000006</c:v>
                </c:pt>
                <c:pt idx="352">
                  <c:v>1.7666940000000002</c:v>
                </c:pt>
                <c:pt idx="353">
                  <c:v>1.7716990000000008</c:v>
                </c:pt>
                <c:pt idx="354">
                  <c:v>1.7767039999999996</c:v>
                </c:pt>
                <c:pt idx="355">
                  <c:v>1.7817090000000002</c:v>
                </c:pt>
                <c:pt idx="356">
                  <c:v>1.7867140000000008</c:v>
                </c:pt>
                <c:pt idx="357">
                  <c:v>1.7917180000000004</c:v>
                </c:pt>
                <c:pt idx="358">
                  <c:v>1.7967229999999992</c:v>
                </c:pt>
                <c:pt idx="359">
                  <c:v>1.8017279999999998</c:v>
                </c:pt>
                <c:pt idx="360">
                  <c:v>1.8067330000000004</c:v>
                </c:pt>
                <c:pt idx="361">
                  <c:v>1.8117379999999992</c:v>
                </c:pt>
                <c:pt idx="362">
                  <c:v>1.8167420000000005</c:v>
                </c:pt>
                <c:pt idx="363">
                  <c:v>1.8217469999999993</c:v>
                </c:pt>
                <c:pt idx="364">
                  <c:v>1.8267519999999999</c:v>
                </c:pt>
                <c:pt idx="365">
                  <c:v>1.8317570000000005</c:v>
                </c:pt>
                <c:pt idx="366">
                  <c:v>1.8367619999999993</c:v>
                </c:pt>
                <c:pt idx="367">
                  <c:v>1.8417660000000007</c:v>
                </c:pt>
                <c:pt idx="368">
                  <c:v>1.8467709999999995</c:v>
                </c:pt>
                <c:pt idx="369">
                  <c:v>1.8517760000000001</c:v>
                </c:pt>
                <c:pt idx="370">
                  <c:v>1.8567810000000007</c:v>
                </c:pt>
                <c:pt idx="371">
                  <c:v>1.8617859999999995</c:v>
                </c:pt>
                <c:pt idx="372">
                  <c:v>1.8667900000000008</c:v>
                </c:pt>
                <c:pt idx="373">
                  <c:v>1.8717949999999997</c:v>
                </c:pt>
                <c:pt idx="374">
                  <c:v>1.8768000000000002</c:v>
                </c:pt>
                <c:pt idx="375">
                  <c:v>1.8818050000000008</c:v>
                </c:pt>
                <c:pt idx="376">
                  <c:v>1.8868099999999997</c:v>
                </c:pt>
                <c:pt idx="377">
                  <c:v>1.8918139999999992</c:v>
                </c:pt>
                <c:pt idx="378">
                  <c:v>1.8968189999999998</c:v>
                </c:pt>
                <c:pt idx="379">
                  <c:v>1.9018240000000004</c:v>
                </c:pt>
                <c:pt idx="380">
                  <c:v>1.9068289999999992</c:v>
                </c:pt>
                <c:pt idx="381">
                  <c:v>1.9118339999999998</c:v>
                </c:pt>
                <c:pt idx="382">
                  <c:v>1.9168379999999994</c:v>
                </c:pt>
                <c:pt idx="383">
                  <c:v>1.921843</c:v>
                </c:pt>
                <c:pt idx="384">
                  <c:v>1.9268480000000006</c:v>
                </c:pt>
                <c:pt idx="385">
                  <c:v>1.9318529999999994</c:v>
                </c:pt>
                <c:pt idx="386">
                  <c:v>1.936858</c:v>
                </c:pt>
                <c:pt idx="387">
                  <c:v>1.9418619999999995</c:v>
                </c:pt>
                <c:pt idx="388">
                  <c:v>1.9468670000000001</c:v>
                </c:pt>
                <c:pt idx="389">
                  <c:v>1.9518720000000007</c:v>
                </c:pt>
                <c:pt idx="390">
                  <c:v>1.9568769999999995</c:v>
                </c:pt>
                <c:pt idx="391">
                  <c:v>1.9618820000000001</c:v>
                </c:pt>
                <c:pt idx="392">
                  <c:v>1.9668859999999997</c:v>
                </c:pt>
                <c:pt idx="393">
                  <c:v>1.9718910000000003</c:v>
                </c:pt>
                <c:pt idx="394">
                  <c:v>1.9768959999999991</c:v>
                </c:pt>
                <c:pt idx="395">
                  <c:v>1.9819009999999997</c:v>
                </c:pt>
                <c:pt idx="396">
                  <c:v>1.9869060000000003</c:v>
                </c:pt>
                <c:pt idx="397">
                  <c:v>1.9919099999999998</c:v>
                </c:pt>
                <c:pt idx="398">
                  <c:v>1.9969150000000004</c:v>
                </c:pt>
                <c:pt idx="399">
                  <c:v>2.0019199999999993</c:v>
                </c:pt>
                <c:pt idx="400">
                  <c:v>2.0069249999999998</c:v>
                </c:pt>
                <c:pt idx="401">
                  <c:v>2.0119300000000004</c:v>
                </c:pt>
                <c:pt idx="402">
                  <c:v>2.016934</c:v>
                </c:pt>
                <c:pt idx="403">
                  <c:v>2.0219390000000006</c:v>
                </c:pt>
                <c:pt idx="404">
                  <c:v>2.0269439999999994</c:v>
                </c:pt>
                <c:pt idx="405">
                  <c:v>2.031949</c:v>
                </c:pt>
                <c:pt idx="406">
                  <c:v>2.0369540000000006</c:v>
                </c:pt>
                <c:pt idx="407">
                  <c:v>2.0419580000000002</c:v>
                </c:pt>
                <c:pt idx="408">
                  <c:v>2.0469630000000008</c:v>
                </c:pt>
                <c:pt idx="409">
                  <c:v>2.0519679999999996</c:v>
                </c:pt>
                <c:pt idx="410">
                  <c:v>2.0569730000000002</c:v>
                </c:pt>
                <c:pt idx="411">
                  <c:v>2.0619780000000008</c:v>
                </c:pt>
                <c:pt idx="412">
                  <c:v>2.0669820000000003</c:v>
                </c:pt>
                <c:pt idx="413">
                  <c:v>2.0719869999999991</c:v>
                </c:pt>
                <c:pt idx="414">
                  <c:v>2.0769919999999997</c:v>
                </c:pt>
                <c:pt idx="415">
                  <c:v>2.0819970000000003</c:v>
                </c:pt>
                <c:pt idx="416">
                  <c:v>2.0870019999999991</c:v>
                </c:pt>
                <c:pt idx="417">
                  <c:v>2.0920060000000005</c:v>
                </c:pt>
                <c:pt idx="418">
                  <c:v>2.0970109999999993</c:v>
                </c:pt>
              </c:numCache>
            </c:numRef>
          </c:xVal>
          <c:yVal>
            <c:numRef>
              <c:f>'Multi-150-15s(7)'!$F$3:$F$423</c:f>
              <c:numCache>
                <c:formatCode>General</c:formatCode>
                <c:ptCount val="421"/>
                <c:pt idx="0">
                  <c:v>0.65009919114222436</c:v>
                </c:pt>
                <c:pt idx="1">
                  <c:v>0.44416182155287076</c:v>
                </c:pt>
                <c:pt idx="2">
                  <c:v>0.35236702081466653</c:v>
                </c:pt>
                <c:pt idx="3">
                  <c:v>0.30429312150476612</c:v>
                </c:pt>
                <c:pt idx="4">
                  <c:v>0.27822637826371327</c:v>
                </c:pt>
                <c:pt idx="5">
                  <c:v>0.2651071287468143</c:v>
                </c:pt>
                <c:pt idx="6">
                  <c:v>0.24518824686726209</c:v>
                </c:pt>
                <c:pt idx="7">
                  <c:v>0.2630780351451249</c:v>
                </c:pt>
                <c:pt idx="8">
                  <c:v>0.26308070202600015</c:v>
                </c:pt>
                <c:pt idx="9">
                  <c:v>0.23904217573044764</c:v>
                </c:pt>
                <c:pt idx="10">
                  <c:v>0.21505778498006889</c:v>
                </c:pt>
                <c:pt idx="11">
                  <c:v>0.18575446071709262</c:v>
                </c:pt>
                <c:pt idx="12">
                  <c:v>0.15369849954326364</c:v>
                </c:pt>
                <c:pt idx="13">
                  <c:v>0.13403965268187445</c:v>
                </c:pt>
                <c:pt idx="14">
                  <c:v>0.1110847132741755</c:v>
                </c:pt>
                <c:pt idx="15">
                  <c:v>8.873013824922063E-2</c:v>
                </c:pt>
                <c:pt idx="16">
                  <c:v>6.3673057690126808E-2</c:v>
                </c:pt>
                <c:pt idx="17">
                  <c:v>6.0536291687190567E-2</c:v>
                </c:pt>
                <c:pt idx="18">
                  <c:v>5.7503442102972105E-2</c:v>
                </c:pt>
                <c:pt idx="19">
                  <c:v>5.7726967268176513E-2</c:v>
                </c:pt>
                <c:pt idx="20">
                  <c:v>6.7357400612295809E-2</c:v>
                </c:pt>
                <c:pt idx="21">
                  <c:v>6.988103959176678E-2</c:v>
                </c:pt>
                <c:pt idx="22">
                  <c:v>6.5889976384026383E-2</c:v>
                </c:pt>
                <c:pt idx="23">
                  <c:v>7.8516803140471936E-2</c:v>
                </c:pt>
                <c:pt idx="24">
                  <c:v>9.4466015353005292E-2</c:v>
                </c:pt>
                <c:pt idx="25">
                  <c:v>0.10325026798400629</c:v>
                </c:pt>
                <c:pt idx="26">
                  <c:v>0.10058006344399885</c:v>
                </c:pt>
                <c:pt idx="27">
                  <c:v>9.8278816156162976E-2</c:v>
                </c:pt>
                <c:pt idx="28">
                  <c:v>0.1047851206932417</c:v>
                </c:pt>
                <c:pt idx="29">
                  <c:v>0.11365026256329504</c:v>
                </c:pt>
                <c:pt idx="30">
                  <c:v>0.11832306849458686</c:v>
                </c:pt>
                <c:pt idx="31">
                  <c:v>0.11767179243246854</c:v>
                </c:pt>
                <c:pt idx="32">
                  <c:v>0.10566012378922332</c:v>
                </c:pt>
                <c:pt idx="33">
                  <c:v>0.10232356966843573</c:v>
                </c:pt>
                <c:pt idx="34">
                  <c:v>0.10032910049440152</c:v>
                </c:pt>
                <c:pt idx="35">
                  <c:v>9.1750828191923983E-2</c:v>
                </c:pt>
                <c:pt idx="36">
                  <c:v>7.7462907671175363E-2</c:v>
                </c:pt>
                <c:pt idx="37">
                  <c:v>6.4182003741804869E-2</c:v>
                </c:pt>
                <c:pt idx="38">
                  <c:v>5.829538464079987E-2</c:v>
                </c:pt>
                <c:pt idx="39">
                  <c:v>5.4996462865400247E-2</c:v>
                </c:pt>
                <c:pt idx="40">
                  <c:v>4.8141417952359634E-2</c:v>
                </c:pt>
                <c:pt idx="41">
                  <c:v>4.924123137774699E-2</c:v>
                </c:pt>
                <c:pt idx="42">
                  <c:v>5.0492374795371053E-2</c:v>
                </c:pt>
                <c:pt idx="43">
                  <c:v>4.6605336319391254E-2</c:v>
                </c:pt>
                <c:pt idx="44">
                  <c:v>4.0766715663793314E-2</c:v>
                </c:pt>
                <c:pt idx="45">
                  <c:v>4.0280514390786192E-2</c:v>
                </c:pt>
                <c:pt idx="46">
                  <c:v>4.3624177450469127E-2</c:v>
                </c:pt>
                <c:pt idx="47">
                  <c:v>4.9083388425045726E-2</c:v>
                </c:pt>
                <c:pt idx="48">
                  <c:v>5.3982310188448901E-2</c:v>
                </c:pt>
                <c:pt idx="49">
                  <c:v>5.3908704559419464E-2</c:v>
                </c:pt>
                <c:pt idx="50">
                  <c:v>5.404443093633552E-2</c:v>
                </c:pt>
                <c:pt idx="51">
                  <c:v>6.0581686205327986E-2</c:v>
                </c:pt>
                <c:pt idx="52">
                  <c:v>6.6099745304420157E-2</c:v>
                </c:pt>
                <c:pt idx="53">
                  <c:v>6.7119335583042491E-2</c:v>
                </c:pt>
                <c:pt idx="54">
                  <c:v>7.1288261152561358E-2</c:v>
                </c:pt>
                <c:pt idx="55">
                  <c:v>6.933360138871919E-2</c:v>
                </c:pt>
                <c:pt idx="56">
                  <c:v>7.0103267713062675E-2</c:v>
                </c:pt>
                <c:pt idx="57">
                  <c:v>7.0745520474921372E-2</c:v>
                </c:pt>
                <c:pt idx="58">
                  <c:v>6.7968186191710855E-2</c:v>
                </c:pt>
                <c:pt idx="59">
                  <c:v>6.5194149317112454E-2</c:v>
                </c:pt>
                <c:pt idx="60">
                  <c:v>5.722181975283764E-2</c:v>
                </c:pt>
                <c:pt idx="61">
                  <c:v>4.8442877137581254E-2</c:v>
                </c:pt>
                <c:pt idx="62">
                  <c:v>4.0533165215923588E-2</c:v>
                </c:pt>
                <c:pt idx="63">
                  <c:v>3.5795598859759623E-2</c:v>
                </c:pt>
                <c:pt idx="64">
                  <c:v>3.0593531285405397E-2</c:v>
                </c:pt>
                <c:pt idx="65">
                  <c:v>2.9221959740789991E-2</c:v>
                </c:pt>
                <c:pt idx="66">
                  <c:v>2.6972882859185515E-2</c:v>
                </c:pt>
                <c:pt idx="67">
                  <c:v>2.6305049378040724E-2</c:v>
                </c:pt>
                <c:pt idx="68">
                  <c:v>2.963274265270148E-2</c:v>
                </c:pt>
                <c:pt idx="69">
                  <c:v>3.4181023204995588E-2</c:v>
                </c:pt>
                <c:pt idx="70">
                  <c:v>3.8258564564132992E-2</c:v>
                </c:pt>
                <c:pt idx="71">
                  <c:v>4.2242071345927258E-2</c:v>
                </c:pt>
                <c:pt idx="72">
                  <c:v>4.5565182886921664E-2</c:v>
                </c:pt>
                <c:pt idx="73">
                  <c:v>4.6914396687644661E-2</c:v>
                </c:pt>
                <c:pt idx="74">
                  <c:v>4.797818383941331E-2</c:v>
                </c:pt>
                <c:pt idx="75">
                  <c:v>4.8817912711180404E-2</c:v>
                </c:pt>
                <c:pt idx="76">
                  <c:v>4.8570654710021949E-2</c:v>
                </c:pt>
                <c:pt idx="77">
                  <c:v>4.8845001953852503E-2</c:v>
                </c:pt>
                <c:pt idx="78">
                  <c:v>4.9242836577101656E-2</c:v>
                </c:pt>
                <c:pt idx="79">
                  <c:v>4.9459165538093049E-2</c:v>
                </c:pt>
                <c:pt idx="80">
                  <c:v>4.9239725811912764E-2</c:v>
                </c:pt>
                <c:pt idx="81">
                  <c:v>4.558029055508666E-2</c:v>
                </c:pt>
                <c:pt idx="82">
                  <c:v>4.2057685706363847E-2</c:v>
                </c:pt>
                <c:pt idx="83">
                  <c:v>4.0065699377149426E-2</c:v>
                </c:pt>
                <c:pt idx="84">
                  <c:v>4.006658772613899E-2</c:v>
                </c:pt>
                <c:pt idx="85">
                  <c:v>4.1214353721891493E-2</c:v>
                </c:pt>
                <c:pt idx="86">
                  <c:v>4.1475492514536208E-2</c:v>
                </c:pt>
                <c:pt idx="87">
                  <c:v>4.1590431700809873E-2</c:v>
                </c:pt>
                <c:pt idx="88">
                  <c:v>4.1361702951203033E-2</c:v>
                </c:pt>
                <c:pt idx="89">
                  <c:v>4.0367264277288456E-2</c:v>
                </c:pt>
                <c:pt idx="90">
                  <c:v>4.0262494600846049E-2</c:v>
                </c:pt>
                <c:pt idx="91">
                  <c:v>3.7041723838953503E-2</c:v>
                </c:pt>
                <c:pt idx="92">
                  <c:v>3.2846160100312723E-2</c:v>
                </c:pt>
                <c:pt idx="93">
                  <c:v>3.2168693102230833E-2</c:v>
                </c:pt>
                <c:pt idx="94">
                  <c:v>3.2320199764636355E-2</c:v>
                </c:pt>
                <c:pt idx="95">
                  <c:v>3.1458700226814837E-2</c:v>
                </c:pt>
                <c:pt idx="96">
                  <c:v>3.1242107335927517E-2</c:v>
                </c:pt>
                <c:pt idx="97">
                  <c:v>3.3818654950010782E-2</c:v>
                </c:pt>
                <c:pt idx="98">
                  <c:v>3.7881157222005274E-2</c:v>
                </c:pt>
                <c:pt idx="99">
                  <c:v>4.1245150614407068E-2</c:v>
                </c:pt>
                <c:pt idx="100">
                  <c:v>4.3665443550267573E-2</c:v>
                </c:pt>
                <c:pt idx="101">
                  <c:v>4.3592877154772933E-2</c:v>
                </c:pt>
                <c:pt idx="102">
                  <c:v>4.2860436140166526E-2</c:v>
                </c:pt>
                <c:pt idx="103">
                  <c:v>4.2756172937637532E-2</c:v>
                </c:pt>
                <c:pt idx="104">
                  <c:v>4.2543999108634489E-2</c:v>
                </c:pt>
                <c:pt idx="105">
                  <c:v>4.2446143872696025E-2</c:v>
                </c:pt>
                <c:pt idx="106">
                  <c:v>4.0290107490011072E-2</c:v>
                </c:pt>
                <c:pt idx="107">
                  <c:v>3.678936810957794E-2</c:v>
                </c:pt>
                <c:pt idx="108">
                  <c:v>3.2997832072341665E-2</c:v>
                </c:pt>
                <c:pt idx="109">
                  <c:v>2.9970080880557432E-2</c:v>
                </c:pt>
                <c:pt idx="110">
                  <c:v>2.9972673268808921E-2</c:v>
                </c:pt>
                <c:pt idx="111">
                  <c:v>3.0437206688662736E-2</c:v>
                </c:pt>
                <c:pt idx="112">
                  <c:v>2.9802604088636313E-2</c:v>
                </c:pt>
                <c:pt idx="113">
                  <c:v>2.873082971923276E-2</c:v>
                </c:pt>
                <c:pt idx="114">
                  <c:v>2.6764227621822286E-2</c:v>
                </c:pt>
                <c:pt idx="115">
                  <c:v>2.737987161894085E-2</c:v>
                </c:pt>
                <c:pt idx="116">
                  <c:v>2.8350085733841988E-2</c:v>
                </c:pt>
                <c:pt idx="117">
                  <c:v>2.8981512994247127E-2</c:v>
                </c:pt>
                <c:pt idx="118">
                  <c:v>2.7297226590552247E-2</c:v>
                </c:pt>
                <c:pt idx="119">
                  <c:v>2.5319219600062618E-2</c:v>
                </c:pt>
                <c:pt idx="120">
                  <c:v>2.5582335399489221E-2</c:v>
                </c:pt>
                <c:pt idx="121">
                  <c:v>2.8739845296965962E-2</c:v>
                </c:pt>
                <c:pt idx="122">
                  <c:v>2.926860234423807E-2</c:v>
                </c:pt>
                <c:pt idx="123">
                  <c:v>2.9345512185895508E-2</c:v>
                </c:pt>
                <c:pt idx="124">
                  <c:v>3.0079668356252903E-2</c:v>
                </c:pt>
                <c:pt idx="125">
                  <c:v>3.2653626826318061E-2</c:v>
                </c:pt>
                <c:pt idx="126">
                  <c:v>3.5488848428447711E-2</c:v>
                </c:pt>
                <c:pt idx="127">
                  <c:v>3.5773885934674288E-2</c:v>
                </c:pt>
                <c:pt idx="128">
                  <c:v>3.4496786099239743E-2</c:v>
                </c:pt>
                <c:pt idx="129">
                  <c:v>3.4257004252485665E-2</c:v>
                </c:pt>
                <c:pt idx="130">
                  <c:v>3.4681025191207616E-2</c:v>
                </c:pt>
                <c:pt idx="131">
                  <c:v>3.367277438860608E-2</c:v>
                </c:pt>
                <c:pt idx="132">
                  <c:v>3.0758095759585415E-2</c:v>
                </c:pt>
                <c:pt idx="133">
                  <c:v>2.9392094596351146E-2</c:v>
                </c:pt>
                <c:pt idx="134">
                  <c:v>2.6074712587025831E-2</c:v>
                </c:pt>
                <c:pt idx="135">
                  <c:v>2.279195107577852E-2</c:v>
                </c:pt>
                <c:pt idx="136">
                  <c:v>2.1151395619237359E-2</c:v>
                </c:pt>
                <c:pt idx="137">
                  <c:v>1.9489900908199406E-2</c:v>
                </c:pt>
                <c:pt idx="138">
                  <c:v>1.6362211990505714E-2</c:v>
                </c:pt>
                <c:pt idx="139">
                  <c:v>1.5973367349647161E-2</c:v>
                </c:pt>
                <c:pt idx="140">
                  <c:v>1.4664833881533099E-2</c:v>
                </c:pt>
                <c:pt idx="141">
                  <c:v>1.4684510115347615E-2</c:v>
                </c:pt>
                <c:pt idx="142">
                  <c:v>1.7313223814571031E-2</c:v>
                </c:pt>
                <c:pt idx="143">
                  <c:v>1.9889388321425196E-2</c:v>
                </c:pt>
                <c:pt idx="144">
                  <c:v>2.1917928144842027E-2</c:v>
                </c:pt>
                <c:pt idx="145">
                  <c:v>2.3545984035251908E-2</c:v>
                </c:pt>
                <c:pt idx="146">
                  <c:v>2.492698639201868E-2</c:v>
                </c:pt>
                <c:pt idx="147">
                  <c:v>2.6136454932777626E-2</c:v>
                </c:pt>
                <c:pt idx="148">
                  <c:v>2.6846863916794705E-2</c:v>
                </c:pt>
                <c:pt idx="149">
                  <c:v>2.5332354214193244E-2</c:v>
                </c:pt>
                <c:pt idx="150">
                  <c:v>2.5365261377935086E-2</c:v>
                </c:pt>
                <c:pt idx="151">
                  <c:v>2.7164485632638201E-2</c:v>
                </c:pt>
                <c:pt idx="152">
                  <c:v>2.8054252600096183E-2</c:v>
                </c:pt>
                <c:pt idx="153">
                  <c:v>2.8511861458095998E-2</c:v>
                </c:pt>
                <c:pt idx="154">
                  <c:v>2.8960404819482029E-2</c:v>
                </c:pt>
                <c:pt idx="155">
                  <c:v>2.8000504082040564E-2</c:v>
                </c:pt>
                <c:pt idx="156">
                  <c:v>2.6319903591857822E-2</c:v>
                </c:pt>
                <c:pt idx="157">
                  <c:v>2.4588197064100592E-2</c:v>
                </c:pt>
                <c:pt idx="158">
                  <c:v>2.2907831176653626E-2</c:v>
                </c:pt>
                <c:pt idx="159">
                  <c:v>2.1398768186705552E-2</c:v>
                </c:pt>
                <c:pt idx="160">
                  <c:v>1.9958210656043928E-2</c:v>
                </c:pt>
                <c:pt idx="161">
                  <c:v>1.8485129852085631E-2</c:v>
                </c:pt>
                <c:pt idx="162">
                  <c:v>1.73910565452653E-2</c:v>
                </c:pt>
                <c:pt idx="163">
                  <c:v>1.6627271311623358E-2</c:v>
                </c:pt>
                <c:pt idx="164">
                  <c:v>1.5961064779647437E-2</c:v>
                </c:pt>
                <c:pt idx="165">
                  <c:v>1.6047795412552662E-2</c:v>
                </c:pt>
                <c:pt idx="166">
                  <c:v>1.6009531183261736E-2</c:v>
                </c:pt>
                <c:pt idx="167">
                  <c:v>1.6390943983464926E-2</c:v>
                </c:pt>
                <c:pt idx="168">
                  <c:v>1.6914161864789955E-2</c:v>
                </c:pt>
                <c:pt idx="169">
                  <c:v>1.7419530910845474E-2</c:v>
                </c:pt>
                <c:pt idx="170">
                  <c:v>1.7779119986397918E-2</c:v>
                </c:pt>
                <c:pt idx="171">
                  <c:v>1.8626698281085308E-2</c:v>
                </c:pt>
                <c:pt idx="172">
                  <c:v>1.9355950263016241E-2</c:v>
                </c:pt>
                <c:pt idx="173">
                  <c:v>1.9545781169572212E-2</c:v>
                </c:pt>
                <c:pt idx="174">
                  <c:v>1.9613638609626175E-2</c:v>
                </c:pt>
                <c:pt idx="175">
                  <c:v>1.9896610533397981E-2</c:v>
                </c:pt>
                <c:pt idx="176">
                  <c:v>1.9910093186332294E-2</c:v>
                </c:pt>
                <c:pt idx="177">
                  <c:v>1.9666477283727442E-2</c:v>
                </c:pt>
                <c:pt idx="178">
                  <c:v>1.904176274926405E-2</c:v>
                </c:pt>
                <c:pt idx="179">
                  <c:v>1.8870446937139764E-2</c:v>
                </c:pt>
                <c:pt idx="180">
                  <c:v>1.8708238455118611E-2</c:v>
                </c:pt>
                <c:pt idx="181">
                  <c:v>1.8369723433539376E-2</c:v>
                </c:pt>
                <c:pt idx="182">
                  <c:v>1.7931344207961636E-2</c:v>
                </c:pt>
                <c:pt idx="183">
                  <c:v>1.7580864078124748E-2</c:v>
                </c:pt>
                <c:pt idx="184">
                  <c:v>1.6865203632920288E-2</c:v>
                </c:pt>
                <c:pt idx="185">
                  <c:v>1.6473878312740622E-2</c:v>
                </c:pt>
                <c:pt idx="186">
                  <c:v>1.6221863436799558E-2</c:v>
                </c:pt>
                <c:pt idx="187">
                  <c:v>1.6223699358038388E-2</c:v>
                </c:pt>
                <c:pt idx="188">
                  <c:v>1.6324290266343449E-2</c:v>
                </c:pt>
                <c:pt idx="189">
                  <c:v>1.608155475321681E-2</c:v>
                </c:pt>
                <c:pt idx="190">
                  <c:v>1.6011445230287337E-2</c:v>
                </c:pt>
                <c:pt idx="191">
                  <c:v>1.6067267741046814E-2</c:v>
                </c:pt>
                <c:pt idx="192">
                  <c:v>1.6198550707122051E-2</c:v>
                </c:pt>
                <c:pt idx="193">
                  <c:v>1.697962062310427E-2</c:v>
                </c:pt>
                <c:pt idx="194">
                  <c:v>1.7105700113536827E-2</c:v>
                </c:pt>
                <c:pt idx="195">
                  <c:v>1.6976846458427553E-2</c:v>
                </c:pt>
                <c:pt idx="196">
                  <c:v>1.6907877326453408E-2</c:v>
                </c:pt>
                <c:pt idx="197">
                  <c:v>1.7512613148803757E-2</c:v>
                </c:pt>
                <c:pt idx="198">
                  <c:v>1.8148324459884329E-2</c:v>
                </c:pt>
                <c:pt idx="199">
                  <c:v>1.8211340183698233E-2</c:v>
                </c:pt>
                <c:pt idx="200">
                  <c:v>1.8132102882217376E-2</c:v>
                </c:pt>
                <c:pt idx="201">
                  <c:v>1.8300257490567962E-2</c:v>
                </c:pt>
                <c:pt idx="202">
                  <c:v>1.8285501424327697E-2</c:v>
                </c:pt>
                <c:pt idx="203">
                  <c:v>1.7621065688045577E-2</c:v>
                </c:pt>
                <c:pt idx="204">
                  <c:v>1.7097731169002015E-2</c:v>
                </c:pt>
                <c:pt idx="205">
                  <c:v>1.6872482889477632E-2</c:v>
                </c:pt>
                <c:pt idx="206">
                  <c:v>1.6569131612332824E-2</c:v>
                </c:pt>
                <c:pt idx="207">
                  <c:v>1.6498749468785014E-2</c:v>
                </c:pt>
                <c:pt idx="208">
                  <c:v>1.5903666182805094E-2</c:v>
                </c:pt>
                <c:pt idx="209">
                  <c:v>1.5287758032370806E-2</c:v>
                </c:pt>
                <c:pt idx="210">
                  <c:v>1.4790429350405584E-2</c:v>
                </c:pt>
                <c:pt idx="211">
                  <c:v>1.4557816379643089E-2</c:v>
                </c:pt>
                <c:pt idx="212">
                  <c:v>1.481875469702934E-2</c:v>
                </c:pt>
                <c:pt idx="213">
                  <c:v>1.5421835776049752E-2</c:v>
                </c:pt>
                <c:pt idx="214">
                  <c:v>1.6242567106117909E-2</c:v>
                </c:pt>
                <c:pt idx="215">
                  <c:v>1.7220882381189864E-2</c:v>
                </c:pt>
                <c:pt idx="216">
                  <c:v>1.7917506820890394E-2</c:v>
                </c:pt>
                <c:pt idx="217">
                  <c:v>1.8354035550449274E-2</c:v>
                </c:pt>
                <c:pt idx="218">
                  <c:v>1.8861662476604073E-2</c:v>
                </c:pt>
                <c:pt idx="219">
                  <c:v>1.8972737160825603E-2</c:v>
                </c:pt>
                <c:pt idx="220">
                  <c:v>1.8727989230923926E-2</c:v>
                </c:pt>
                <c:pt idx="221">
                  <c:v>1.8294625996461339E-2</c:v>
                </c:pt>
                <c:pt idx="222">
                  <c:v>1.7927469702689613E-2</c:v>
                </c:pt>
                <c:pt idx="223">
                  <c:v>1.762507949895957E-2</c:v>
                </c:pt>
                <c:pt idx="224">
                  <c:v>1.7232037092509839E-2</c:v>
                </c:pt>
                <c:pt idx="225">
                  <c:v>1.7059131066644705E-2</c:v>
                </c:pt>
                <c:pt idx="226">
                  <c:v>1.6731021987339129E-2</c:v>
                </c:pt>
                <c:pt idx="227">
                  <c:v>1.6459507109691615E-2</c:v>
                </c:pt>
                <c:pt idx="228">
                  <c:v>1.6321604716833592E-2</c:v>
                </c:pt>
                <c:pt idx="229">
                  <c:v>1.6319973107795663E-2</c:v>
                </c:pt>
                <c:pt idx="230">
                  <c:v>1.6441069761387418E-2</c:v>
                </c:pt>
                <c:pt idx="231">
                  <c:v>1.6476772534485963E-2</c:v>
                </c:pt>
                <c:pt idx="232">
                  <c:v>1.6491548760209862E-2</c:v>
                </c:pt>
                <c:pt idx="233">
                  <c:v>1.6312306394452115E-2</c:v>
                </c:pt>
                <c:pt idx="234">
                  <c:v>1.6316153588476587E-2</c:v>
                </c:pt>
                <c:pt idx="235">
                  <c:v>1.6425176721782314E-2</c:v>
                </c:pt>
                <c:pt idx="236">
                  <c:v>1.6436336677508562E-2</c:v>
                </c:pt>
                <c:pt idx="237">
                  <c:v>1.6384505825045199E-2</c:v>
                </c:pt>
                <c:pt idx="238">
                  <c:v>1.677435498180491E-2</c:v>
                </c:pt>
                <c:pt idx="239">
                  <c:v>1.6839093430090792E-2</c:v>
                </c:pt>
                <c:pt idx="240">
                  <c:v>1.6486472552347569E-2</c:v>
                </c:pt>
                <c:pt idx="241">
                  <c:v>1.6048910811236765E-2</c:v>
                </c:pt>
                <c:pt idx="242">
                  <c:v>1.557646659718412E-2</c:v>
                </c:pt>
                <c:pt idx="243">
                  <c:v>1.5327937303660043E-2</c:v>
                </c:pt>
                <c:pt idx="244">
                  <c:v>1.5024973260508707E-2</c:v>
                </c:pt>
                <c:pt idx="245">
                  <c:v>1.4765039701520715E-2</c:v>
                </c:pt>
                <c:pt idx="246">
                  <c:v>1.414750835128315E-2</c:v>
                </c:pt>
                <c:pt idx="247">
                  <c:v>1.4169998213475912E-2</c:v>
                </c:pt>
                <c:pt idx="248">
                  <c:v>1.4810800443021091E-2</c:v>
                </c:pt>
                <c:pt idx="249">
                  <c:v>1.5660190570482388E-2</c:v>
                </c:pt>
                <c:pt idx="250">
                  <c:v>1.6471639333129517E-2</c:v>
                </c:pt>
                <c:pt idx="251">
                  <c:v>1.6949264858170929E-2</c:v>
                </c:pt>
                <c:pt idx="252">
                  <c:v>1.7007536955609897E-2</c:v>
                </c:pt>
                <c:pt idx="253">
                  <c:v>1.735557772389458E-2</c:v>
                </c:pt>
                <c:pt idx="254">
                  <c:v>1.7915356575251104E-2</c:v>
                </c:pt>
                <c:pt idx="255">
                  <c:v>1.839850602575227E-2</c:v>
                </c:pt>
                <c:pt idx="256">
                  <c:v>1.8614691805927553E-2</c:v>
                </c:pt>
                <c:pt idx="257">
                  <c:v>1.8650729072452396E-2</c:v>
                </c:pt>
                <c:pt idx="258">
                  <c:v>1.8575053444891031E-2</c:v>
                </c:pt>
                <c:pt idx="259">
                  <c:v>1.8097546561874196E-2</c:v>
                </c:pt>
                <c:pt idx="260">
                  <c:v>1.7272814219731685E-2</c:v>
                </c:pt>
                <c:pt idx="261">
                  <c:v>1.6363000095980854E-2</c:v>
                </c:pt>
                <c:pt idx="262">
                  <c:v>1.5761155958272714E-2</c:v>
                </c:pt>
                <c:pt idx="263">
                  <c:v>1.5112743463093558E-2</c:v>
                </c:pt>
                <c:pt idx="264">
                  <c:v>1.4559289059416355E-2</c:v>
                </c:pt>
                <c:pt idx="265">
                  <c:v>1.3834841532498553E-2</c:v>
                </c:pt>
                <c:pt idx="266">
                  <c:v>1.3510807776732678E-2</c:v>
                </c:pt>
                <c:pt idx="267">
                  <c:v>1.3539586515361551E-2</c:v>
                </c:pt>
                <c:pt idx="268">
                  <c:v>1.3432201740029745E-2</c:v>
                </c:pt>
                <c:pt idx="269">
                  <c:v>1.3644714831883896E-2</c:v>
                </c:pt>
                <c:pt idx="270">
                  <c:v>1.4171871855701084E-2</c:v>
                </c:pt>
                <c:pt idx="271">
                  <c:v>1.4744738855129211E-2</c:v>
                </c:pt>
                <c:pt idx="272">
                  <c:v>1.5030516187102414E-2</c:v>
                </c:pt>
                <c:pt idx="273">
                  <c:v>1.5345804832701062E-2</c:v>
                </c:pt>
                <c:pt idx="274">
                  <c:v>1.5444625971129564E-2</c:v>
                </c:pt>
                <c:pt idx="275">
                  <c:v>1.5528532620010497E-2</c:v>
                </c:pt>
                <c:pt idx="276">
                  <c:v>1.5364312328989783E-2</c:v>
                </c:pt>
                <c:pt idx="277">
                  <c:v>1.5085455239525545E-2</c:v>
                </c:pt>
                <c:pt idx="278">
                  <c:v>1.4846620798440305E-2</c:v>
                </c:pt>
                <c:pt idx="279">
                  <c:v>1.4811853106122683E-2</c:v>
                </c:pt>
                <c:pt idx="280">
                  <c:v>1.4617541541138292E-2</c:v>
                </c:pt>
                <c:pt idx="281">
                  <c:v>1.4458597715514379E-2</c:v>
                </c:pt>
                <c:pt idx="282">
                  <c:v>1.4414540564284529E-2</c:v>
                </c:pt>
                <c:pt idx="283">
                  <c:v>1.4314787164408501E-2</c:v>
                </c:pt>
                <c:pt idx="284">
                  <c:v>1.4114940239482673E-2</c:v>
                </c:pt>
                <c:pt idx="285">
                  <c:v>1.3921691871781531E-2</c:v>
                </c:pt>
                <c:pt idx="286">
                  <c:v>1.389024756621355E-2</c:v>
                </c:pt>
                <c:pt idx="287">
                  <c:v>1.3822879706517298E-2</c:v>
                </c:pt>
                <c:pt idx="288">
                  <c:v>1.3768125770851692E-2</c:v>
                </c:pt>
                <c:pt idx="289">
                  <c:v>1.3613247763255142E-2</c:v>
                </c:pt>
                <c:pt idx="290">
                  <c:v>1.3624952909949273E-2</c:v>
                </c:pt>
                <c:pt idx="291">
                  <c:v>1.3665714608161801E-2</c:v>
                </c:pt>
                <c:pt idx="292">
                  <c:v>1.3578356328852624E-2</c:v>
                </c:pt>
                <c:pt idx="293">
                  <c:v>1.3763968157367209E-2</c:v>
                </c:pt>
                <c:pt idx="294">
                  <c:v>1.4139407498557417E-2</c:v>
                </c:pt>
                <c:pt idx="295">
                  <c:v>1.4373099683750466E-2</c:v>
                </c:pt>
                <c:pt idx="296">
                  <c:v>1.4526505090220508E-2</c:v>
                </c:pt>
                <c:pt idx="297">
                  <c:v>1.4914713009235792E-2</c:v>
                </c:pt>
                <c:pt idx="298">
                  <c:v>1.534373846950835E-2</c:v>
                </c:pt>
                <c:pt idx="299">
                  <c:v>1.5665298915234608E-2</c:v>
                </c:pt>
                <c:pt idx="300">
                  <c:v>1.5721676584710537E-2</c:v>
                </c:pt>
                <c:pt idx="301">
                  <c:v>1.5602770594767354E-2</c:v>
                </c:pt>
                <c:pt idx="302">
                  <c:v>1.5514588837465515E-2</c:v>
                </c:pt>
                <c:pt idx="303">
                  <c:v>1.5599494336425318E-2</c:v>
                </c:pt>
                <c:pt idx="304">
                  <c:v>1.5545446521373298E-2</c:v>
                </c:pt>
                <c:pt idx="305">
                  <c:v>1.488812888043228E-2</c:v>
                </c:pt>
                <c:pt idx="306">
                  <c:v>1.3996368506690601E-2</c:v>
                </c:pt>
                <c:pt idx="307">
                  <c:v>1.3209249231235846E-2</c:v>
                </c:pt>
                <c:pt idx="308">
                  <c:v>1.2528841897152089E-2</c:v>
                </c:pt>
                <c:pt idx="309">
                  <c:v>1.207000412118309E-2</c:v>
                </c:pt>
                <c:pt idx="310">
                  <c:v>1.1979874424909864E-2</c:v>
                </c:pt>
                <c:pt idx="311">
                  <c:v>1.2190584726533426E-2</c:v>
                </c:pt>
                <c:pt idx="312">
                  <c:v>1.2642371728444467E-2</c:v>
                </c:pt>
                <c:pt idx="313">
                  <c:v>1.3047919553460611E-2</c:v>
                </c:pt>
                <c:pt idx="314">
                  <c:v>1.3413156043576463E-2</c:v>
                </c:pt>
                <c:pt idx="315">
                  <c:v>1.385520583103836E-2</c:v>
                </c:pt>
                <c:pt idx="316">
                  <c:v>1.4186281348702982E-2</c:v>
                </c:pt>
                <c:pt idx="317">
                  <c:v>1.4572132259124971E-2</c:v>
                </c:pt>
                <c:pt idx="318">
                  <c:v>1.4884091253184205E-2</c:v>
                </c:pt>
                <c:pt idx="319">
                  <c:v>1.4950427723968178E-2</c:v>
                </c:pt>
                <c:pt idx="320">
                  <c:v>1.512434947208084E-2</c:v>
                </c:pt>
                <c:pt idx="321">
                  <c:v>1.5079115033349201E-2</c:v>
                </c:pt>
                <c:pt idx="322">
                  <c:v>1.4754641489043261E-2</c:v>
                </c:pt>
                <c:pt idx="323">
                  <c:v>1.4445309498321306E-2</c:v>
                </c:pt>
                <c:pt idx="324">
                  <c:v>1.4073722375119091E-2</c:v>
                </c:pt>
                <c:pt idx="325">
                  <c:v>1.3696939104552918E-2</c:v>
                </c:pt>
                <c:pt idx="326">
                  <c:v>1.3346050508416628E-2</c:v>
                </c:pt>
                <c:pt idx="327">
                  <c:v>1.3015943737492083E-2</c:v>
                </c:pt>
                <c:pt idx="328">
                  <c:v>1.2782271871915302E-2</c:v>
                </c:pt>
                <c:pt idx="329">
                  <c:v>1.2472250781736248E-2</c:v>
                </c:pt>
                <c:pt idx="330">
                  <c:v>1.2387342684489887E-2</c:v>
                </c:pt>
                <c:pt idx="331">
                  <c:v>1.2573686718740996E-2</c:v>
                </c:pt>
                <c:pt idx="332">
                  <c:v>1.2876877290235709E-2</c:v>
                </c:pt>
                <c:pt idx="333">
                  <c:v>1.3005072113967215E-2</c:v>
                </c:pt>
                <c:pt idx="334">
                  <c:v>1.2953072498552902E-2</c:v>
                </c:pt>
                <c:pt idx="335">
                  <c:v>1.2755919783365348E-2</c:v>
                </c:pt>
                <c:pt idx="336">
                  <c:v>1.2700003472210003E-2</c:v>
                </c:pt>
                <c:pt idx="337">
                  <c:v>1.2707751596842169E-2</c:v>
                </c:pt>
                <c:pt idx="338">
                  <c:v>1.3075776212802658E-2</c:v>
                </c:pt>
                <c:pt idx="339">
                  <c:v>1.3371908700324181E-2</c:v>
                </c:pt>
                <c:pt idx="340">
                  <c:v>1.3510399123595687E-2</c:v>
                </c:pt>
                <c:pt idx="341">
                  <c:v>1.3594403249578293E-2</c:v>
                </c:pt>
                <c:pt idx="342">
                  <c:v>1.367395983167439E-2</c:v>
                </c:pt>
                <c:pt idx="343">
                  <c:v>1.3306425593299911E-2</c:v>
                </c:pt>
                <c:pt idx="344">
                  <c:v>1.2801807360990508E-2</c:v>
                </c:pt>
                <c:pt idx="345">
                  <c:v>1.2478955552023135E-2</c:v>
                </c:pt>
                <c:pt idx="346">
                  <c:v>1.1866915187555912E-2</c:v>
                </c:pt>
                <c:pt idx="347">
                  <c:v>1.1154157094770883E-2</c:v>
                </c:pt>
                <c:pt idx="348">
                  <c:v>1.0418308435015872E-2</c:v>
                </c:pt>
                <c:pt idx="349">
                  <c:v>1.0022446033532339E-2</c:v>
                </c:pt>
                <c:pt idx="350">
                  <c:v>9.702920202620334E-3</c:v>
                </c:pt>
                <c:pt idx="351">
                  <c:v>9.5970800364039398E-3</c:v>
                </c:pt>
                <c:pt idx="352">
                  <c:v>9.4805642686034627E-3</c:v>
                </c:pt>
                <c:pt idx="353">
                  <c:v>9.5543812800063556E-3</c:v>
                </c:pt>
                <c:pt idx="354">
                  <c:v>9.9542245899473334E-3</c:v>
                </c:pt>
                <c:pt idx="355">
                  <c:v>1.0476099967532338E-2</c:v>
                </c:pt>
                <c:pt idx="356">
                  <c:v>1.1150783854642365E-2</c:v>
                </c:pt>
                <c:pt idx="357">
                  <c:v>1.1908338760469761E-2</c:v>
                </c:pt>
                <c:pt idx="358">
                  <c:v>1.2650030723878951E-2</c:v>
                </c:pt>
                <c:pt idx="359">
                  <c:v>1.3206873362947239E-2</c:v>
                </c:pt>
                <c:pt idx="360">
                  <c:v>1.3576718890730109E-2</c:v>
                </c:pt>
                <c:pt idx="361">
                  <c:v>1.3832711616981783E-2</c:v>
                </c:pt>
                <c:pt idx="362">
                  <c:v>1.3987206627872163E-2</c:v>
                </c:pt>
                <c:pt idx="363">
                  <c:v>1.3906064065112559E-2</c:v>
                </c:pt>
                <c:pt idx="364">
                  <c:v>1.363844836212044E-2</c:v>
                </c:pt>
                <c:pt idx="365">
                  <c:v>1.311887095479237E-2</c:v>
                </c:pt>
                <c:pt idx="366">
                  <c:v>1.2586772494681851E-2</c:v>
                </c:pt>
                <c:pt idx="367">
                  <c:v>1.2290906483559101E-2</c:v>
                </c:pt>
                <c:pt idx="368">
                  <c:v>1.1755465670213582E-2</c:v>
                </c:pt>
                <c:pt idx="369">
                  <c:v>1.1068214247257296E-2</c:v>
                </c:pt>
                <c:pt idx="370">
                  <c:v>1.052821175012935E-2</c:v>
                </c:pt>
                <c:pt idx="371">
                  <c:v>1.0286220459442871E-2</c:v>
                </c:pt>
                <c:pt idx="372">
                  <c:v>1.0072335839593511E-2</c:v>
                </c:pt>
                <c:pt idx="373">
                  <c:v>9.8347281613214398E-3</c:v>
                </c:pt>
                <c:pt idx="374">
                  <c:v>9.648723959391663E-3</c:v>
                </c:pt>
                <c:pt idx="375">
                  <c:v>9.8056412765238823E-3</c:v>
                </c:pt>
                <c:pt idx="376">
                  <c:v>1.01234650250975E-2</c:v>
                </c:pt>
                <c:pt idx="377">
                  <c:v>1.0477105590135592E-2</c:v>
                </c:pt>
                <c:pt idx="378">
                  <c:v>1.0904577672255271E-2</c:v>
                </c:pt>
                <c:pt idx="379">
                  <c:v>1.1450134058431887E-2</c:v>
                </c:pt>
                <c:pt idx="380">
                  <c:v>1.1957468237954016E-2</c:v>
                </c:pt>
                <c:pt idx="381">
                  <c:v>1.230313822152982E-2</c:v>
                </c:pt>
                <c:pt idx="382">
                  <c:v>1.2460798000304692E-2</c:v>
                </c:pt>
                <c:pt idx="383">
                  <c:v>1.2641568967387549E-2</c:v>
                </c:pt>
                <c:pt idx="384">
                  <c:v>1.2866010899846967E-2</c:v>
                </c:pt>
                <c:pt idx="385">
                  <c:v>1.3066727975673662E-2</c:v>
                </c:pt>
                <c:pt idx="386">
                  <c:v>1.2877215358002706E-2</c:v>
                </c:pt>
                <c:pt idx="387">
                  <c:v>1.2587943062398054E-2</c:v>
                </c:pt>
                <c:pt idx="388">
                  <c:v>1.2430691765019404E-2</c:v>
                </c:pt>
                <c:pt idx="389">
                  <c:v>1.2359463961478559E-2</c:v>
                </c:pt>
                <c:pt idx="390">
                  <c:v>1.205065125306405E-2</c:v>
                </c:pt>
                <c:pt idx="391">
                  <c:v>1.1457000403027046E-2</c:v>
                </c:pt>
                <c:pt idx="392">
                  <c:v>1.0819258275077893E-2</c:v>
                </c:pt>
                <c:pt idx="393">
                  <c:v>1.0393210201845068E-2</c:v>
                </c:pt>
                <c:pt idx="394">
                  <c:v>9.9865781130076253E-3</c:v>
                </c:pt>
                <c:pt idx="395">
                  <c:v>9.5452147423478826E-3</c:v>
                </c:pt>
                <c:pt idx="396">
                  <c:v>8.9544556512581152E-3</c:v>
                </c:pt>
                <c:pt idx="397">
                  <c:v>8.7703041033335948E-3</c:v>
                </c:pt>
                <c:pt idx="398">
                  <c:v>8.8251106407243995E-3</c:v>
                </c:pt>
                <c:pt idx="399">
                  <c:v>8.8449894450291066E-3</c:v>
                </c:pt>
                <c:pt idx="400">
                  <c:v>8.832346017640243E-3</c:v>
                </c:pt>
                <c:pt idx="401">
                  <c:v>8.9191544748062433E-3</c:v>
                </c:pt>
                <c:pt idx="402">
                  <c:v>9.2850893789265514E-3</c:v>
                </c:pt>
                <c:pt idx="403">
                  <c:v>9.738132332642398E-3</c:v>
                </c:pt>
                <c:pt idx="404">
                  <c:v>1.0058835163726781E-2</c:v>
                </c:pt>
                <c:pt idx="405">
                  <c:v>1.0450465723358058E-2</c:v>
                </c:pt>
                <c:pt idx="406">
                  <c:v>1.0699752014847533E-2</c:v>
                </c:pt>
                <c:pt idx="407">
                  <c:v>1.1005903482416961E-2</c:v>
                </c:pt>
                <c:pt idx="408">
                  <c:v>1.0927957618770268E-2</c:v>
                </c:pt>
                <c:pt idx="409">
                  <c:v>1.0836575687004061E-2</c:v>
                </c:pt>
                <c:pt idx="410">
                  <c:v>1.0849040927088367E-2</c:v>
                </c:pt>
                <c:pt idx="411">
                  <c:v>1.0614099965339685E-2</c:v>
                </c:pt>
                <c:pt idx="412">
                  <c:v>1.0018505342783144E-2</c:v>
                </c:pt>
                <c:pt idx="413">
                  <c:v>9.3274437108600075E-3</c:v>
                </c:pt>
                <c:pt idx="414">
                  <c:v>8.5916190429826331E-3</c:v>
                </c:pt>
                <c:pt idx="415">
                  <c:v>7.8048014812324819E-3</c:v>
                </c:pt>
                <c:pt idx="416">
                  <c:v>6.8852377305119745E-3</c:v>
                </c:pt>
                <c:pt idx="417">
                  <c:v>5.8861277967867422E-3</c:v>
                </c:pt>
                <c:pt idx="418">
                  <c:v>4.9807182065517777E-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DA5-4426-9CB2-F54BFFA23C6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68652976"/>
        <c:axId val="968650024"/>
      </c:scatterChart>
      <c:valAx>
        <c:axId val="96865297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68650024"/>
        <c:crosses val="autoZero"/>
        <c:crossBetween val="midCat"/>
      </c:valAx>
      <c:valAx>
        <c:axId val="9686500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6865297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7.1204944626358818E-2"/>
                  <c:y val="-0.1589698472602957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150-15s(8)'!$D$2:$D$2660</c:f>
              <c:numCache>
                <c:formatCode>General</c:formatCode>
                <c:ptCount val="2659"/>
                <c:pt idx="0">
                  <c:v>0</c:v>
                </c:pt>
                <c:pt idx="1">
                  <c:v>5.0040000000004525E-3</c:v>
                </c:pt>
                <c:pt idx="2">
                  <c:v>1.0009000000000157E-2</c:v>
                </c:pt>
                <c:pt idx="3">
                  <c:v>1.501399999999986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7999999999722E-2</c:v>
                </c:pt>
                <c:pt idx="7">
                  <c:v>3.5033000000000314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1999999999879E-2</c:v>
                </c:pt>
                <c:pt idx="12">
                  <c:v>6.0057000000000471E-2</c:v>
                </c:pt>
                <c:pt idx="13">
                  <c:v>6.5062000000000175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6000000000036E-2</c:v>
                </c:pt>
                <c:pt idx="17">
                  <c:v>8.508099999999974E-2</c:v>
                </c:pt>
                <c:pt idx="18">
                  <c:v>9.0086000000000332E-2</c:v>
                </c:pt>
                <c:pt idx="19">
                  <c:v>9.5091000000000037E-2</c:v>
                </c:pt>
                <c:pt idx="20">
                  <c:v>0.10009599999999974</c:v>
                </c:pt>
                <c:pt idx="21">
                  <c:v>0.10510000000000019</c:v>
                </c:pt>
                <c:pt idx="22">
                  <c:v>0.1101049999999999</c:v>
                </c:pt>
                <c:pt idx="23">
                  <c:v>0.11511000000000049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400000000035</c:v>
                </c:pt>
                <c:pt idx="27">
                  <c:v>0.13512900000000005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800000000051</c:v>
                </c:pt>
                <c:pt idx="32">
                  <c:v>0.16015300000000021</c:v>
                </c:pt>
                <c:pt idx="33">
                  <c:v>0.16515799999999992</c:v>
                </c:pt>
                <c:pt idx="34">
                  <c:v>0.17016300000000051</c:v>
                </c:pt>
                <c:pt idx="35">
                  <c:v>0.17516800000000021</c:v>
                </c:pt>
                <c:pt idx="36">
                  <c:v>0.18017199999999978</c:v>
                </c:pt>
                <c:pt idx="37">
                  <c:v>0.18517700000000037</c:v>
                </c:pt>
                <c:pt idx="38">
                  <c:v>0.19018200000000007</c:v>
                </c:pt>
                <c:pt idx="39">
                  <c:v>0.19518699999999978</c:v>
                </c:pt>
                <c:pt idx="40">
                  <c:v>0.20019200000000037</c:v>
                </c:pt>
                <c:pt idx="41">
                  <c:v>0.20519599999999993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099999999993</c:v>
                </c:pt>
                <c:pt idx="45">
                  <c:v>0.22521599999999964</c:v>
                </c:pt>
                <c:pt idx="46">
                  <c:v>0.23022000000000009</c:v>
                </c:pt>
                <c:pt idx="47">
                  <c:v>0.2352249999999998</c:v>
                </c:pt>
                <c:pt idx="48">
                  <c:v>0.24023000000000039</c:v>
                </c:pt>
                <c:pt idx="49">
                  <c:v>0.24523500000000009</c:v>
                </c:pt>
                <c:pt idx="50">
                  <c:v>0.2502399999999998</c:v>
                </c:pt>
                <c:pt idx="51">
                  <c:v>0.25524400000000025</c:v>
                </c:pt>
                <c:pt idx="52">
                  <c:v>0.26024899999999995</c:v>
                </c:pt>
                <c:pt idx="53">
                  <c:v>0.26525399999999966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800000000041</c:v>
                </c:pt>
                <c:pt idx="57">
                  <c:v>0.28527300000000011</c:v>
                </c:pt>
                <c:pt idx="58">
                  <c:v>0.29027799999999981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700000000027</c:v>
                </c:pt>
                <c:pt idx="63">
                  <c:v>0.31530199999999997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599999999983</c:v>
                </c:pt>
                <c:pt idx="67">
                  <c:v>0.33532100000000042</c:v>
                </c:pt>
                <c:pt idx="68">
                  <c:v>0.34032600000000013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3999999999999</c:v>
                </c:pt>
                <c:pt idx="72">
                  <c:v>0.36034499999999969</c:v>
                </c:pt>
                <c:pt idx="73">
                  <c:v>0.36535000000000029</c:v>
                </c:pt>
                <c:pt idx="74">
                  <c:v>0.37035499999999999</c:v>
                </c:pt>
                <c:pt idx="75">
                  <c:v>0.37535999999999969</c:v>
                </c:pt>
                <c:pt idx="76">
                  <c:v>0.38036400000000015</c:v>
                </c:pt>
                <c:pt idx="77">
                  <c:v>0.38536899999999985</c:v>
                </c:pt>
                <c:pt idx="78">
                  <c:v>0.39037400000000044</c:v>
                </c:pt>
                <c:pt idx="79">
                  <c:v>0.39537900000000015</c:v>
                </c:pt>
                <c:pt idx="80">
                  <c:v>0.40038399999999985</c:v>
                </c:pt>
                <c:pt idx="81">
                  <c:v>0.4053880000000003</c:v>
                </c:pt>
                <c:pt idx="82">
                  <c:v>0.41039300000000001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200000000046</c:v>
                </c:pt>
                <c:pt idx="87">
                  <c:v>0.43541700000000017</c:v>
                </c:pt>
                <c:pt idx="88">
                  <c:v>0.44042199999999987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599999999973</c:v>
                </c:pt>
                <c:pt idx="92">
                  <c:v>0.46044100000000032</c:v>
                </c:pt>
                <c:pt idx="93">
                  <c:v>0.46544600000000003</c:v>
                </c:pt>
                <c:pt idx="94">
                  <c:v>0.47045099999999973</c:v>
                </c:pt>
                <c:pt idx="95">
                  <c:v>0.47545600000000032</c:v>
                </c:pt>
                <c:pt idx="96">
                  <c:v>0.48045999999999989</c:v>
                </c:pt>
                <c:pt idx="97">
                  <c:v>0.48546500000000048</c:v>
                </c:pt>
                <c:pt idx="98">
                  <c:v>0.49047000000000018</c:v>
                </c:pt>
                <c:pt idx="99">
                  <c:v>0.49547499999999989</c:v>
                </c:pt>
                <c:pt idx="100">
                  <c:v>0.50048000000000048</c:v>
                </c:pt>
                <c:pt idx="101">
                  <c:v>0.50548400000000004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900000000004</c:v>
                </c:pt>
                <c:pt idx="105">
                  <c:v>0.52550399999999975</c:v>
                </c:pt>
                <c:pt idx="106">
                  <c:v>0.5305080000000002</c:v>
                </c:pt>
                <c:pt idx="107">
                  <c:v>0.53551299999999991</c:v>
                </c:pt>
                <c:pt idx="108">
                  <c:v>0.5405180000000005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200000000036</c:v>
                </c:pt>
                <c:pt idx="112">
                  <c:v>0.56053700000000006</c:v>
                </c:pt>
                <c:pt idx="113">
                  <c:v>0.56554199999999977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600000000052</c:v>
                </c:pt>
                <c:pt idx="117">
                  <c:v>0.58556100000000022</c:v>
                </c:pt>
                <c:pt idx="118">
                  <c:v>0.59056599999999992</c:v>
                </c:pt>
                <c:pt idx="119">
                  <c:v>0.59557100000000052</c:v>
                </c:pt>
                <c:pt idx="120">
                  <c:v>0.60057600000000022</c:v>
                </c:pt>
                <c:pt idx="121">
                  <c:v>0.60557999999999979</c:v>
                </c:pt>
                <c:pt idx="122">
                  <c:v>0.61058500000000038</c:v>
                </c:pt>
                <c:pt idx="123">
                  <c:v>0.61559000000000008</c:v>
                </c:pt>
                <c:pt idx="124">
                  <c:v>0.62059499999999979</c:v>
                </c:pt>
                <c:pt idx="125">
                  <c:v>0.62560000000000038</c:v>
                </c:pt>
                <c:pt idx="126">
                  <c:v>0.63060399999999994</c:v>
                </c:pt>
                <c:pt idx="127">
                  <c:v>0.63560899999999965</c:v>
                </c:pt>
                <c:pt idx="128">
                  <c:v>0.64061400000000024</c:v>
                </c:pt>
                <c:pt idx="129">
                  <c:v>0.64561899999999994</c:v>
                </c:pt>
                <c:pt idx="130">
                  <c:v>0.65062399999999965</c:v>
                </c:pt>
                <c:pt idx="131">
                  <c:v>0.6556280000000001</c:v>
                </c:pt>
                <c:pt idx="132">
                  <c:v>0.6606329999999998</c:v>
                </c:pt>
                <c:pt idx="133">
                  <c:v>0.6656380000000004</c:v>
                </c:pt>
                <c:pt idx="134">
                  <c:v>0.6706430000000001</c:v>
                </c:pt>
                <c:pt idx="135">
                  <c:v>0.6756479999999998</c:v>
                </c:pt>
                <c:pt idx="136">
                  <c:v>0.68065200000000026</c:v>
                </c:pt>
                <c:pt idx="137">
                  <c:v>0.68565699999999996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600000000041</c:v>
                </c:pt>
                <c:pt idx="142">
                  <c:v>0.71068100000000012</c:v>
                </c:pt>
                <c:pt idx="143">
                  <c:v>0.71568599999999982</c:v>
                </c:pt>
                <c:pt idx="144">
                  <c:v>0.72069100000000041</c:v>
                </c:pt>
                <c:pt idx="145">
                  <c:v>0.72569600000000012</c:v>
                </c:pt>
                <c:pt idx="146">
                  <c:v>0.73069999999999968</c:v>
                </c:pt>
                <c:pt idx="147">
                  <c:v>0.73570500000000028</c:v>
                </c:pt>
                <c:pt idx="148">
                  <c:v>0.74070999999999998</c:v>
                </c:pt>
                <c:pt idx="149">
                  <c:v>0.74571499999999968</c:v>
                </c:pt>
                <c:pt idx="150">
                  <c:v>0.75072000000000028</c:v>
                </c:pt>
                <c:pt idx="151">
                  <c:v>0.75572399999999984</c:v>
                </c:pt>
                <c:pt idx="152">
                  <c:v>0.76072900000000043</c:v>
                </c:pt>
                <c:pt idx="153">
                  <c:v>0.76573400000000014</c:v>
                </c:pt>
                <c:pt idx="154">
                  <c:v>0.77073899999999984</c:v>
                </c:pt>
                <c:pt idx="155">
                  <c:v>0.77574400000000043</c:v>
                </c:pt>
                <c:pt idx="156">
                  <c:v>0.780748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3</c:v>
                </c:pt>
                <c:pt idx="160">
                  <c:v>0.8007679999999997</c:v>
                </c:pt>
                <c:pt idx="161">
                  <c:v>0.80577200000000015</c:v>
                </c:pt>
                <c:pt idx="162">
                  <c:v>0.81077699999999986</c:v>
                </c:pt>
                <c:pt idx="163">
                  <c:v>0.81578200000000045</c:v>
                </c:pt>
                <c:pt idx="164">
                  <c:v>0.82078700000000016</c:v>
                </c:pt>
                <c:pt idx="165">
                  <c:v>0.82579199999999986</c:v>
                </c:pt>
                <c:pt idx="166">
                  <c:v>0.83079600000000031</c:v>
                </c:pt>
                <c:pt idx="167">
                  <c:v>0.83580100000000002</c:v>
                </c:pt>
                <c:pt idx="168">
                  <c:v>0.84080599999999972</c:v>
                </c:pt>
                <c:pt idx="169">
                  <c:v>0.84581100000000031</c:v>
                </c:pt>
                <c:pt idx="170">
                  <c:v>0.85081600000000002</c:v>
                </c:pt>
                <c:pt idx="171">
                  <c:v>0.85582000000000047</c:v>
                </c:pt>
                <c:pt idx="172">
                  <c:v>0.86082500000000017</c:v>
                </c:pt>
                <c:pt idx="173">
                  <c:v>0.86582999999999988</c:v>
                </c:pt>
                <c:pt idx="174">
                  <c:v>0.87083500000000047</c:v>
                </c:pt>
                <c:pt idx="175">
                  <c:v>0.87584000000000017</c:v>
                </c:pt>
                <c:pt idx="176">
                  <c:v>0.88084399999999974</c:v>
                </c:pt>
                <c:pt idx="177">
                  <c:v>0.88584900000000033</c:v>
                </c:pt>
                <c:pt idx="178">
                  <c:v>0.89085400000000003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79999999999</c:v>
                </c:pt>
                <c:pt idx="182">
                  <c:v>0.91087300000000049</c:v>
                </c:pt>
                <c:pt idx="183">
                  <c:v>0.91587800000000019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200000000005</c:v>
                </c:pt>
                <c:pt idx="187">
                  <c:v>0.93589699999999976</c:v>
                </c:pt>
                <c:pt idx="188">
                  <c:v>0.94090200000000035</c:v>
                </c:pt>
                <c:pt idx="189">
                  <c:v>0.94590700000000005</c:v>
                </c:pt>
                <c:pt idx="190">
                  <c:v>0.95091199999999976</c:v>
                </c:pt>
                <c:pt idx="191">
                  <c:v>0.95591600000000021</c:v>
                </c:pt>
                <c:pt idx="192">
                  <c:v>0.96092099999999991</c:v>
                </c:pt>
                <c:pt idx="193">
                  <c:v>0.96592600000000051</c:v>
                </c:pt>
                <c:pt idx="194">
                  <c:v>0.97093100000000021</c:v>
                </c:pt>
                <c:pt idx="195">
                  <c:v>0.97593599999999991</c:v>
                </c:pt>
                <c:pt idx="196">
                  <c:v>0.98094000000000037</c:v>
                </c:pt>
                <c:pt idx="197">
                  <c:v>0.98594500000000007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600000000001</c:v>
                </c:pt>
                <c:pt idx="201">
                  <c:v>1.0059639999999996</c:v>
                </c:pt>
                <c:pt idx="202">
                  <c:v>1.0109690000000002</c:v>
                </c:pt>
                <c:pt idx="203">
                  <c:v>1.0159739999999999</c:v>
                </c:pt>
                <c:pt idx="204">
                  <c:v>1.0209789999999996</c:v>
                </c:pt>
                <c:pt idx="205">
                  <c:v>1.0259840000000002</c:v>
                </c:pt>
                <c:pt idx="206">
                  <c:v>1.0309879999999998</c:v>
                </c:pt>
                <c:pt idx="207">
                  <c:v>1.0359930000000004</c:v>
                </c:pt>
                <c:pt idx="208">
                  <c:v>1.0409980000000001</c:v>
                </c:pt>
                <c:pt idx="209">
                  <c:v>1.0460029999999998</c:v>
                </c:pt>
                <c:pt idx="210">
                  <c:v>1.0510080000000004</c:v>
                </c:pt>
                <c:pt idx="211">
                  <c:v>1.056012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</c:v>
                </c:pt>
                <c:pt idx="215">
                  <c:v>1.0760319999999997</c:v>
                </c:pt>
                <c:pt idx="216">
                  <c:v>1.0810360000000001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10000000001</c:v>
                </c:pt>
                <c:pt idx="220">
                  <c:v>1.1010559999999998</c:v>
                </c:pt>
                <c:pt idx="221">
                  <c:v>1.1060600000000003</c:v>
                </c:pt>
                <c:pt idx="222">
                  <c:v>1.111065</c:v>
                </c:pt>
                <c:pt idx="223">
                  <c:v>1.1160699999999997</c:v>
                </c:pt>
                <c:pt idx="224">
                  <c:v>1.1210750000000003</c:v>
                </c:pt>
                <c:pt idx="225">
                  <c:v>1.12608</c:v>
                </c:pt>
                <c:pt idx="226">
                  <c:v>1.1310840000000004</c:v>
                </c:pt>
                <c:pt idx="227">
                  <c:v>1.1360890000000001</c:v>
                </c:pt>
                <c:pt idx="228">
                  <c:v>1.1410939999999998</c:v>
                </c:pt>
                <c:pt idx="229">
                  <c:v>1.1460990000000004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30000000003</c:v>
                </c:pt>
                <c:pt idx="233">
                  <c:v>1.166118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19999999998</c:v>
                </c:pt>
                <c:pt idx="237">
                  <c:v>1.1861370000000004</c:v>
                </c:pt>
                <c:pt idx="238">
                  <c:v>1.1911420000000001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6</c:v>
                </c:pt>
                <c:pt idx="242">
                  <c:v>1.2111609999999997</c:v>
                </c:pt>
                <c:pt idx="243">
                  <c:v>1.2161660000000003</c:v>
                </c:pt>
                <c:pt idx="244">
                  <c:v>1.2211710000000009</c:v>
                </c:pt>
                <c:pt idx="245">
                  <c:v>1.2261759999999997</c:v>
                </c:pt>
                <c:pt idx="246">
                  <c:v>1.2311799999999993</c:v>
                </c:pt>
                <c:pt idx="247">
                  <c:v>1.2361849999999999</c:v>
                </c:pt>
                <c:pt idx="248">
                  <c:v>1.2411900000000005</c:v>
                </c:pt>
                <c:pt idx="249">
                  <c:v>1.2461949999999993</c:v>
                </c:pt>
                <c:pt idx="250">
                  <c:v>1.2511999999999999</c:v>
                </c:pt>
                <c:pt idx="251">
                  <c:v>1.2562039999999994</c:v>
                </c:pt>
                <c:pt idx="252">
                  <c:v>1.261209</c:v>
                </c:pt>
                <c:pt idx="253">
                  <c:v>1.2662140000000006</c:v>
                </c:pt>
                <c:pt idx="254">
                  <c:v>1.2712189999999994</c:v>
                </c:pt>
                <c:pt idx="255">
                  <c:v>1.276224</c:v>
                </c:pt>
                <c:pt idx="256">
                  <c:v>1.2812279999999996</c:v>
                </c:pt>
                <c:pt idx="257">
                  <c:v>1.2862330000000002</c:v>
                </c:pt>
                <c:pt idx="258">
                  <c:v>1.2912380000000008</c:v>
                </c:pt>
                <c:pt idx="259">
                  <c:v>1.2962429999999996</c:v>
                </c:pt>
                <c:pt idx="260">
                  <c:v>1.3012480000000002</c:v>
                </c:pt>
                <c:pt idx="261">
                  <c:v>1.3062519999999997</c:v>
                </c:pt>
                <c:pt idx="262">
                  <c:v>1.3112570000000003</c:v>
                </c:pt>
                <c:pt idx="263">
                  <c:v>1.3162620000000009</c:v>
                </c:pt>
                <c:pt idx="264">
                  <c:v>1.3212669999999997</c:v>
                </c:pt>
                <c:pt idx="265">
                  <c:v>1.3262720000000003</c:v>
                </c:pt>
                <c:pt idx="266">
                  <c:v>1.3312759999999999</c:v>
                </c:pt>
                <c:pt idx="267">
                  <c:v>1.3362810000000005</c:v>
                </c:pt>
                <c:pt idx="268">
                  <c:v>1.3412859999999993</c:v>
                </c:pt>
                <c:pt idx="269">
                  <c:v>1.3462909999999999</c:v>
                </c:pt>
                <c:pt idx="270">
                  <c:v>1.3512960000000005</c:v>
                </c:pt>
                <c:pt idx="271">
                  <c:v>1.3563000000000001</c:v>
                </c:pt>
                <c:pt idx="272">
                  <c:v>1.3613050000000007</c:v>
                </c:pt>
                <c:pt idx="273">
                  <c:v>1.3663099999999995</c:v>
                </c:pt>
                <c:pt idx="274">
                  <c:v>1.3713150000000001</c:v>
                </c:pt>
                <c:pt idx="275">
                  <c:v>1.3763200000000007</c:v>
                </c:pt>
                <c:pt idx="276">
                  <c:v>1.3813240000000002</c:v>
                </c:pt>
                <c:pt idx="277">
                  <c:v>1.3863290000000008</c:v>
                </c:pt>
                <c:pt idx="278">
                  <c:v>1.3913339999999996</c:v>
                </c:pt>
                <c:pt idx="279">
                  <c:v>1.3963390000000002</c:v>
                </c:pt>
                <c:pt idx="280">
                  <c:v>1.4013440000000008</c:v>
                </c:pt>
                <c:pt idx="281">
                  <c:v>1.4063480000000004</c:v>
                </c:pt>
                <c:pt idx="282">
                  <c:v>1.4113529999999992</c:v>
                </c:pt>
                <c:pt idx="283">
                  <c:v>1.4163579999999998</c:v>
                </c:pt>
                <c:pt idx="284">
                  <c:v>1.4213630000000004</c:v>
                </c:pt>
                <c:pt idx="285">
                  <c:v>1.4263679999999992</c:v>
                </c:pt>
                <c:pt idx="286">
                  <c:v>1.4313720000000005</c:v>
                </c:pt>
                <c:pt idx="287">
                  <c:v>1.4363769999999993</c:v>
                </c:pt>
                <c:pt idx="288">
                  <c:v>1.4413819999999999</c:v>
                </c:pt>
                <c:pt idx="289">
                  <c:v>1.4463870000000005</c:v>
                </c:pt>
                <c:pt idx="290">
                  <c:v>1.4513919999999993</c:v>
                </c:pt>
                <c:pt idx="291">
                  <c:v>1.4563960000000007</c:v>
                </c:pt>
                <c:pt idx="292">
                  <c:v>1.4614009999999995</c:v>
                </c:pt>
                <c:pt idx="293">
                  <c:v>1.4664060000000001</c:v>
                </c:pt>
                <c:pt idx="294">
                  <c:v>1.4714110000000007</c:v>
                </c:pt>
                <c:pt idx="295">
                  <c:v>1.4764159999999995</c:v>
                </c:pt>
                <c:pt idx="296">
                  <c:v>1.4814200000000008</c:v>
                </c:pt>
                <c:pt idx="297">
                  <c:v>1.4864249999999997</c:v>
                </c:pt>
                <c:pt idx="298">
                  <c:v>1.4914300000000003</c:v>
                </c:pt>
                <c:pt idx="299">
                  <c:v>1.4964350000000008</c:v>
                </c:pt>
                <c:pt idx="300">
                  <c:v>1.5014399999999997</c:v>
                </c:pt>
                <c:pt idx="301">
                  <c:v>1.5064439999999992</c:v>
                </c:pt>
                <c:pt idx="302">
                  <c:v>1.5114489999999998</c:v>
                </c:pt>
                <c:pt idx="303">
                  <c:v>1.5164540000000004</c:v>
                </c:pt>
                <c:pt idx="304">
                  <c:v>1.5214589999999992</c:v>
                </c:pt>
                <c:pt idx="305">
                  <c:v>1.5264639999999998</c:v>
                </c:pt>
                <c:pt idx="306">
                  <c:v>1.5314679999999994</c:v>
                </c:pt>
                <c:pt idx="307">
                  <c:v>1.536473</c:v>
                </c:pt>
                <c:pt idx="308">
                  <c:v>1.5414780000000006</c:v>
                </c:pt>
                <c:pt idx="309">
                  <c:v>1.5464829999999994</c:v>
                </c:pt>
                <c:pt idx="310">
                  <c:v>1.551488</c:v>
                </c:pt>
                <c:pt idx="311">
                  <c:v>1.5564919999999995</c:v>
                </c:pt>
                <c:pt idx="312">
                  <c:v>1.5614970000000001</c:v>
                </c:pt>
                <c:pt idx="313">
                  <c:v>1.5665020000000007</c:v>
                </c:pt>
                <c:pt idx="314">
                  <c:v>1.5715069999999995</c:v>
                </c:pt>
                <c:pt idx="315">
                  <c:v>1.5765120000000001</c:v>
                </c:pt>
                <c:pt idx="316">
                  <c:v>1.5815159999999997</c:v>
                </c:pt>
                <c:pt idx="317">
                  <c:v>1.5865210000000003</c:v>
                </c:pt>
                <c:pt idx="318">
                  <c:v>1.5915260000000009</c:v>
                </c:pt>
                <c:pt idx="319">
                  <c:v>1.5965309999999997</c:v>
                </c:pt>
                <c:pt idx="320">
                  <c:v>1.6015360000000003</c:v>
                </c:pt>
                <c:pt idx="321">
                  <c:v>1.6065399999999999</c:v>
                </c:pt>
                <c:pt idx="322">
                  <c:v>1.6115450000000004</c:v>
                </c:pt>
                <c:pt idx="323">
                  <c:v>1.6165499999999993</c:v>
                </c:pt>
                <c:pt idx="324">
                  <c:v>1.6215549999999999</c:v>
                </c:pt>
                <c:pt idx="325">
                  <c:v>1.6265600000000004</c:v>
                </c:pt>
                <c:pt idx="326">
                  <c:v>1.631564</c:v>
                </c:pt>
                <c:pt idx="327">
                  <c:v>1.6365690000000006</c:v>
                </c:pt>
                <c:pt idx="328">
                  <c:v>1.6415739999999994</c:v>
                </c:pt>
                <c:pt idx="329">
                  <c:v>1.646579</c:v>
                </c:pt>
                <c:pt idx="330">
                  <c:v>1.6515840000000006</c:v>
                </c:pt>
                <c:pt idx="331">
                  <c:v>1.6565880000000002</c:v>
                </c:pt>
                <c:pt idx="332">
                  <c:v>1.6615930000000008</c:v>
                </c:pt>
                <c:pt idx="333">
                  <c:v>1.6665979999999996</c:v>
                </c:pt>
                <c:pt idx="334">
                  <c:v>1.6716030000000002</c:v>
                </c:pt>
                <c:pt idx="335">
                  <c:v>1.6766080000000008</c:v>
                </c:pt>
                <c:pt idx="336">
                  <c:v>1.6816120000000003</c:v>
                </c:pt>
                <c:pt idx="337">
                  <c:v>1.6866170000000009</c:v>
                </c:pt>
                <c:pt idx="338">
                  <c:v>1.6916219999999997</c:v>
                </c:pt>
                <c:pt idx="339">
                  <c:v>1.6966270000000003</c:v>
                </c:pt>
                <c:pt idx="340">
                  <c:v>1.7016320000000009</c:v>
                </c:pt>
                <c:pt idx="341">
                  <c:v>1.7066360000000005</c:v>
                </c:pt>
                <c:pt idx="342">
                  <c:v>1.7116409999999993</c:v>
                </c:pt>
                <c:pt idx="343">
                  <c:v>1.7166459999999999</c:v>
                </c:pt>
                <c:pt idx="344">
                  <c:v>1.7216510000000005</c:v>
                </c:pt>
                <c:pt idx="345">
                  <c:v>1.7266559999999993</c:v>
                </c:pt>
                <c:pt idx="346">
                  <c:v>1.7316600000000006</c:v>
                </c:pt>
                <c:pt idx="347">
                  <c:v>1.7366649999999995</c:v>
                </c:pt>
                <c:pt idx="348">
                  <c:v>1.7416700000000001</c:v>
                </c:pt>
                <c:pt idx="349">
                  <c:v>1.7466750000000006</c:v>
                </c:pt>
                <c:pt idx="350">
                  <c:v>1.7516799999999995</c:v>
                </c:pt>
                <c:pt idx="351">
                  <c:v>1.7566840000000008</c:v>
                </c:pt>
                <c:pt idx="352">
                  <c:v>1.7616889999999996</c:v>
                </c:pt>
                <c:pt idx="353">
                  <c:v>1.7666940000000002</c:v>
                </c:pt>
                <c:pt idx="354">
                  <c:v>1.7716990000000008</c:v>
                </c:pt>
                <c:pt idx="355">
                  <c:v>1.7767039999999996</c:v>
                </c:pt>
                <c:pt idx="356">
                  <c:v>1.781708000000001</c:v>
                </c:pt>
                <c:pt idx="357">
                  <c:v>1.7867129999999998</c:v>
                </c:pt>
                <c:pt idx="358">
                  <c:v>1.7917180000000004</c:v>
                </c:pt>
                <c:pt idx="359">
                  <c:v>1.796723000000001</c:v>
                </c:pt>
                <c:pt idx="360">
                  <c:v>1.8017279999999998</c:v>
                </c:pt>
                <c:pt idx="361">
                  <c:v>1.8067319999999993</c:v>
                </c:pt>
                <c:pt idx="362">
                  <c:v>1.8117369999999999</c:v>
                </c:pt>
                <c:pt idx="363">
                  <c:v>1.8167420000000005</c:v>
                </c:pt>
                <c:pt idx="364">
                  <c:v>1.8217469999999993</c:v>
                </c:pt>
                <c:pt idx="365">
                  <c:v>1.8267519999999999</c:v>
                </c:pt>
                <c:pt idx="366">
                  <c:v>1.8317559999999995</c:v>
                </c:pt>
                <c:pt idx="367">
                  <c:v>1.8367610000000001</c:v>
                </c:pt>
                <c:pt idx="368">
                  <c:v>1.8417660000000007</c:v>
                </c:pt>
                <c:pt idx="369">
                  <c:v>1.8467709999999995</c:v>
                </c:pt>
                <c:pt idx="370">
                  <c:v>1.8517760000000001</c:v>
                </c:pt>
                <c:pt idx="371">
                  <c:v>1.8567799999999997</c:v>
                </c:pt>
                <c:pt idx="372">
                  <c:v>1.8617850000000002</c:v>
                </c:pt>
                <c:pt idx="373">
                  <c:v>1.8667900000000008</c:v>
                </c:pt>
                <c:pt idx="374">
                  <c:v>1.8717949999999997</c:v>
                </c:pt>
                <c:pt idx="375">
                  <c:v>1.8768000000000002</c:v>
                </c:pt>
                <c:pt idx="376">
                  <c:v>1.8818039999999998</c:v>
                </c:pt>
                <c:pt idx="377">
                  <c:v>1.8868090000000004</c:v>
                </c:pt>
                <c:pt idx="378">
                  <c:v>1.891813999999999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8</c:v>
                </c:pt>
                <c:pt idx="382">
                  <c:v>1.9118330000000006</c:v>
                </c:pt>
                <c:pt idx="383">
                  <c:v>1.9168379999999994</c:v>
                </c:pt>
                <c:pt idx="384">
                  <c:v>1.921843</c:v>
                </c:pt>
                <c:pt idx="385">
                  <c:v>1.9268480000000006</c:v>
                </c:pt>
                <c:pt idx="386">
                  <c:v>1.9318520000000001</c:v>
                </c:pt>
                <c:pt idx="387">
                  <c:v>1.9368570000000007</c:v>
                </c:pt>
                <c:pt idx="388">
                  <c:v>1.9418619999999995</c:v>
                </c:pt>
                <c:pt idx="389">
                  <c:v>1.9468670000000001</c:v>
                </c:pt>
                <c:pt idx="390">
                  <c:v>1.9518720000000007</c:v>
                </c:pt>
                <c:pt idx="391">
                  <c:v>1.9568760000000003</c:v>
                </c:pt>
                <c:pt idx="392">
                  <c:v>1.9618810000000009</c:v>
                </c:pt>
                <c:pt idx="393">
                  <c:v>1.9668859999999997</c:v>
                </c:pt>
                <c:pt idx="394">
                  <c:v>1.9718910000000003</c:v>
                </c:pt>
                <c:pt idx="395">
                  <c:v>1.9768960000000009</c:v>
                </c:pt>
                <c:pt idx="396">
                  <c:v>1.9819000000000004</c:v>
                </c:pt>
                <c:pt idx="397">
                  <c:v>1.9869049999999993</c:v>
                </c:pt>
                <c:pt idx="398">
                  <c:v>1.9919099999999998</c:v>
                </c:pt>
                <c:pt idx="399">
                  <c:v>1.9969150000000004</c:v>
                </c:pt>
                <c:pt idx="400">
                  <c:v>2.0019199999999993</c:v>
                </c:pt>
                <c:pt idx="401">
                  <c:v>2.0069240000000006</c:v>
                </c:pt>
                <c:pt idx="402">
                  <c:v>2.0119289999999994</c:v>
                </c:pt>
                <c:pt idx="403">
                  <c:v>2.016934</c:v>
                </c:pt>
                <c:pt idx="404">
                  <c:v>2.0219390000000006</c:v>
                </c:pt>
                <c:pt idx="405">
                  <c:v>2.0269439999999994</c:v>
                </c:pt>
                <c:pt idx="406">
                  <c:v>2.0319480000000008</c:v>
                </c:pt>
                <c:pt idx="407">
                  <c:v>2.0369529999999996</c:v>
                </c:pt>
                <c:pt idx="408">
                  <c:v>2.0419580000000002</c:v>
                </c:pt>
                <c:pt idx="409">
                  <c:v>2.0469630000000008</c:v>
                </c:pt>
                <c:pt idx="410">
                  <c:v>2.0519679999999996</c:v>
                </c:pt>
                <c:pt idx="411">
                  <c:v>2.0569720000000009</c:v>
                </c:pt>
              </c:numCache>
            </c:numRef>
          </c:xVal>
          <c:yVal>
            <c:numRef>
              <c:f>'Multi-150-15s(8)'!$E$2:$E$2660</c:f>
              <c:numCache>
                <c:formatCode>General</c:formatCode>
                <c:ptCount val="2659"/>
                <c:pt idx="0">
                  <c:v>0</c:v>
                </c:pt>
                <c:pt idx="1">
                  <c:v>1.877083999999968</c:v>
                </c:pt>
                <c:pt idx="2">
                  <c:v>3.2844230000000607</c:v>
                </c:pt>
                <c:pt idx="3">
                  <c:v>4.4381639999999152</c:v>
                </c:pt>
                <c:pt idx="4">
                  <c:v>5.2007799999998952</c:v>
                </c:pt>
                <c:pt idx="5">
                  <c:v>5.2939770000000408</c:v>
                </c:pt>
                <c:pt idx="6">
                  <c:v>4.9804129999999986</c:v>
                </c:pt>
                <c:pt idx="7">
                  <c:v>4.8484880000000885</c:v>
                </c:pt>
                <c:pt idx="8">
                  <c:v>4.1672040000000834</c:v>
                </c:pt>
                <c:pt idx="9">
                  <c:v>2.8426979999999276</c:v>
                </c:pt>
                <c:pt idx="10">
                  <c:v>2.1190710000000763</c:v>
                </c:pt>
                <c:pt idx="11">
                  <c:v>1.4037699999998949</c:v>
                </c:pt>
                <c:pt idx="12">
                  <c:v>2.1190710000000763</c:v>
                </c:pt>
                <c:pt idx="13">
                  <c:v>1.265625</c:v>
                </c:pt>
                <c:pt idx="14">
                  <c:v>2.8426979999999276</c:v>
                </c:pt>
                <c:pt idx="15">
                  <c:v>4.1672040000000834</c:v>
                </c:pt>
                <c:pt idx="16">
                  <c:v>4.8484880000000885</c:v>
                </c:pt>
                <c:pt idx="17">
                  <c:v>4.1672040000000834</c:v>
                </c:pt>
                <c:pt idx="18">
                  <c:v>2.8426979999999276</c:v>
                </c:pt>
                <c:pt idx="19">
                  <c:v>4.8484880000000885</c:v>
                </c:pt>
                <c:pt idx="20">
                  <c:v>5.2939770000000408</c:v>
                </c:pt>
                <c:pt idx="21">
                  <c:v>4.6251970000000711</c:v>
                </c:pt>
                <c:pt idx="22">
                  <c:v>5.3515540000000783</c:v>
                </c:pt>
                <c:pt idx="23">
                  <c:v>6.4354000000000724</c:v>
                </c:pt>
                <c:pt idx="24">
                  <c:v>7.6582690000000184</c:v>
                </c:pt>
                <c:pt idx="25">
                  <c:v>8.7651009999999587</c:v>
                </c:pt>
                <c:pt idx="26">
                  <c:v>9.519170000000031</c:v>
                </c:pt>
                <c:pt idx="27">
                  <c:v>9.6386740000000373</c:v>
                </c:pt>
                <c:pt idx="28">
                  <c:v>9.6015669999999318</c:v>
                </c:pt>
                <c:pt idx="29">
                  <c:v>9.7130329999999958</c:v>
                </c:pt>
                <c:pt idx="30">
                  <c:v>9.4055499999999483</c:v>
                </c:pt>
                <c:pt idx="31">
                  <c:v>8.9086939999999686</c:v>
                </c:pt>
                <c:pt idx="32">
                  <c:v>8.6792430000000422</c:v>
                </c:pt>
                <c:pt idx="33">
                  <c:v>8.2705980000000636</c:v>
                </c:pt>
                <c:pt idx="34">
                  <c:v>7.8048429999998916</c:v>
                </c:pt>
                <c:pt idx="35">
                  <c:v>7.5915219999999408</c:v>
                </c:pt>
                <c:pt idx="36">
                  <c:v>7.1659159999999247</c:v>
                </c:pt>
                <c:pt idx="37">
                  <c:v>6.5994849999999587</c:v>
                </c:pt>
                <c:pt idx="38">
                  <c:v>5.8515010000000984</c:v>
                </c:pt>
                <c:pt idx="39">
                  <c:v>5.310944999999947</c:v>
                </c:pt>
                <c:pt idx="40">
                  <c:v>5.2594910000000255</c:v>
                </c:pt>
                <c:pt idx="41">
                  <c:v>5.8245039999999335</c:v>
                </c:pt>
                <c:pt idx="42">
                  <c:v>6.9526599999999235</c:v>
                </c:pt>
                <c:pt idx="43">
                  <c:v>7.871360999999979</c:v>
                </c:pt>
                <c:pt idx="44">
                  <c:v>8.5720329999999194</c:v>
                </c:pt>
                <c:pt idx="45">
                  <c:v>9.2523459999999886</c:v>
                </c:pt>
                <c:pt idx="46">
                  <c:v>9.9159500000000662</c:v>
                </c:pt>
                <c:pt idx="47">
                  <c:v>10.496474000000035</c:v>
                </c:pt>
                <c:pt idx="48">
                  <c:v>10.971768999999995</c:v>
                </c:pt>
                <c:pt idx="49">
                  <c:v>11.429826999999932</c:v>
                </c:pt>
                <c:pt idx="50">
                  <c:v>11.774349000000029</c:v>
                </c:pt>
                <c:pt idx="51">
                  <c:v>11.535431000000017</c:v>
                </c:pt>
                <c:pt idx="52">
                  <c:v>11.528524999999945</c:v>
                </c:pt>
                <c:pt idx="53">
                  <c:v>11.235212000000047</c:v>
                </c:pt>
                <c:pt idx="54">
                  <c:v>11.143006999999898</c:v>
                </c:pt>
                <c:pt idx="55">
                  <c:v>10.836446999999907</c:v>
                </c:pt>
                <c:pt idx="56">
                  <c:v>10.210503000000017</c:v>
                </c:pt>
                <c:pt idx="57">
                  <c:v>9.78392400000007</c:v>
                </c:pt>
                <c:pt idx="58">
                  <c:v>9.3840390000000298</c:v>
                </c:pt>
                <c:pt idx="59">
                  <c:v>9.0033539999999448</c:v>
                </c:pt>
                <c:pt idx="60">
                  <c:v>9.1483109999999215</c:v>
                </c:pt>
                <c:pt idx="61">
                  <c:v>9.2856939999999213</c:v>
                </c:pt>
                <c:pt idx="62">
                  <c:v>9.6978429999999207</c:v>
                </c:pt>
                <c:pt idx="63">
                  <c:v>10.331380000000081</c:v>
                </c:pt>
                <c:pt idx="64">
                  <c:v>11.062875000000076</c:v>
                </c:pt>
                <c:pt idx="65">
                  <c:v>11.847622000000001</c:v>
                </c:pt>
                <c:pt idx="66">
                  <c:v>12.55087299999991</c:v>
                </c:pt>
                <c:pt idx="67">
                  <c:v>13.534317000000101</c:v>
                </c:pt>
                <c:pt idx="68">
                  <c:v>14.780346000000009</c:v>
                </c:pt>
                <c:pt idx="69">
                  <c:v>15.585364999999911</c:v>
                </c:pt>
                <c:pt idx="70">
                  <c:v>16.088023999999905</c:v>
                </c:pt>
                <c:pt idx="71">
                  <c:v>16.548111000000063</c:v>
                </c:pt>
                <c:pt idx="72">
                  <c:v>16.556104000000005</c:v>
                </c:pt>
                <c:pt idx="73">
                  <c:v>15.888482999999951</c:v>
                </c:pt>
                <c:pt idx="74">
                  <c:v>15.40047299999992</c:v>
                </c:pt>
                <c:pt idx="75">
                  <c:v>15.023194999999987</c:v>
                </c:pt>
                <c:pt idx="76">
                  <c:v>14.759945000000016</c:v>
                </c:pt>
                <c:pt idx="77">
                  <c:v>14.071204999999964</c:v>
                </c:pt>
                <c:pt idx="78">
                  <c:v>12.968740000000025</c:v>
                </c:pt>
                <c:pt idx="79">
                  <c:v>11.119286999999986</c:v>
                </c:pt>
                <c:pt idx="80">
                  <c:v>9.8701200000000426</c:v>
                </c:pt>
                <c:pt idx="81">
                  <c:v>8.8860429999999724</c:v>
                </c:pt>
                <c:pt idx="82">
                  <c:v>8.4768369999999322</c:v>
                </c:pt>
                <c:pt idx="83">
                  <c:v>8.606309999999894</c:v>
                </c:pt>
                <c:pt idx="84">
                  <c:v>9.0107049999999163</c:v>
                </c:pt>
                <c:pt idx="85">
                  <c:v>9.4998029999999289</c:v>
                </c:pt>
                <c:pt idx="86">
                  <c:v>10.426093999999921</c:v>
                </c:pt>
                <c:pt idx="87">
                  <c:v>11.734474000000091</c:v>
                </c:pt>
                <c:pt idx="88">
                  <c:v>13.229215000000067</c:v>
                </c:pt>
                <c:pt idx="89">
                  <c:v>14.823437000000013</c:v>
                </c:pt>
                <c:pt idx="90">
                  <c:v>16.45551300000011</c:v>
                </c:pt>
                <c:pt idx="91">
                  <c:v>17.478372000000036</c:v>
                </c:pt>
                <c:pt idx="92">
                  <c:v>18.279600999999957</c:v>
                </c:pt>
                <c:pt idx="93">
                  <c:v>18.894833000000062</c:v>
                </c:pt>
                <c:pt idx="94">
                  <c:v>19.298763999999892</c:v>
                </c:pt>
                <c:pt idx="95">
                  <c:v>19.697527000000036</c:v>
                </c:pt>
                <c:pt idx="96">
                  <c:v>19.464386999999988</c:v>
                </c:pt>
                <c:pt idx="97">
                  <c:v>18.823041999999987</c:v>
                </c:pt>
                <c:pt idx="98">
                  <c:v>18.216130000000021</c:v>
                </c:pt>
                <c:pt idx="99">
                  <c:v>17.515476000000035</c:v>
                </c:pt>
                <c:pt idx="100">
                  <c:v>16.923279000000093</c:v>
                </c:pt>
                <c:pt idx="101">
                  <c:v>16.391266999999971</c:v>
                </c:pt>
                <c:pt idx="102">
                  <c:v>16.512253000000101</c:v>
                </c:pt>
                <c:pt idx="103">
                  <c:v>16.876788000000033</c:v>
                </c:pt>
                <c:pt idx="104">
                  <c:v>16.761056000000053</c:v>
                </c:pt>
                <c:pt idx="105">
                  <c:v>17.196239000000105</c:v>
                </c:pt>
                <c:pt idx="106">
                  <c:v>17.776967999999897</c:v>
                </c:pt>
                <c:pt idx="107">
                  <c:v>18.56936799999994</c:v>
                </c:pt>
                <c:pt idx="108">
                  <c:v>19.006210999999894</c:v>
                </c:pt>
                <c:pt idx="109">
                  <c:v>19.605704999999944</c:v>
                </c:pt>
                <c:pt idx="110">
                  <c:v>19.937370999999985</c:v>
                </c:pt>
                <c:pt idx="111">
                  <c:v>20.360979000000043</c:v>
                </c:pt>
                <c:pt idx="112">
                  <c:v>20.213764000000083</c:v>
                </c:pt>
                <c:pt idx="113">
                  <c:v>20.080813999999918</c:v>
                </c:pt>
                <c:pt idx="114">
                  <c:v>19.831249000000071</c:v>
                </c:pt>
                <c:pt idx="115">
                  <c:v>19.841339000000062</c:v>
                </c:pt>
                <c:pt idx="116">
                  <c:v>19.927533999999923</c:v>
                </c:pt>
                <c:pt idx="117">
                  <c:v>19.485752999999931</c:v>
                </c:pt>
                <c:pt idx="118">
                  <c:v>19.236671999999999</c:v>
                </c:pt>
                <c:pt idx="119">
                  <c:v>19.190425000000005</c:v>
                </c:pt>
                <c:pt idx="120">
                  <c:v>18.820967999999993</c:v>
                </c:pt>
                <c:pt idx="121">
                  <c:v>18.215273999999908</c:v>
                </c:pt>
                <c:pt idx="122">
                  <c:v>17.892718999999943</c:v>
                </c:pt>
                <c:pt idx="123">
                  <c:v>17.537514000000101</c:v>
                </c:pt>
                <c:pt idx="124">
                  <c:v>17.449174999999968</c:v>
                </c:pt>
                <c:pt idx="125">
                  <c:v>17.441927000000078</c:v>
                </c:pt>
                <c:pt idx="126">
                  <c:v>17.442148999999972</c:v>
                </c:pt>
                <c:pt idx="127">
                  <c:v>17.785466000000042</c:v>
                </c:pt>
                <c:pt idx="128">
                  <c:v>18.312572999999929</c:v>
                </c:pt>
                <c:pt idx="129">
                  <c:v>18.35924399999999</c:v>
                </c:pt>
                <c:pt idx="130">
                  <c:v>18.955967000000101</c:v>
                </c:pt>
                <c:pt idx="131">
                  <c:v>19.766965999999911</c:v>
                </c:pt>
                <c:pt idx="132">
                  <c:v>20.689865999999938</c:v>
                </c:pt>
                <c:pt idx="133">
                  <c:v>21.644293000000062</c:v>
                </c:pt>
                <c:pt idx="134">
                  <c:v>22.536139000000048</c:v>
                </c:pt>
                <c:pt idx="135">
                  <c:v>23.549434000000019</c:v>
                </c:pt>
                <c:pt idx="136">
                  <c:v>23.991260000000011</c:v>
                </c:pt>
                <c:pt idx="137">
                  <c:v>23.940767000000051</c:v>
                </c:pt>
                <c:pt idx="138">
                  <c:v>24.111660000000029</c:v>
                </c:pt>
                <c:pt idx="139">
                  <c:v>24.380315999999993</c:v>
                </c:pt>
                <c:pt idx="140">
                  <c:v>24.300815000000057</c:v>
                </c:pt>
                <c:pt idx="141">
                  <c:v>23.51272999999992</c:v>
                </c:pt>
                <c:pt idx="142">
                  <c:v>22.309111999999914</c:v>
                </c:pt>
                <c:pt idx="143">
                  <c:v>21.067508000000089</c:v>
                </c:pt>
                <c:pt idx="144">
                  <c:v>19.98499199999992</c:v>
                </c:pt>
                <c:pt idx="145">
                  <c:v>19.053061000000071</c:v>
                </c:pt>
                <c:pt idx="146">
                  <c:v>18.26235900000006</c:v>
                </c:pt>
                <c:pt idx="147">
                  <c:v>18.011533000000099</c:v>
                </c:pt>
                <c:pt idx="148">
                  <c:v>18.796109000000115</c:v>
                </c:pt>
                <c:pt idx="149">
                  <c:v>19.750084000000015</c:v>
                </c:pt>
                <c:pt idx="150">
                  <c:v>20.287043999999923</c:v>
                </c:pt>
                <c:pt idx="151">
                  <c:v>20.738914999999906</c:v>
                </c:pt>
                <c:pt idx="152">
                  <c:v>21.587252999999919</c:v>
                </c:pt>
                <c:pt idx="153">
                  <c:v>22.243815999999924</c:v>
                </c:pt>
                <c:pt idx="154">
                  <c:v>22.587181999999984</c:v>
                </c:pt>
                <c:pt idx="155">
                  <c:v>22.506067999999914</c:v>
                </c:pt>
                <c:pt idx="156">
                  <c:v>22.425662000000102</c:v>
                </c:pt>
                <c:pt idx="157">
                  <c:v>22.052271999999903</c:v>
                </c:pt>
                <c:pt idx="158">
                  <c:v>21.387283999999909</c:v>
                </c:pt>
                <c:pt idx="159">
                  <c:v>21.044624999999996</c:v>
                </c:pt>
                <c:pt idx="160">
                  <c:v>20.813214000000016</c:v>
                </c:pt>
                <c:pt idx="161">
                  <c:v>20.213375999999926</c:v>
                </c:pt>
                <c:pt idx="162">
                  <c:v>19.911886999999979</c:v>
                </c:pt>
                <c:pt idx="163">
                  <c:v>19.37507800000003</c:v>
                </c:pt>
                <c:pt idx="164">
                  <c:v>18.861977999999908</c:v>
                </c:pt>
                <c:pt idx="165">
                  <c:v>18.535945999999967</c:v>
                </c:pt>
                <c:pt idx="166">
                  <c:v>18.856003000000101</c:v>
                </c:pt>
                <c:pt idx="167">
                  <c:v>19.010074999999915</c:v>
                </c:pt>
                <c:pt idx="168">
                  <c:v>18.868077000000085</c:v>
                </c:pt>
                <c:pt idx="169">
                  <c:v>18.625189000000091</c:v>
                </c:pt>
                <c:pt idx="170">
                  <c:v>18.472230000000081</c:v>
                </c:pt>
                <c:pt idx="171">
                  <c:v>18.404504000000088</c:v>
                </c:pt>
                <c:pt idx="172">
                  <c:v>18.773736000000099</c:v>
                </c:pt>
                <c:pt idx="173">
                  <c:v>18.974893000000066</c:v>
                </c:pt>
                <c:pt idx="174">
                  <c:v>19.291744999999992</c:v>
                </c:pt>
                <c:pt idx="175">
                  <c:v>20.473052999999936</c:v>
                </c:pt>
                <c:pt idx="176">
                  <c:v>21.537665999999945</c:v>
                </c:pt>
                <c:pt idx="177">
                  <c:v>22.514809000000014</c:v>
                </c:pt>
                <c:pt idx="178">
                  <c:v>23.993782999999894</c:v>
                </c:pt>
                <c:pt idx="179">
                  <c:v>25.622372999999925</c:v>
                </c:pt>
                <c:pt idx="180">
                  <c:v>26.765124000000014</c:v>
                </c:pt>
                <c:pt idx="181">
                  <c:v>27.379869999999983</c:v>
                </c:pt>
                <c:pt idx="182">
                  <c:v>27.509651000000076</c:v>
                </c:pt>
                <c:pt idx="183">
                  <c:v>26.699280000000044</c:v>
                </c:pt>
                <c:pt idx="184">
                  <c:v>25.854115999999976</c:v>
                </c:pt>
                <c:pt idx="185">
                  <c:v>24.66525200000001</c:v>
                </c:pt>
                <c:pt idx="186">
                  <c:v>23.369897000000037</c:v>
                </c:pt>
                <c:pt idx="187">
                  <c:v>22.586407000000008</c:v>
                </c:pt>
                <c:pt idx="188">
                  <c:v>21.898202000000083</c:v>
                </c:pt>
                <c:pt idx="189">
                  <c:v>20.840056000000004</c:v>
                </c:pt>
                <c:pt idx="190">
                  <c:v>20.291443999999956</c:v>
                </c:pt>
                <c:pt idx="191">
                  <c:v>19.880891999999903</c:v>
                </c:pt>
                <c:pt idx="192">
                  <c:v>19.857680999999957</c:v>
                </c:pt>
                <c:pt idx="193">
                  <c:v>19.952348000000029</c:v>
                </c:pt>
                <c:pt idx="194">
                  <c:v>19.663183000000117</c:v>
                </c:pt>
                <c:pt idx="195">
                  <c:v>19.501833999999917</c:v>
                </c:pt>
                <c:pt idx="196">
                  <c:v>19.623859000000039</c:v>
                </c:pt>
                <c:pt idx="197">
                  <c:v>20.378298000000086</c:v>
                </c:pt>
                <c:pt idx="198">
                  <c:v>21.52215799999999</c:v>
                </c:pt>
                <c:pt idx="199">
                  <c:v>23.088886000000002</c:v>
                </c:pt>
                <c:pt idx="200">
                  <c:v>24.322650000000067</c:v>
                </c:pt>
                <c:pt idx="201">
                  <c:v>24.863800999999967</c:v>
                </c:pt>
                <c:pt idx="202">
                  <c:v>25.404581000000007</c:v>
                </c:pt>
                <c:pt idx="203">
                  <c:v>26.530121999999892</c:v>
                </c:pt>
                <c:pt idx="204">
                  <c:v>27.238260000000082</c:v>
                </c:pt>
                <c:pt idx="205">
                  <c:v>27.806356000000051</c:v>
                </c:pt>
                <c:pt idx="206">
                  <c:v>28.495938999999908</c:v>
                </c:pt>
                <c:pt idx="207">
                  <c:v>28.954743999999891</c:v>
                </c:pt>
                <c:pt idx="208">
                  <c:v>28.887756000000081</c:v>
                </c:pt>
                <c:pt idx="209">
                  <c:v>28.859447999999929</c:v>
                </c:pt>
                <c:pt idx="210">
                  <c:v>28.581061999999974</c:v>
                </c:pt>
                <c:pt idx="211">
                  <c:v>27.712064999999939</c:v>
                </c:pt>
                <c:pt idx="212">
                  <c:v>26.842306000000008</c:v>
                </c:pt>
                <c:pt idx="213">
                  <c:v>25.989587000000029</c:v>
                </c:pt>
                <c:pt idx="214">
                  <c:v>25.156142000000045</c:v>
                </c:pt>
                <c:pt idx="215">
                  <c:v>24.402873</c:v>
                </c:pt>
                <c:pt idx="216">
                  <c:v>23.647874000000002</c:v>
                </c:pt>
                <c:pt idx="217">
                  <c:v>23.013760000000048</c:v>
                </c:pt>
                <c:pt idx="218">
                  <c:v>22.588643999999931</c:v>
                </c:pt>
                <c:pt idx="219">
                  <c:v>22.167637000000013</c:v>
                </c:pt>
                <c:pt idx="220">
                  <c:v>22.136385999999902</c:v>
                </c:pt>
                <c:pt idx="221">
                  <c:v>22.52148800000009</c:v>
                </c:pt>
                <c:pt idx="222">
                  <c:v>23.035865000000058</c:v>
                </c:pt>
                <c:pt idx="223">
                  <c:v>24.144041999999899</c:v>
                </c:pt>
                <c:pt idx="224">
                  <c:v>25.051676999999927</c:v>
                </c:pt>
                <c:pt idx="225">
                  <c:v>26.013866000000007</c:v>
                </c:pt>
                <c:pt idx="226">
                  <c:v>26.842225999999982</c:v>
                </c:pt>
                <c:pt idx="227">
                  <c:v>27.240814</c:v>
                </c:pt>
                <c:pt idx="228">
                  <c:v>27.623074999999972</c:v>
                </c:pt>
                <c:pt idx="229">
                  <c:v>27.84352899999999</c:v>
                </c:pt>
                <c:pt idx="230">
                  <c:v>28.633358000000044</c:v>
                </c:pt>
                <c:pt idx="231">
                  <c:v>28.798733000000084</c:v>
                </c:pt>
                <c:pt idx="232">
                  <c:v>28.558039000000008</c:v>
                </c:pt>
                <c:pt idx="233">
                  <c:v>28.832523000000037</c:v>
                </c:pt>
                <c:pt idx="234">
                  <c:v>29.336223000000018</c:v>
                </c:pt>
                <c:pt idx="235">
                  <c:v>29.095485999999937</c:v>
                </c:pt>
                <c:pt idx="236">
                  <c:v>28.363158999999996</c:v>
                </c:pt>
                <c:pt idx="237">
                  <c:v>28.206024999999954</c:v>
                </c:pt>
                <c:pt idx="238">
                  <c:v>27.937184999999999</c:v>
                </c:pt>
                <c:pt idx="239">
                  <c:v>27.631824999999935</c:v>
                </c:pt>
                <c:pt idx="240">
                  <c:v>27.10898300000008</c:v>
                </c:pt>
                <c:pt idx="241">
                  <c:v>26.710644000000002</c:v>
                </c:pt>
                <c:pt idx="242">
                  <c:v>26.183725000000095</c:v>
                </c:pt>
                <c:pt idx="243">
                  <c:v>25.575293000000102</c:v>
                </c:pt>
                <c:pt idx="244">
                  <c:v>25.526409000000058</c:v>
                </c:pt>
                <c:pt idx="245">
                  <c:v>25.375921000000062</c:v>
                </c:pt>
                <c:pt idx="246">
                  <c:v>25.333382000000029</c:v>
                </c:pt>
                <c:pt idx="247">
                  <c:v>25.499489999999923</c:v>
                </c:pt>
                <c:pt idx="248">
                  <c:v>25.230305000000044</c:v>
                </c:pt>
                <c:pt idx="249">
                  <c:v>25.439814999999953</c:v>
                </c:pt>
                <c:pt idx="250">
                  <c:v>25.874659000000065</c:v>
                </c:pt>
                <c:pt idx="251">
                  <c:v>26.735216000000037</c:v>
                </c:pt>
                <c:pt idx="252">
                  <c:v>27.117506000000049</c:v>
                </c:pt>
                <c:pt idx="253">
                  <c:v>27.103166000000101</c:v>
                </c:pt>
                <c:pt idx="254">
                  <c:v>27.3222659999999</c:v>
                </c:pt>
                <c:pt idx="255">
                  <c:v>27.680994999999939</c:v>
                </c:pt>
                <c:pt idx="256">
                  <c:v>28.127604000000019</c:v>
                </c:pt>
                <c:pt idx="257">
                  <c:v>28.661086000000068</c:v>
                </c:pt>
                <c:pt idx="258">
                  <c:v>28.451692999999977</c:v>
                </c:pt>
                <c:pt idx="259">
                  <c:v>28.339400999999953</c:v>
                </c:pt>
                <c:pt idx="260">
                  <c:v>28.246564000000035</c:v>
                </c:pt>
                <c:pt idx="261">
                  <c:v>27.863229000000047</c:v>
                </c:pt>
                <c:pt idx="262">
                  <c:v>27.339958000000024</c:v>
                </c:pt>
                <c:pt idx="263">
                  <c:v>26.443706999999904</c:v>
                </c:pt>
                <c:pt idx="264">
                  <c:v>25.618619999999964</c:v>
                </c:pt>
                <c:pt idx="265">
                  <c:v>24.634463000000096</c:v>
                </c:pt>
                <c:pt idx="266">
                  <c:v>23.812634000000116</c:v>
                </c:pt>
                <c:pt idx="267">
                  <c:v>23.213553999999931</c:v>
                </c:pt>
                <c:pt idx="268">
                  <c:v>22.675717000000077</c:v>
                </c:pt>
                <c:pt idx="269">
                  <c:v>22.313916000000063</c:v>
                </c:pt>
                <c:pt idx="270">
                  <c:v>22.539125999999897</c:v>
                </c:pt>
                <c:pt idx="271">
                  <c:v>23.435355999999956</c:v>
                </c:pt>
                <c:pt idx="272">
                  <c:v>24.673794000000044</c:v>
                </c:pt>
                <c:pt idx="273">
                  <c:v>25.797268000000031</c:v>
                </c:pt>
                <c:pt idx="274">
                  <c:v>27.082672000000002</c:v>
                </c:pt>
                <c:pt idx="275">
                  <c:v>28.332830999999942</c:v>
                </c:pt>
                <c:pt idx="276">
                  <c:v>29.580077999999958</c:v>
                </c:pt>
                <c:pt idx="277">
                  <c:v>30.577455999999984</c:v>
                </c:pt>
                <c:pt idx="278">
                  <c:v>31.169701000000032</c:v>
                </c:pt>
                <c:pt idx="279">
                  <c:v>31.805168000000094</c:v>
                </c:pt>
                <c:pt idx="280">
                  <c:v>31.903612000000066</c:v>
                </c:pt>
                <c:pt idx="281">
                  <c:v>31.446412999999893</c:v>
                </c:pt>
                <c:pt idx="282">
                  <c:v>30.704465000000027</c:v>
                </c:pt>
                <c:pt idx="283">
                  <c:v>29.928601999999955</c:v>
                </c:pt>
                <c:pt idx="284">
                  <c:v>28.938331999999946</c:v>
                </c:pt>
                <c:pt idx="285">
                  <c:v>27.420268000000078</c:v>
                </c:pt>
                <c:pt idx="286">
                  <c:v>25.730982999999924</c:v>
                </c:pt>
                <c:pt idx="287">
                  <c:v>24.432195999999976</c:v>
                </c:pt>
                <c:pt idx="288">
                  <c:v>23.171663000000081</c:v>
                </c:pt>
                <c:pt idx="289">
                  <c:v>22.178828999999951</c:v>
                </c:pt>
                <c:pt idx="290">
                  <c:v>21.479403000000048</c:v>
                </c:pt>
                <c:pt idx="291">
                  <c:v>22.810079000000087</c:v>
                </c:pt>
                <c:pt idx="292">
                  <c:v>25.038005000000112</c:v>
                </c:pt>
                <c:pt idx="293">
                  <c:v>27.232498000000078</c:v>
                </c:pt>
                <c:pt idx="294">
                  <c:v>29.166005000000041</c:v>
                </c:pt>
                <c:pt idx="295">
                  <c:v>30.700896000000057</c:v>
                </c:pt>
                <c:pt idx="296">
                  <c:v>30.119752000000062</c:v>
                </c:pt>
                <c:pt idx="297">
                  <c:v>29.729217999999946</c:v>
                </c:pt>
                <c:pt idx="298">
                  <c:v>30.058365000000094</c:v>
                </c:pt>
                <c:pt idx="299">
                  <c:v>31.860257000000047</c:v>
                </c:pt>
                <c:pt idx="300">
                  <c:v>32.158134000000018</c:v>
                </c:pt>
                <c:pt idx="301">
                  <c:v>32.71545900000001</c:v>
                </c:pt>
                <c:pt idx="302">
                  <c:v>33.969180000000051</c:v>
                </c:pt>
                <c:pt idx="303">
                  <c:v>33.462271999999984</c:v>
                </c:pt>
                <c:pt idx="304">
                  <c:v>32.303816000000097</c:v>
                </c:pt>
                <c:pt idx="305">
                  <c:v>32.346833999999944</c:v>
                </c:pt>
                <c:pt idx="306">
                  <c:v>33.073998999999958</c:v>
                </c:pt>
                <c:pt idx="307">
                  <c:v>33.783830999999964</c:v>
                </c:pt>
                <c:pt idx="308">
                  <c:v>33.536828999999898</c:v>
                </c:pt>
                <c:pt idx="309">
                  <c:v>33.27136500000006</c:v>
                </c:pt>
                <c:pt idx="310">
                  <c:v>32.533288999999968</c:v>
                </c:pt>
                <c:pt idx="311">
                  <c:v>30.690988000000061</c:v>
                </c:pt>
                <c:pt idx="312">
                  <c:v>30.333280999999943</c:v>
                </c:pt>
                <c:pt idx="313">
                  <c:v>29.679767999999967</c:v>
                </c:pt>
                <c:pt idx="314">
                  <c:v>30.29150699999991</c:v>
                </c:pt>
                <c:pt idx="315">
                  <c:v>30.352595999999949</c:v>
                </c:pt>
                <c:pt idx="316">
                  <c:v>31.10584300000005</c:v>
                </c:pt>
                <c:pt idx="317">
                  <c:v>30.976437000000033</c:v>
                </c:pt>
                <c:pt idx="318">
                  <c:v>30.083454000000074</c:v>
                </c:pt>
                <c:pt idx="319">
                  <c:v>30.036305999999968</c:v>
                </c:pt>
                <c:pt idx="320">
                  <c:v>30.52224799999999</c:v>
                </c:pt>
                <c:pt idx="321">
                  <c:v>30.569561999999905</c:v>
                </c:pt>
                <c:pt idx="322">
                  <c:v>30.854827999999998</c:v>
                </c:pt>
                <c:pt idx="323">
                  <c:v>30.633536000000049</c:v>
                </c:pt>
                <c:pt idx="324">
                  <c:v>29.974680999999919</c:v>
                </c:pt>
                <c:pt idx="325">
                  <c:v>29.261960000000045</c:v>
                </c:pt>
                <c:pt idx="326">
                  <c:v>28.514302999999927</c:v>
                </c:pt>
                <c:pt idx="327">
                  <c:v>28.542322000000013</c:v>
                </c:pt>
                <c:pt idx="328">
                  <c:v>28.314699000000019</c:v>
                </c:pt>
                <c:pt idx="329">
                  <c:v>29.346330999999964</c:v>
                </c:pt>
                <c:pt idx="330">
                  <c:v>30.635451000000103</c:v>
                </c:pt>
                <c:pt idx="331">
                  <c:v>30.983071999999993</c:v>
                </c:pt>
                <c:pt idx="332">
                  <c:v>31.120654000000059</c:v>
                </c:pt>
                <c:pt idx="333">
                  <c:v>30.289494999999988</c:v>
                </c:pt>
                <c:pt idx="334">
                  <c:v>29.629212999999936</c:v>
                </c:pt>
                <c:pt idx="335">
                  <c:v>29.440491000000065</c:v>
                </c:pt>
                <c:pt idx="336">
                  <c:v>29.707051999999976</c:v>
                </c:pt>
                <c:pt idx="337">
                  <c:v>31.058839000000035</c:v>
                </c:pt>
                <c:pt idx="338">
                  <c:v>30.917417000000114</c:v>
                </c:pt>
                <c:pt idx="339">
                  <c:v>29.776949999999943</c:v>
                </c:pt>
                <c:pt idx="340">
                  <c:v>29.998933999999963</c:v>
                </c:pt>
                <c:pt idx="341">
                  <c:v>29.742496000000074</c:v>
                </c:pt>
                <c:pt idx="342">
                  <c:v>29.184064000000035</c:v>
                </c:pt>
                <c:pt idx="343">
                  <c:v>28.570811000000049</c:v>
                </c:pt>
                <c:pt idx="344">
                  <c:v>27.30929500000002</c:v>
                </c:pt>
                <c:pt idx="345">
                  <c:v>26.495165000000043</c:v>
                </c:pt>
                <c:pt idx="346">
                  <c:v>26.542952999999898</c:v>
                </c:pt>
                <c:pt idx="347">
                  <c:v>28.026223000000073</c:v>
                </c:pt>
                <c:pt idx="348">
                  <c:v>29.249639000000116</c:v>
                </c:pt>
                <c:pt idx="349">
                  <c:v>30.560525999999982</c:v>
                </c:pt>
                <c:pt idx="350">
                  <c:v>31.432696000000078</c:v>
                </c:pt>
                <c:pt idx="351">
                  <c:v>31.464568999999983</c:v>
                </c:pt>
                <c:pt idx="352">
                  <c:v>31.44339100000002</c:v>
                </c:pt>
                <c:pt idx="353">
                  <c:v>31.850912999999991</c:v>
                </c:pt>
                <c:pt idx="354">
                  <c:v>31.526501999999937</c:v>
                </c:pt>
                <c:pt idx="355">
                  <c:v>32.320304000000078</c:v>
                </c:pt>
                <c:pt idx="356">
                  <c:v>33.466241000000082</c:v>
                </c:pt>
                <c:pt idx="357">
                  <c:v>34.489060000000109</c:v>
                </c:pt>
                <c:pt idx="358">
                  <c:v>35.422861999999895</c:v>
                </c:pt>
                <c:pt idx="359">
                  <c:v>36.209616000000096</c:v>
                </c:pt>
                <c:pt idx="360">
                  <c:v>36.408091999999897</c:v>
                </c:pt>
                <c:pt idx="361">
                  <c:v>35.889106999999967</c:v>
                </c:pt>
                <c:pt idx="362">
                  <c:v>36.44990400000006</c:v>
                </c:pt>
                <c:pt idx="363">
                  <c:v>36.352532999999994</c:v>
                </c:pt>
                <c:pt idx="364">
                  <c:v>35.036878999999999</c:v>
                </c:pt>
                <c:pt idx="365">
                  <c:v>34.792543000000023</c:v>
                </c:pt>
                <c:pt idx="366">
                  <c:v>35.143530999999939</c:v>
                </c:pt>
                <c:pt idx="367">
                  <c:v>34.524529999999913</c:v>
                </c:pt>
                <c:pt idx="368">
                  <c:v>34.875720000000001</c:v>
                </c:pt>
                <c:pt idx="369">
                  <c:v>34.631296999999904</c:v>
                </c:pt>
                <c:pt idx="370">
                  <c:v>33.911115000000109</c:v>
                </c:pt>
                <c:pt idx="371">
                  <c:v>35.009111000000075</c:v>
                </c:pt>
                <c:pt idx="372">
                  <c:v>36.110576999999921</c:v>
                </c:pt>
                <c:pt idx="373">
                  <c:v>36.157054000000016</c:v>
                </c:pt>
                <c:pt idx="374">
                  <c:v>34.98531899999989</c:v>
                </c:pt>
                <c:pt idx="375">
                  <c:v>34.047436000000062</c:v>
                </c:pt>
                <c:pt idx="376">
                  <c:v>33.313855000000103</c:v>
                </c:pt>
                <c:pt idx="377">
                  <c:v>32.439153999999917</c:v>
                </c:pt>
                <c:pt idx="378">
                  <c:v>31.702569999999923</c:v>
                </c:pt>
                <c:pt idx="379">
                  <c:v>31.253733999999895</c:v>
                </c:pt>
                <c:pt idx="380">
                  <c:v>31.105636000000004</c:v>
                </c:pt>
                <c:pt idx="381">
                  <c:v>31.740592000000106</c:v>
                </c:pt>
                <c:pt idx="382">
                  <c:v>32.467664000000013</c:v>
                </c:pt>
                <c:pt idx="383">
                  <c:v>32.646770999999944</c:v>
                </c:pt>
                <c:pt idx="384">
                  <c:v>32.443328999999949</c:v>
                </c:pt>
                <c:pt idx="385">
                  <c:v>32.522838000000093</c:v>
                </c:pt>
                <c:pt idx="386">
                  <c:v>32.724412000000029</c:v>
                </c:pt>
                <c:pt idx="387">
                  <c:v>33.064063000000033</c:v>
                </c:pt>
                <c:pt idx="388">
                  <c:v>32.859329000000116</c:v>
                </c:pt>
                <c:pt idx="389">
                  <c:v>32.28483899999992</c:v>
                </c:pt>
                <c:pt idx="390">
                  <c:v>32.636291999999912</c:v>
                </c:pt>
                <c:pt idx="391">
                  <c:v>33.113698999999997</c:v>
                </c:pt>
                <c:pt idx="392">
                  <c:v>33.33678000000009</c:v>
                </c:pt>
                <c:pt idx="393">
                  <c:v>33.838792999999896</c:v>
                </c:pt>
                <c:pt idx="394">
                  <c:v>34.26277899999991</c:v>
                </c:pt>
                <c:pt idx="395">
                  <c:v>34.797420000000102</c:v>
                </c:pt>
                <c:pt idx="396">
                  <c:v>34.826510000000098</c:v>
                </c:pt>
                <c:pt idx="397">
                  <c:v>34.809571000000005</c:v>
                </c:pt>
                <c:pt idx="398">
                  <c:v>34.863636000000042</c:v>
                </c:pt>
                <c:pt idx="399">
                  <c:v>34.978884999999991</c:v>
                </c:pt>
                <c:pt idx="400">
                  <c:v>34.781557000000021</c:v>
                </c:pt>
                <c:pt idx="401">
                  <c:v>34.100292000000081</c:v>
                </c:pt>
                <c:pt idx="402">
                  <c:v>33.440556000000015</c:v>
                </c:pt>
                <c:pt idx="403">
                  <c:v>33.077729999999974</c:v>
                </c:pt>
                <c:pt idx="404">
                  <c:v>32.792887999999948</c:v>
                </c:pt>
                <c:pt idx="405">
                  <c:v>31.798508999999967</c:v>
                </c:pt>
                <c:pt idx="406">
                  <c:v>30.165866999999935</c:v>
                </c:pt>
                <c:pt idx="407">
                  <c:v>28.806982999999946</c:v>
                </c:pt>
                <c:pt idx="408">
                  <c:v>28.108105999999907</c:v>
                </c:pt>
                <c:pt idx="409">
                  <c:v>27.358230000000049</c:v>
                </c:pt>
                <c:pt idx="410">
                  <c:v>26.683514000000059</c:v>
                </c:pt>
                <c:pt idx="411">
                  <c:v>26.13420999999993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EB9A-415C-B8A7-D0058D3E0AB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5.9852799650043746E-2"/>
                  <c:y val="-0.53216717701953919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150-15s(8)'!$D$3:$D$413</c:f>
              <c:numCache>
                <c:formatCode>General</c:formatCode>
                <c:ptCount val="411"/>
                <c:pt idx="0">
                  <c:v>5.0040000000004525E-3</c:v>
                </c:pt>
                <c:pt idx="1">
                  <c:v>1.0009000000000157E-2</c:v>
                </c:pt>
                <c:pt idx="2">
                  <c:v>1.5013999999999861E-2</c:v>
                </c:pt>
                <c:pt idx="3">
                  <c:v>2.0019000000000453E-2</c:v>
                </c:pt>
                <c:pt idx="4">
                  <c:v>2.5024000000000157E-2</c:v>
                </c:pt>
                <c:pt idx="5">
                  <c:v>3.0027999999999722E-2</c:v>
                </c:pt>
                <c:pt idx="6">
                  <c:v>3.5033000000000314E-2</c:v>
                </c:pt>
                <c:pt idx="7">
                  <c:v>4.0038000000000018E-2</c:v>
                </c:pt>
                <c:pt idx="8">
                  <c:v>4.5042999999999722E-2</c:v>
                </c:pt>
                <c:pt idx="9">
                  <c:v>5.0048000000000314E-2</c:v>
                </c:pt>
                <c:pt idx="10">
                  <c:v>5.5051999999999879E-2</c:v>
                </c:pt>
                <c:pt idx="11">
                  <c:v>6.0057000000000471E-2</c:v>
                </c:pt>
                <c:pt idx="12">
                  <c:v>6.5062000000000175E-2</c:v>
                </c:pt>
                <c:pt idx="13">
                  <c:v>7.0066999999999879E-2</c:v>
                </c:pt>
                <c:pt idx="14">
                  <c:v>7.5072000000000472E-2</c:v>
                </c:pt>
                <c:pt idx="15">
                  <c:v>8.0076000000000036E-2</c:v>
                </c:pt>
                <c:pt idx="16">
                  <c:v>8.508099999999974E-2</c:v>
                </c:pt>
                <c:pt idx="17">
                  <c:v>9.0086000000000332E-2</c:v>
                </c:pt>
                <c:pt idx="18">
                  <c:v>9.5091000000000037E-2</c:v>
                </c:pt>
                <c:pt idx="19">
                  <c:v>0.10009599999999974</c:v>
                </c:pt>
                <c:pt idx="20">
                  <c:v>0.10510000000000019</c:v>
                </c:pt>
                <c:pt idx="21">
                  <c:v>0.1101049999999999</c:v>
                </c:pt>
                <c:pt idx="22">
                  <c:v>0.11511000000000049</c:v>
                </c:pt>
                <c:pt idx="23">
                  <c:v>0.12011500000000019</c:v>
                </c:pt>
                <c:pt idx="24">
                  <c:v>0.1251199999999999</c:v>
                </c:pt>
                <c:pt idx="25">
                  <c:v>0.13012400000000035</c:v>
                </c:pt>
                <c:pt idx="26">
                  <c:v>0.13512900000000005</c:v>
                </c:pt>
                <c:pt idx="27">
                  <c:v>0.14013399999999976</c:v>
                </c:pt>
                <c:pt idx="28">
                  <c:v>0.14513900000000035</c:v>
                </c:pt>
                <c:pt idx="29">
                  <c:v>0.15014400000000006</c:v>
                </c:pt>
                <c:pt idx="30">
                  <c:v>0.15514800000000051</c:v>
                </c:pt>
                <c:pt idx="31">
                  <c:v>0.16015300000000021</c:v>
                </c:pt>
                <c:pt idx="32">
                  <c:v>0.16515799999999992</c:v>
                </c:pt>
                <c:pt idx="33">
                  <c:v>0.17016300000000051</c:v>
                </c:pt>
                <c:pt idx="34">
                  <c:v>0.17516800000000021</c:v>
                </c:pt>
                <c:pt idx="35">
                  <c:v>0.18017199999999978</c:v>
                </c:pt>
                <c:pt idx="36">
                  <c:v>0.18517700000000037</c:v>
                </c:pt>
                <c:pt idx="37">
                  <c:v>0.19018200000000007</c:v>
                </c:pt>
                <c:pt idx="38">
                  <c:v>0.19518699999999978</c:v>
                </c:pt>
                <c:pt idx="39">
                  <c:v>0.20019200000000037</c:v>
                </c:pt>
                <c:pt idx="40">
                  <c:v>0.20519599999999993</c:v>
                </c:pt>
                <c:pt idx="41">
                  <c:v>0.21020099999999964</c:v>
                </c:pt>
                <c:pt idx="42">
                  <c:v>0.21520600000000023</c:v>
                </c:pt>
                <c:pt idx="43">
                  <c:v>0.22021099999999993</c:v>
                </c:pt>
                <c:pt idx="44">
                  <c:v>0.22521599999999964</c:v>
                </c:pt>
                <c:pt idx="45">
                  <c:v>0.23022000000000009</c:v>
                </c:pt>
                <c:pt idx="46">
                  <c:v>0.2352249999999998</c:v>
                </c:pt>
                <c:pt idx="47">
                  <c:v>0.24023000000000039</c:v>
                </c:pt>
                <c:pt idx="48">
                  <c:v>0.24523500000000009</c:v>
                </c:pt>
                <c:pt idx="49">
                  <c:v>0.2502399999999998</c:v>
                </c:pt>
                <c:pt idx="50">
                  <c:v>0.25524400000000025</c:v>
                </c:pt>
                <c:pt idx="51">
                  <c:v>0.26024899999999995</c:v>
                </c:pt>
                <c:pt idx="52">
                  <c:v>0.26525399999999966</c:v>
                </c:pt>
                <c:pt idx="53">
                  <c:v>0.27025900000000025</c:v>
                </c:pt>
                <c:pt idx="54">
                  <c:v>0.27526399999999995</c:v>
                </c:pt>
                <c:pt idx="55">
                  <c:v>0.28026800000000041</c:v>
                </c:pt>
                <c:pt idx="56">
                  <c:v>0.28527300000000011</c:v>
                </c:pt>
                <c:pt idx="57">
                  <c:v>0.29027799999999981</c:v>
                </c:pt>
                <c:pt idx="58">
                  <c:v>0.29528300000000041</c:v>
                </c:pt>
                <c:pt idx="59">
                  <c:v>0.30028800000000011</c:v>
                </c:pt>
                <c:pt idx="60">
                  <c:v>0.30529199999999967</c:v>
                </c:pt>
                <c:pt idx="61">
                  <c:v>0.31029700000000027</c:v>
                </c:pt>
                <c:pt idx="62">
                  <c:v>0.31530199999999997</c:v>
                </c:pt>
                <c:pt idx="63">
                  <c:v>0.32030699999999968</c:v>
                </c:pt>
                <c:pt idx="64">
                  <c:v>0.32531200000000027</c:v>
                </c:pt>
                <c:pt idx="65">
                  <c:v>0.33031599999999983</c:v>
                </c:pt>
                <c:pt idx="66">
                  <c:v>0.33532100000000042</c:v>
                </c:pt>
                <c:pt idx="67">
                  <c:v>0.34032600000000013</c:v>
                </c:pt>
                <c:pt idx="68">
                  <c:v>0.34533099999999983</c:v>
                </c:pt>
                <c:pt idx="69">
                  <c:v>0.35033600000000042</c:v>
                </c:pt>
                <c:pt idx="70">
                  <c:v>0.35533999999999999</c:v>
                </c:pt>
                <c:pt idx="71">
                  <c:v>0.36034499999999969</c:v>
                </c:pt>
                <c:pt idx="72">
                  <c:v>0.36535000000000029</c:v>
                </c:pt>
                <c:pt idx="73">
                  <c:v>0.37035499999999999</c:v>
                </c:pt>
                <c:pt idx="74">
                  <c:v>0.37535999999999969</c:v>
                </c:pt>
                <c:pt idx="75">
                  <c:v>0.38036400000000015</c:v>
                </c:pt>
                <c:pt idx="76">
                  <c:v>0.38536899999999985</c:v>
                </c:pt>
                <c:pt idx="77">
                  <c:v>0.39037400000000044</c:v>
                </c:pt>
                <c:pt idx="78">
                  <c:v>0.39537900000000015</c:v>
                </c:pt>
                <c:pt idx="79">
                  <c:v>0.40038399999999985</c:v>
                </c:pt>
                <c:pt idx="80">
                  <c:v>0.4053880000000003</c:v>
                </c:pt>
                <c:pt idx="81">
                  <c:v>0.41039300000000001</c:v>
                </c:pt>
                <c:pt idx="82">
                  <c:v>0.41539799999999971</c:v>
                </c:pt>
                <c:pt idx="83">
                  <c:v>0.4204030000000003</c:v>
                </c:pt>
                <c:pt idx="84">
                  <c:v>0.42540800000000001</c:v>
                </c:pt>
                <c:pt idx="85">
                  <c:v>0.43041200000000046</c:v>
                </c:pt>
                <c:pt idx="86">
                  <c:v>0.43541700000000017</c:v>
                </c:pt>
                <c:pt idx="87">
                  <c:v>0.44042199999999987</c:v>
                </c:pt>
                <c:pt idx="88">
                  <c:v>0.44542700000000046</c:v>
                </c:pt>
                <c:pt idx="89">
                  <c:v>0.45043200000000017</c:v>
                </c:pt>
                <c:pt idx="90">
                  <c:v>0.45543599999999973</c:v>
                </c:pt>
                <c:pt idx="91">
                  <c:v>0.46044100000000032</c:v>
                </c:pt>
                <c:pt idx="92">
                  <c:v>0.46544600000000003</c:v>
                </c:pt>
                <c:pt idx="93">
                  <c:v>0.47045099999999973</c:v>
                </c:pt>
                <c:pt idx="94">
                  <c:v>0.47545600000000032</c:v>
                </c:pt>
                <c:pt idx="95">
                  <c:v>0.48045999999999989</c:v>
                </c:pt>
                <c:pt idx="96">
                  <c:v>0.48546500000000048</c:v>
                </c:pt>
                <c:pt idx="97">
                  <c:v>0.49047000000000018</c:v>
                </c:pt>
                <c:pt idx="98">
                  <c:v>0.49547499999999989</c:v>
                </c:pt>
                <c:pt idx="99">
                  <c:v>0.50048000000000048</c:v>
                </c:pt>
                <c:pt idx="100">
                  <c:v>0.50548400000000004</c:v>
                </c:pt>
                <c:pt idx="101">
                  <c:v>0.51048899999999975</c:v>
                </c:pt>
                <c:pt idx="102">
                  <c:v>0.51549400000000034</c:v>
                </c:pt>
                <c:pt idx="103">
                  <c:v>0.52049900000000004</c:v>
                </c:pt>
                <c:pt idx="104">
                  <c:v>0.52550399999999975</c:v>
                </c:pt>
                <c:pt idx="105">
                  <c:v>0.5305080000000002</c:v>
                </c:pt>
                <c:pt idx="106">
                  <c:v>0.53551299999999991</c:v>
                </c:pt>
                <c:pt idx="107">
                  <c:v>0.5405180000000005</c:v>
                </c:pt>
                <c:pt idx="108">
                  <c:v>0.5455230000000002</c:v>
                </c:pt>
                <c:pt idx="109">
                  <c:v>0.55052799999999991</c:v>
                </c:pt>
                <c:pt idx="110">
                  <c:v>0.55553200000000036</c:v>
                </c:pt>
                <c:pt idx="111">
                  <c:v>0.56053700000000006</c:v>
                </c:pt>
                <c:pt idx="112">
                  <c:v>0.56554199999999977</c:v>
                </c:pt>
                <c:pt idx="113">
                  <c:v>0.57054700000000036</c:v>
                </c:pt>
                <c:pt idx="114">
                  <c:v>0.57555200000000006</c:v>
                </c:pt>
                <c:pt idx="115">
                  <c:v>0.58055600000000052</c:v>
                </c:pt>
                <c:pt idx="116">
                  <c:v>0.58556100000000022</c:v>
                </c:pt>
                <c:pt idx="117">
                  <c:v>0.59056599999999992</c:v>
                </c:pt>
                <c:pt idx="118">
                  <c:v>0.59557100000000052</c:v>
                </c:pt>
                <c:pt idx="119">
                  <c:v>0.60057600000000022</c:v>
                </c:pt>
                <c:pt idx="120">
                  <c:v>0.60557999999999979</c:v>
                </c:pt>
                <c:pt idx="121">
                  <c:v>0.61058500000000038</c:v>
                </c:pt>
                <c:pt idx="122">
                  <c:v>0.61559000000000008</c:v>
                </c:pt>
                <c:pt idx="123">
                  <c:v>0.62059499999999979</c:v>
                </c:pt>
                <c:pt idx="124">
                  <c:v>0.62560000000000038</c:v>
                </c:pt>
                <c:pt idx="125">
                  <c:v>0.63060399999999994</c:v>
                </c:pt>
                <c:pt idx="126">
                  <c:v>0.63560899999999965</c:v>
                </c:pt>
                <c:pt idx="127">
                  <c:v>0.64061400000000024</c:v>
                </c:pt>
                <c:pt idx="128">
                  <c:v>0.64561899999999994</c:v>
                </c:pt>
                <c:pt idx="129">
                  <c:v>0.65062399999999965</c:v>
                </c:pt>
                <c:pt idx="130">
                  <c:v>0.6556280000000001</c:v>
                </c:pt>
                <c:pt idx="131">
                  <c:v>0.6606329999999998</c:v>
                </c:pt>
                <c:pt idx="132">
                  <c:v>0.6656380000000004</c:v>
                </c:pt>
                <c:pt idx="133">
                  <c:v>0.6706430000000001</c:v>
                </c:pt>
                <c:pt idx="134">
                  <c:v>0.6756479999999998</c:v>
                </c:pt>
                <c:pt idx="135">
                  <c:v>0.68065200000000026</c:v>
                </c:pt>
                <c:pt idx="136">
                  <c:v>0.68565699999999996</c:v>
                </c:pt>
                <c:pt idx="137">
                  <c:v>0.69066199999999967</c:v>
                </c:pt>
                <c:pt idx="138">
                  <c:v>0.69566700000000026</c:v>
                </c:pt>
                <c:pt idx="139">
                  <c:v>0.70067199999999996</c:v>
                </c:pt>
                <c:pt idx="140">
                  <c:v>0.70567600000000041</c:v>
                </c:pt>
                <c:pt idx="141">
                  <c:v>0.71068100000000012</c:v>
                </c:pt>
                <c:pt idx="142">
                  <c:v>0.71568599999999982</c:v>
                </c:pt>
                <c:pt idx="143">
                  <c:v>0.72069100000000041</c:v>
                </c:pt>
                <c:pt idx="144">
                  <c:v>0.72569600000000012</c:v>
                </c:pt>
                <c:pt idx="145">
                  <c:v>0.73069999999999968</c:v>
                </c:pt>
                <c:pt idx="146">
                  <c:v>0.73570500000000028</c:v>
                </c:pt>
                <c:pt idx="147">
                  <c:v>0.74070999999999998</c:v>
                </c:pt>
                <c:pt idx="148">
                  <c:v>0.74571499999999968</c:v>
                </c:pt>
                <c:pt idx="149">
                  <c:v>0.75072000000000028</c:v>
                </c:pt>
                <c:pt idx="150">
                  <c:v>0.75572399999999984</c:v>
                </c:pt>
                <c:pt idx="151">
                  <c:v>0.76072900000000043</c:v>
                </c:pt>
                <c:pt idx="152">
                  <c:v>0.76573400000000014</c:v>
                </c:pt>
                <c:pt idx="153">
                  <c:v>0.77073899999999984</c:v>
                </c:pt>
                <c:pt idx="154">
                  <c:v>0.77574400000000043</c:v>
                </c:pt>
                <c:pt idx="155">
                  <c:v>0.780748</c:v>
                </c:pt>
                <c:pt idx="156">
                  <c:v>0.7857529999999997</c:v>
                </c:pt>
                <c:pt idx="157">
                  <c:v>0.79075800000000029</c:v>
                </c:pt>
                <c:pt idx="158">
                  <c:v>0.795763</c:v>
                </c:pt>
                <c:pt idx="159">
                  <c:v>0.8007679999999997</c:v>
                </c:pt>
                <c:pt idx="160">
                  <c:v>0.80577200000000015</c:v>
                </c:pt>
                <c:pt idx="161">
                  <c:v>0.81077699999999986</c:v>
                </c:pt>
                <c:pt idx="162">
                  <c:v>0.81578200000000045</c:v>
                </c:pt>
                <c:pt idx="163">
                  <c:v>0.82078700000000016</c:v>
                </c:pt>
                <c:pt idx="164">
                  <c:v>0.82579199999999986</c:v>
                </c:pt>
                <c:pt idx="165">
                  <c:v>0.83079600000000031</c:v>
                </c:pt>
                <c:pt idx="166">
                  <c:v>0.83580100000000002</c:v>
                </c:pt>
                <c:pt idx="167">
                  <c:v>0.84080599999999972</c:v>
                </c:pt>
                <c:pt idx="168">
                  <c:v>0.84581100000000031</c:v>
                </c:pt>
                <c:pt idx="169">
                  <c:v>0.85081600000000002</c:v>
                </c:pt>
                <c:pt idx="170">
                  <c:v>0.85582000000000047</c:v>
                </c:pt>
                <c:pt idx="171">
                  <c:v>0.86082500000000017</c:v>
                </c:pt>
                <c:pt idx="172">
                  <c:v>0.86582999999999988</c:v>
                </c:pt>
                <c:pt idx="173">
                  <c:v>0.87083500000000047</c:v>
                </c:pt>
                <c:pt idx="174">
                  <c:v>0.87584000000000017</c:v>
                </c:pt>
                <c:pt idx="175">
                  <c:v>0.88084399999999974</c:v>
                </c:pt>
                <c:pt idx="176">
                  <c:v>0.88584900000000033</c:v>
                </c:pt>
                <c:pt idx="177">
                  <c:v>0.89085400000000003</c:v>
                </c:pt>
                <c:pt idx="178">
                  <c:v>0.89585899999999974</c:v>
                </c:pt>
                <c:pt idx="179">
                  <c:v>0.90086400000000033</c:v>
                </c:pt>
                <c:pt idx="180">
                  <c:v>0.9058679999999999</c:v>
                </c:pt>
                <c:pt idx="181">
                  <c:v>0.91087300000000049</c:v>
                </c:pt>
                <c:pt idx="182">
                  <c:v>0.91587800000000019</c:v>
                </c:pt>
                <c:pt idx="183">
                  <c:v>0.9208829999999999</c:v>
                </c:pt>
                <c:pt idx="184">
                  <c:v>0.92588800000000049</c:v>
                </c:pt>
                <c:pt idx="185">
                  <c:v>0.93089200000000005</c:v>
                </c:pt>
                <c:pt idx="186">
                  <c:v>0.93589699999999976</c:v>
                </c:pt>
                <c:pt idx="187">
                  <c:v>0.94090200000000035</c:v>
                </c:pt>
                <c:pt idx="188">
                  <c:v>0.94590700000000005</c:v>
                </c:pt>
                <c:pt idx="189">
                  <c:v>0.95091199999999976</c:v>
                </c:pt>
                <c:pt idx="190">
                  <c:v>0.95591600000000021</c:v>
                </c:pt>
                <c:pt idx="191">
                  <c:v>0.96092099999999991</c:v>
                </c:pt>
                <c:pt idx="192">
                  <c:v>0.96592600000000051</c:v>
                </c:pt>
                <c:pt idx="193">
                  <c:v>0.97093100000000021</c:v>
                </c:pt>
                <c:pt idx="194">
                  <c:v>0.97593599999999991</c:v>
                </c:pt>
                <c:pt idx="195">
                  <c:v>0.98094000000000037</c:v>
                </c:pt>
                <c:pt idx="196">
                  <c:v>0.98594500000000007</c:v>
                </c:pt>
                <c:pt idx="197">
                  <c:v>0.99094999999999978</c:v>
                </c:pt>
                <c:pt idx="198">
                  <c:v>0.99595500000000037</c:v>
                </c:pt>
                <c:pt idx="199">
                  <c:v>1.0009600000000001</c:v>
                </c:pt>
                <c:pt idx="200">
                  <c:v>1.0059639999999996</c:v>
                </c:pt>
                <c:pt idx="201">
                  <c:v>1.0109690000000002</c:v>
                </c:pt>
                <c:pt idx="202">
                  <c:v>1.0159739999999999</c:v>
                </c:pt>
                <c:pt idx="203">
                  <c:v>1.0209789999999996</c:v>
                </c:pt>
                <c:pt idx="204">
                  <c:v>1.0259840000000002</c:v>
                </c:pt>
                <c:pt idx="205">
                  <c:v>1.0309879999999998</c:v>
                </c:pt>
                <c:pt idx="206">
                  <c:v>1.0359930000000004</c:v>
                </c:pt>
                <c:pt idx="207">
                  <c:v>1.0409980000000001</c:v>
                </c:pt>
                <c:pt idx="208">
                  <c:v>1.0460029999999998</c:v>
                </c:pt>
                <c:pt idx="209">
                  <c:v>1.0510080000000004</c:v>
                </c:pt>
                <c:pt idx="210">
                  <c:v>1.056012</c:v>
                </c:pt>
                <c:pt idx="211">
                  <c:v>1.0610169999999997</c:v>
                </c:pt>
                <c:pt idx="212">
                  <c:v>1.0660220000000002</c:v>
                </c:pt>
                <c:pt idx="213">
                  <c:v>1.071027</c:v>
                </c:pt>
                <c:pt idx="214">
                  <c:v>1.0760319999999997</c:v>
                </c:pt>
                <c:pt idx="215">
                  <c:v>1.0810360000000001</c:v>
                </c:pt>
                <c:pt idx="216">
                  <c:v>1.0860409999999998</c:v>
                </c:pt>
                <c:pt idx="217">
                  <c:v>1.0910460000000004</c:v>
                </c:pt>
                <c:pt idx="218">
                  <c:v>1.0960510000000001</c:v>
                </c:pt>
                <c:pt idx="219">
                  <c:v>1.1010559999999998</c:v>
                </c:pt>
                <c:pt idx="220">
                  <c:v>1.1060600000000003</c:v>
                </c:pt>
                <c:pt idx="221">
                  <c:v>1.111065</c:v>
                </c:pt>
                <c:pt idx="222">
                  <c:v>1.1160699999999997</c:v>
                </c:pt>
                <c:pt idx="223">
                  <c:v>1.1210750000000003</c:v>
                </c:pt>
                <c:pt idx="224">
                  <c:v>1.12608</c:v>
                </c:pt>
                <c:pt idx="225">
                  <c:v>1.1310840000000004</c:v>
                </c:pt>
                <c:pt idx="226">
                  <c:v>1.1360890000000001</c:v>
                </c:pt>
                <c:pt idx="227">
                  <c:v>1.1410939999999998</c:v>
                </c:pt>
                <c:pt idx="228">
                  <c:v>1.1460990000000004</c:v>
                </c:pt>
                <c:pt idx="229">
                  <c:v>1.1511040000000001</c:v>
                </c:pt>
                <c:pt idx="230">
                  <c:v>1.1561079999999997</c:v>
                </c:pt>
                <c:pt idx="231">
                  <c:v>1.1611130000000003</c:v>
                </c:pt>
                <c:pt idx="232">
                  <c:v>1.166118</c:v>
                </c:pt>
                <c:pt idx="233">
                  <c:v>1.1711229999999997</c:v>
                </c:pt>
                <c:pt idx="234">
                  <c:v>1.1761280000000003</c:v>
                </c:pt>
                <c:pt idx="235">
                  <c:v>1.1811319999999998</c:v>
                </c:pt>
                <c:pt idx="236">
                  <c:v>1.1861370000000004</c:v>
                </c:pt>
                <c:pt idx="237">
                  <c:v>1.1911420000000001</c:v>
                </c:pt>
                <c:pt idx="238">
                  <c:v>1.1961469999999998</c:v>
                </c:pt>
                <c:pt idx="239">
                  <c:v>1.2011520000000004</c:v>
                </c:pt>
                <c:pt idx="240">
                  <c:v>1.206156</c:v>
                </c:pt>
                <c:pt idx="241">
                  <c:v>1.2111609999999997</c:v>
                </c:pt>
                <c:pt idx="242">
                  <c:v>1.2161660000000003</c:v>
                </c:pt>
                <c:pt idx="243">
                  <c:v>1.2211710000000009</c:v>
                </c:pt>
                <c:pt idx="244">
                  <c:v>1.2261759999999997</c:v>
                </c:pt>
                <c:pt idx="245">
                  <c:v>1.2311799999999993</c:v>
                </c:pt>
                <c:pt idx="246">
                  <c:v>1.2361849999999999</c:v>
                </c:pt>
                <c:pt idx="247">
                  <c:v>1.2411900000000005</c:v>
                </c:pt>
                <c:pt idx="248">
                  <c:v>1.2461949999999993</c:v>
                </c:pt>
                <c:pt idx="249">
                  <c:v>1.2511999999999999</c:v>
                </c:pt>
                <c:pt idx="250">
                  <c:v>1.2562039999999994</c:v>
                </c:pt>
                <c:pt idx="251">
                  <c:v>1.261209</c:v>
                </c:pt>
                <c:pt idx="252">
                  <c:v>1.2662140000000006</c:v>
                </c:pt>
                <c:pt idx="253">
                  <c:v>1.2712189999999994</c:v>
                </c:pt>
                <c:pt idx="254">
                  <c:v>1.276224</c:v>
                </c:pt>
                <c:pt idx="255">
                  <c:v>1.2812279999999996</c:v>
                </c:pt>
                <c:pt idx="256">
                  <c:v>1.2862330000000002</c:v>
                </c:pt>
                <c:pt idx="257">
                  <c:v>1.2912380000000008</c:v>
                </c:pt>
                <c:pt idx="258">
                  <c:v>1.2962429999999996</c:v>
                </c:pt>
                <c:pt idx="259">
                  <c:v>1.3012480000000002</c:v>
                </c:pt>
                <c:pt idx="260">
                  <c:v>1.3062519999999997</c:v>
                </c:pt>
                <c:pt idx="261">
                  <c:v>1.3112570000000003</c:v>
                </c:pt>
                <c:pt idx="262">
                  <c:v>1.3162620000000009</c:v>
                </c:pt>
                <c:pt idx="263">
                  <c:v>1.3212669999999997</c:v>
                </c:pt>
                <c:pt idx="264">
                  <c:v>1.3262720000000003</c:v>
                </c:pt>
                <c:pt idx="265">
                  <c:v>1.3312759999999999</c:v>
                </c:pt>
                <c:pt idx="266">
                  <c:v>1.3362810000000005</c:v>
                </c:pt>
                <c:pt idx="267">
                  <c:v>1.3412859999999993</c:v>
                </c:pt>
                <c:pt idx="268">
                  <c:v>1.3462909999999999</c:v>
                </c:pt>
                <c:pt idx="269">
                  <c:v>1.3512960000000005</c:v>
                </c:pt>
                <c:pt idx="270">
                  <c:v>1.3563000000000001</c:v>
                </c:pt>
                <c:pt idx="271">
                  <c:v>1.3613050000000007</c:v>
                </c:pt>
                <c:pt idx="272">
                  <c:v>1.3663099999999995</c:v>
                </c:pt>
                <c:pt idx="273">
                  <c:v>1.3713150000000001</c:v>
                </c:pt>
                <c:pt idx="274">
                  <c:v>1.3763200000000007</c:v>
                </c:pt>
                <c:pt idx="275">
                  <c:v>1.3813240000000002</c:v>
                </c:pt>
                <c:pt idx="276">
                  <c:v>1.3863290000000008</c:v>
                </c:pt>
                <c:pt idx="277">
                  <c:v>1.3913339999999996</c:v>
                </c:pt>
                <c:pt idx="278">
                  <c:v>1.3963390000000002</c:v>
                </c:pt>
                <c:pt idx="279">
                  <c:v>1.4013440000000008</c:v>
                </c:pt>
                <c:pt idx="280">
                  <c:v>1.4063480000000004</c:v>
                </c:pt>
                <c:pt idx="281">
                  <c:v>1.4113529999999992</c:v>
                </c:pt>
                <c:pt idx="282">
                  <c:v>1.4163579999999998</c:v>
                </c:pt>
                <c:pt idx="283">
                  <c:v>1.4213630000000004</c:v>
                </c:pt>
                <c:pt idx="284">
                  <c:v>1.4263679999999992</c:v>
                </c:pt>
                <c:pt idx="285">
                  <c:v>1.4313720000000005</c:v>
                </c:pt>
                <c:pt idx="286">
                  <c:v>1.4363769999999993</c:v>
                </c:pt>
                <c:pt idx="287">
                  <c:v>1.4413819999999999</c:v>
                </c:pt>
                <c:pt idx="288">
                  <c:v>1.4463870000000005</c:v>
                </c:pt>
                <c:pt idx="289">
                  <c:v>1.4513919999999993</c:v>
                </c:pt>
                <c:pt idx="290">
                  <c:v>1.4563960000000007</c:v>
                </c:pt>
                <c:pt idx="291">
                  <c:v>1.4614009999999995</c:v>
                </c:pt>
                <c:pt idx="292">
                  <c:v>1.4664060000000001</c:v>
                </c:pt>
                <c:pt idx="293">
                  <c:v>1.4714110000000007</c:v>
                </c:pt>
                <c:pt idx="294">
                  <c:v>1.4764159999999995</c:v>
                </c:pt>
                <c:pt idx="295">
                  <c:v>1.4814200000000008</c:v>
                </c:pt>
                <c:pt idx="296">
                  <c:v>1.4864249999999997</c:v>
                </c:pt>
                <c:pt idx="297">
                  <c:v>1.4914300000000003</c:v>
                </c:pt>
                <c:pt idx="298">
                  <c:v>1.4964350000000008</c:v>
                </c:pt>
                <c:pt idx="299">
                  <c:v>1.5014399999999997</c:v>
                </c:pt>
                <c:pt idx="300">
                  <c:v>1.5064439999999992</c:v>
                </c:pt>
                <c:pt idx="301">
                  <c:v>1.5114489999999998</c:v>
                </c:pt>
                <c:pt idx="302">
                  <c:v>1.5164540000000004</c:v>
                </c:pt>
                <c:pt idx="303">
                  <c:v>1.5214589999999992</c:v>
                </c:pt>
                <c:pt idx="304">
                  <c:v>1.5264639999999998</c:v>
                </c:pt>
                <c:pt idx="305">
                  <c:v>1.5314679999999994</c:v>
                </c:pt>
                <c:pt idx="306">
                  <c:v>1.536473</c:v>
                </c:pt>
                <c:pt idx="307">
                  <c:v>1.5414780000000006</c:v>
                </c:pt>
                <c:pt idx="308">
                  <c:v>1.5464829999999994</c:v>
                </c:pt>
                <c:pt idx="309">
                  <c:v>1.551488</c:v>
                </c:pt>
                <c:pt idx="310">
                  <c:v>1.5564919999999995</c:v>
                </c:pt>
                <c:pt idx="311">
                  <c:v>1.5614970000000001</c:v>
                </c:pt>
                <c:pt idx="312">
                  <c:v>1.5665020000000007</c:v>
                </c:pt>
                <c:pt idx="313">
                  <c:v>1.5715069999999995</c:v>
                </c:pt>
                <c:pt idx="314">
                  <c:v>1.5765120000000001</c:v>
                </c:pt>
                <c:pt idx="315">
                  <c:v>1.5815159999999997</c:v>
                </c:pt>
                <c:pt idx="316">
                  <c:v>1.5865210000000003</c:v>
                </c:pt>
                <c:pt idx="317">
                  <c:v>1.5915260000000009</c:v>
                </c:pt>
                <c:pt idx="318">
                  <c:v>1.5965309999999997</c:v>
                </c:pt>
                <c:pt idx="319">
                  <c:v>1.6015360000000003</c:v>
                </c:pt>
                <c:pt idx="320">
                  <c:v>1.6065399999999999</c:v>
                </c:pt>
                <c:pt idx="321">
                  <c:v>1.6115450000000004</c:v>
                </c:pt>
                <c:pt idx="322">
                  <c:v>1.6165499999999993</c:v>
                </c:pt>
                <c:pt idx="323">
                  <c:v>1.6215549999999999</c:v>
                </c:pt>
                <c:pt idx="324">
                  <c:v>1.6265600000000004</c:v>
                </c:pt>
                <c:pt idx="325">
                  <c:v>1.631564</c:v>
                </c:pt>
                <c:pt idx="326">
                  <c:v>1.6365690000000006</c:v>
                </c:pt>
                <c:pt idx="327">
                  <c:v>1.6415739999999994</c:v>
                </c:pt>
                <c:pt idx="328">
                  <c:v>1.646579</c:v>
                </c:pt>
                <c:pt idx="329">
                  <c:v>1.6515840000000006</c:v>
                </c:pt>
                <c:pt idx="330">
                  <c:v>1.6565880000000002</c:v>
                </c:pt>
                <c:pt idx="331">
                  <c:v>1.6615930000000008</c:v>
                </c:pt>
                <c:pt idx="332">
                  <c:v>1.6665979999999996</c:v>
                </c:pt>
                <c:pt idx="333">
                  <c:v>1.6716030000000002</c:v>
                </c:pt>
                <c:pt idx="334">
                  <c:v>1.6766080000000008</c:v>
                </c:pt>
                <c:pt idx="335">
                  <c:v>1.6816120000000003</c:v>
                </c:pt>
                <c:pt idx="336">
                  <c:v>1.6866170000000009</c:v>
                </c:pt>
                <c:pt idx="337">
                  <c:v>1.6916219999999997</c:v>
                </c:pt>
                <c:pt idx="338">
                  <c:v>1.6966270000000003</c:v>
                </c:pt>
                <c:pt idx="339">
                  <c:v>1.7016320000000009</c:v>
                </c:pt>
                <c:pt idx="340">
                  <c:v>1.7066360000000005</c:v>
                </c:pt>
                <c:pt idx="341">
                  <c:v>1.7116409999999993</c:v>
                </c:pt>
                <c:pt idx="342">
                  <c:v>1.7166459999999999</c:v>
                </c:pt>
                <c:pt idx="343">
                  <c:v>1.7216510000000005</c:v>
                </c:pt>
                <c:pt idx="344">
                  <c:v>1.7266559999999993</c:v>
                </c:pt>
                <c:pt idx="345">
                  <c:v>1.7316600000000006</c:v>
                </c:pt>
                <c:pt idx="346">
                  <c:v>1.7366649999999995</c:v>
                </c:pt>
                <c:pt idx="347">
                  <c:v>1.7416700000000001</c:v>
                </c:pt>
                <c:pt idx="348">
                  <c:v>1.7466750000000006</c:v>
                </c:pt>
                <c:pt idx="349">
                  <c:v>1.7516799999999995</c:v>
                </c:pt>
                <c:pt idx="350">
                  <c:v>1.7566840000000008</c:v>
                </c:pt>
                <c:pt idx="351">
                  <c:v>1.7616889999999996</c:v>
                </c:pt>
                <c:pt idx="352">
                  <c:v>1.7666940000000002</c:v>
                </c:pt>
                <c:pt idx="353">
                  <c:v>1.7716990000000008</c:v>
                </c:pt>
                <c:pt idx="354">
                  <c:v>1.7767039999999996</c:v>
                </c:pt>
                <c:pt idx="355">
                  <c:v>1.781708000000001</c:v>
                </c:pt>
                <c:pt idx="356">
                  <c:v>1.7867129999999998</c:v>
                </c:pt>
                <c:pt idx="357">
                  <c:v>1.7917180000000004</c:v>
                </c:pt>
                <c:pt idx="358">
                  <c:v>1.796723000000001</c:v>
                </c:pt>
                <c:pt idx="359">
                  <c:v>1.8017279999999998</c:v>
                </c:pt>
                <c:pt idx="360">
                  <c:v>1.8067319999999993</c:v>
                </c:pt>
                <c:pt idx="361">
                  <c:v>1.8117369999999999</c:v>
                </c:pt>
                <c:pt idx="362">
                  <c:v>1.8167420000000005</c:v>
                </c:pt>
                <c:pt idx="363">
                  <c:v>1.8217469999999993</c:v>
                </c:pt>
                <c:pt idx="364">
                  <c:v>1.8267519999999999</c:v>
                </c:pt>
                <c:pt idx="365">
                  <c:v>1.8317559999999995</c:v>
                </c:pt>
                <c:pt idx="366">
                  <c:v>1.8367610000000001</c:v>
                </c:pt>
                <c:pt idx="367">
                  <c:v>1.8417660000000007</c:v>
                </c:pt>
                <c:pt idx="368">
                  <c:v>1.8467709999999995</c:v>
                </c:pt>
                <c:pt idx="369">
                  <c:v>1.8517760000000001</c:v>
                </c:pt>
                <c:pt idx="370">
                  <c:v>1.8567799999999997</c:v>
                </c:pt>
                <c:pt idx="371">
                  <c:v>1.8617850000000002</c:v>
                </c:pt>
                <c:pt idx="372">
                  <c:v>1.8667900000000008</c:v>
                </c:pt>
                <c:pt idx="373">
                  <c:v>1.8717949999999997</c:v>
                </c:pt>
                <c:pt idx="374">
                  <c:v>1.8768000000000002</c:v>
                </c:pt>
                <c:pt idx="375">
                  <c:v>1.8818039999999998</c:v>
                </c:pt>
                <c:pt idx="376">
                  <c:v>1.8868090000000004</c:v>
                </c:pt>
                <c:pt idx="377">
                  <c:v>1.8918139999999992</c:v>
                </c:pt>
                <c:pt idx="378">
                  <c:v>1.8968189999999998</c:v>
                </c:pt>
                <c:pt idx="379">
                  <c:v>1.9018240000000004</c:v>
                </c:pt>
                <c:pt idx="380">
                  <c:v>1.906828</c:v>
                </c:pt>
                <c:pt idx="381">
                  <c:v>1.9118330000000006</c:v>
                </c:pt>
                <c:pt idx="382">
                  <c:v>1.9168379999999994</c:v>
                </c:pt>
                <c:pt idx="383">
                  <c:v>1.921843</c:v>
                </c:pt>
                <c:pt idx="384">
                  <c:v>1.9268480000000006</c:v>
                </c:pt>
                <c:pt idx="385">
                  <c:v>1.9318520000000001</c:v>
                </c:pt>
                <c:pt idx="386">
                  <c:v>1.9368570000000007</c:v>
                </c:pt>
                <c:pt idx="387">
                  <c:v>1.9418619999999995</c:v>
                </c:pt>
                <c:pt idx="388">
                  <c:v>1.9468670000000001</c:v>
                </c:pt>
                <c:pt idx="389">
                  <c:v>1.9518720000000007</c:v>
                </c:pt>
                <c:pt idx="390">
                  <c:v>1.9568760000000003</c:v>
                </c:pt>
                <c:pt idx="391">
                  <c:v>1.9618810000000009</c:v>
                </c:pt>
                <c:pt idx="392">
                  <c:v>1.9668859999999997</c:v>
                </c:pt>
                <c:pt idx="393">
                  <c:v>1.9718910000000003</c:v>
                </c:pt>
                <c:pt idx="394">
                  <c:v>1.9768960000000009</c:v>
                </c:pt>
                <c:pt idx="395">
                  <c:v>1.9819000000000004</c:v>
                </c:pt>
                <c:pt idx="396">
                  <c:v>1.9869049999999993</c:v>
                </c:pt>
                <c:pt idx="397">
                  <c:v>1.9919099999999998</c:v>
                </c:pt>
                <c:pt idx="398">
                  <c:v>1.9969150000000004</c:v>
                </c:pt>
                <c:pt idx="399">
                  <c:v>2.0019199999999993</c:v>
                </c:pt>
                <c:pt idx="400">
                  <c:v>2.0069240000000006</c:v>
                </c:pt>
                <c:pt idx="401">
                  <c:v>2.0119289999999994</c:v>
                </c:pt>
                <c:pt idx="402">
                  <c:v>2.016934</c:v>
                </c:pt>
                <c:pt idx="403">
                  <c:v>2.0219390000000006</c:v>
                </c:pt>
                <c:pt idx="404">
                  <c:v>2.0269439999999994</c:v>
                </c:pt>
                <c:pt idx="405">
                  <c:v>2.0319480000000008</c:v>
                </c:pt>
                <c:pt idx="406">
                  <c:v>2.0369529999999996</c:v>
                </c:pt>
                <c:pt idx="407">
                  <c:v>2.0419580000000002</c:v>
                </c:pt>
                <c:pt idx="408">
                  <c:v>2.0469630000000008</c:v>
                </c:pt>
                <c:pt idx="409">
                  <c:v>2.0519679999999996</c:v>
                </c:pt>
                <c:pt idx="410">
                  <c:v>2.0569720000000009</c:v>
                </c:pt>
              </c:numCache>
            </c:numRef>
          </c:xVal>
          <c:yVal>
            <c:numRef>
              <c:f>'Multi-150-15s(8)'!$F$3:$F$413</c:f>
              <c:numCache>
                <c:formatCode>General</c:formatCode>
                <c:ptCount val="411"/>
                <c:pt idx="0">
                  <c:v>0.35068401510633451</c:v>
                </c:pt>
                <c:pt idx="1">
                  <c:v>0.30637049944023803</c:v>
                </c:pt>
                <c:pt idx="2">
                  <c:v>0.27568803876515957</c:v>
                </c:pt>
                <c:pt idx="3">
                  <c:v>0.24211868921639149</c:v>
                </c:pt>
                <c:pt idx="4">
                  <c:v>0.19714683516844173</c:v>
                </c:pt>
                <c:pt idx="5">
                  <c:v>0.15460743112049444</c:v>
                </c:pt>
                <c:pt idx="6">
                  <c:v>0.12902498587048417</c:v>
                </c:pt>
                <c:pt idx="7">
                  <c:v>9.7094166508102042E-2</c:v>
                </c:pt>
                <c:pt idx="8">
                  <c:v>5.8946918889531186E-2</c:v>
                </c:pt>
                <c:pt idx="9">
                  <c:v>3.957401437113682E-2</c:v>
                </c:pt>
                <c:pt idx="10">
                  <c:v>2.3848695613390376E-2</c:v>
                </c:pt>
                <c:pt idx="11">
                  <c:v>3.2978674779736789E-2</c:v>
                </c:pt>
                <c:pt idx="12">
                  <c:v>1.8195983186762101E-2</c:v>
                </c:pt>
                <c:pt idx="13">
                  <c:v>3.7894387765155371E-2</c:v>
                </c:pt>
                <c:pt idx="14">
                  <c:v>5.1783038132078095E-2</c:v>
                </c:pt>
                <c:pt idx="15">
                  <c:v>5.6448028497935843E-2</c:v>
                </c:pt>
                <c:pt idx="16">
                  <c:v>4.5691238215951897E-2</c:v>
                </c:pt>
                <c:pt idx="17">
                  <c:v>2.9473459444765301E-2</c:v>
                </c:pt>
                <c:pt idx="18">
                  <c:v>4.7534806974379389E-2</c:v>
                </c:pt>
                <c:pt idx="19">
                  <c:v>4.9286708792110868E-2</c:v>
                </c:pt>
                <c:pt idx="20">
                  <c:v>4.1035786300941658E-2</c:v>
                </c:pt>
                <c:pt idx="21">
                  <c:v>4.5291224246642864E-2</c:v>
                </c:pt>
                <c:pt idx="22">
                  <c:v>5.2043354087084936E-2</c:v>
                </c:pt>
                <c:pt idx="23">
                  <c:v>5.9284621510125965E-2</c:v>
                </c:pt>
                <c:pt idx="24">
                  <c:v>6.5071697005487775E-2</c:v>
                </c:pt>
                <c:pt idx="25">
                  <c:v>6.7904652235790494E-2</c:v>
                </c:pt>
                <c:pt idx="26">
                  <c:v>6.6203112469887457E-2</c:v>
                </c:pt>
                <c:pt idx="27">
                  <c:v>6.3595038471653279E-2</c:v>
                </c:pt>
                <c:pt idx="28">
                  <c:v>6.2108414805089843E-2</c:v>
                </c:pt>
                <c:pt idx="29">
                  <c:v>5.8154037476524978E-2</c:v>
                </c:pt>
                <c:pt idx="30">
                  <c:v>5.3330036528058372E-2</c:v>
                </c:pt>
                <c:pt idx="31">
                  <c:v>5.0343493641441764E-2</c:v>
                </c:pt>
                <c:pt idx="32">
                  <c:v>4.6537041863135696E-2</c:v>
                </c:pt>
                <c:pt idx="33">
                  <c:v>4.2643076711532703E-2</c:v>
                </c:pt>
                <c:pt idx="34">
                  <c:v>4.0300433578542613E-2</c:v>
                </c:pt>
                <c:pt idx="35">
                  <c:v>3.6999168453832804E-2</c:v>
                </c:pt>
                <c:pt idx="36">
                  <c:v>3.317106811530933E-2</c:v>
                </c:pt>
                <c:pt idx="37">
                  <c:v>2.8657399944690378E-2</c:v>
                </c:pt>
                <c:pt idx="38">
                  <c:v>2.5355871291032114E-2</c:v>
                </c:pt>
                <c:pt idx="39">
                  <c:v>2.4483609606451896E-2</c:v>
                </c:pt>
                <c:pt idx="40">
                  <c:v>2.6438687356355618E-2</c:v>
                </c:pt>
                <c:pt idx="41">
                  <c:v>3.0775841047032345E-2</c:v>
                </c:pt>
                <c:pt idx="42">
                  <c:v>3.4003067068323262E-2</c:v>
                </c:pt>
                <c:pt idx="43">
                  <c:v>3.6164682896281351E-2</c:v>
                </c:pt>
                <c:pt idx="44">
                  <c:v>3.8143281523201282E-2</c:v>
                </c:pt>
                <c:pt idx="45">
                  <c:v>3.9965864056881781E-2</c:v>
                </c:pt>
                <c:pt idx="46">
                  <c:v>4.1383194234474466E-2</c:v>
                </c:pt>
                <c:pt idx="47">
                  <c:v>4.2337194691508047E-2</c:v>
                </c:pt>
                <c:pt idx="48">
                  <c:v>4.3186250545418157E-2</c:v>
                </c:pt>
                <c:pt idx="49">
                  <c:v>4.3584277467704859E-2</c:v>
                </c:pt>
                <c:pt idx="50">
                  <c:v>4.1872036633501843E-2</c:v>
                </c:pt>
                <c:pt idx="51">
                  <c:v>4.1042447990270362E-2</c:v>
                </c:pt>
                <c:pt idx="52">
                  <c:v>3.9254183518956459E-2</c:v>
                </c:pt>
                <c:pt idx="53">
                  <c:v>3.8214305333285924E-2</c:v>
                </c:pt>
                <c:pt idx="54">
                  <c:v>3.6497628002198475E-2</c:v>
                </c:pt>
                <c:pt idx="55">
                  <c:v>3.3795032514319714E-2</c:v>
                </c:pt>
                <c:pt idx="56">
                  <c:v>3.1827573982488012E-2</c:v>
                </c:pt>
                <c:pt idx="57">
                  <c:v>3.001152138491019E-2</c:v>
                </c:pt>
                <c:pt idx="58">
                  <c:v>2.8315988199161233E-2</c:v>
                </c:pt>
                <c:pt idx="59">
                  <c:v>2.828852630441718E-2</c:v>
                </c:pt>
                <c:pt idx="60">
                  <c:v>2.8239104863779979E-2</c:v>
                </c:pt>
                <c:pt idx="61">
                  <c:v>2.9005703400235852E-2</c:v>
                </c:pt>
                <c:pt idx="62">
                  <c:v>3.0392201579745478E-2</c:v>
                </c:pt>
                <c:pt idx="63">
                  <c:v>3.2013824725486452E-2</c:v>
                </c:pt>
                <c:pt idx="64">
                  <c:v>3.3732715835139579E-2</c:v>
                </c:pt>
                <c:pt idx="65">
                  <c:v>3.5170758148636579E-2</c:v>
                </c:pt>
                <c:pt idx="66">
                  <c:v>3.7326548777533601E-2</c:v>
                </c:pt>
                <c:pt idx="67">
                  <c:v>4.0117287573885635E-2</c:v>
                </c:pt>
                <c:pt idx="68">
                  <c:v>4.1658216589652936E-2</c:v>
                </c:pt>
                <c:pt idx="69">
                  <c:v>4.2367783722348021E-2</c:v>
                </c:pt>
                <c:pt idx="70">
                  <c:v>4.2947493730749776E-2</c:v>
                </c:pt>
                <c:pt idx="71">
                  <c:v>4.2371119795404318E-2</c:v>
                </c:pt>
                <c:pt idx="72">
                  <c:v>4.0130178387215748E-2</c:v>
                </c:pt>
                <c:pt idx="73">
                  <c:v>3.8389215185198798E-2</c:v>
                </c:pt>
                <c:pt idx="74">
                  <c:v>3.6962300355327785E-2</c:v>
                </c:pt>
                <c:pt idx="75">
                  <c:v>3.5845579659579123E-2</c:v>
                </c:pt>
                <c:pt idx="76">
                  <c:v>3.3750575475923118E-2</c:v>
                </c:pt>
                <c:pt idx="77">
                  <c:v>3.073876086191903E-2</c:v>
                </c:pt>
                <c:pt idx="78">
                  <c:v>2.6066133826072355E-2</c:v>
                </c:pt>
                <c:pt idx="79">
                  <c:v>2.287505336221796E-2</c:v>
                </c:pt>
                <c:pt idx="80">
                  <c:v>2.0358729821034212E-2</c:v>
                </c:pt>
                <c:pt idx="81">
                  <c:v>1.9191642080680315E-2</c:v>
                </c:pt>
                <c:pt idx="82">
                  <c:v>1.9247688893654077E-2</c:v>
                </c:pt>
                <c:pt idx="83">
                  <c:v>1.9904709386281701E-2</c:v>
                </c:pt>
                <c:pt idx="84">
                  <c:v>2.0728821202063829E-2</c:v>
                </c:pt>
                <c:pt idx="85">
                  <c:v>2.2466202268924065E-2</c:v>
                </c:pt>
                <c:pt idx="86">
                  <c:v>2.4964562808916676E-2</c:v>
                </c:pt>
                <c:pt idx="87">
                  <c:v>2.7786245630166042E-2</c:v>
                </c:pt>
                <c:pt idx="88">
                  <c:v>3.0739526750269044E-2</c:v>
                </c:pt>
                <c:pt idx="89">
                  <c:v>3.3694015822904641E-2</c:v>
                </c:pt>
                <c:pt idx="90">
                  <c:v>3.5361827118821243E-2</c:v>
                </c:pt>
                <c:pt idx="91">
                  <c:v>3.655386368732412E-2</c:v>
                </c:pt>
                <c:pt idx="92">
                  <c:v>3.7356688702271094E-2</c:v>
                </c:pt>
                <c:pt idx="93">
                  <c:v>3.7735344268043432E-2</c:v>
                </c:pt>
                <c:pt idx="94">
                  <c:v>3.8095643373313746E-2</c:v>
                </c:pt>
                <c:pt idx="95">
                  <c:v>3.7260660548024974E-2</c:v>
                </c:pt>
                <c:pt idx="96">
                  <c:v>3.5682493622958014E-2</c:v>
                </c:pt>
                <c:pt idx="97">
                  <c:v>3.4198701318781201E-2</c:v>
                </c:pt>
                <c:pt idx="98">
                  <c:v>3.2572149905593352E-2</c:v>
                </c:pt>
                <c:pt idx="99">
                  <c:v>3.1173175950973447E-2</c:v>
                </c:pt>
                <c:pt idx="100">
                  <c:v>2.9908968237510967E-2</c:v>
                </c:pt>
                <c:pt idx="101">
                  <c:v>2.9830999537205471E-2</c:v>
                </c:pt>
                <c:pt idx="102">
                  <c:v>3.0183392969702884E-2</c:v>
                </c:pt>
                <c:pt idx="103">
                  <c:v>2.969133302356048E-2</c:v>
                </c:pt>
                <c:pt idx="104">
                  <c:v>3.016000693963989E-2</c:v>
                </c:pt>
                <c:pt idx="105">
                  <c:v>3.0867919215622576E-2</c:v>
                </c:pt>
                <c:pt idx="106">
                  <c:v>3.1919186486239981E-2</c:v>
                </c:pt>
                <c:pt idx="107">
                  <c:v>3.2354559643633381E-2</c:v>
                </c:pt>
                <c:pt idx="108">
                  <c:v>3.3050650324164307E-2</c:v>
                </c:pt>
                <c:pt idx="109">
                  <c:v>3.3294051458960174E-2</c:v>
                </c:pt>
                <c:pt idx="110">
                  <c:v>3.36820599405546E-2</c:v>
                </c:pt>
                <c:pt idx="111">
                  <c:v>3.3144443683478075E-2</c:v>
                </c:pt>
                <c:pt idx="112">
                  <c:v>3.263903802117165E-2</c:v>
                </c:pt>
                <c:pt idx="113">
                  <c:v>3.1957969844920366E-2</c:v>
                </c:pt>
                <c:pt idx="114">
                  <c:v>3.1695887897645179E-2</c:v>
                </c:pt>
                <c:pt idx="115">
                  <c:v>3.1556696777865836E-2</c:v>
                </c:pt>
                <c:pt idx="116">
                  <c:v>3.060578836420404E-2</c:v>
                </c:pt>
                <c:pt idx="117">
                  <c:v>2.9965361651936459E-2</c:v>
                </c:pt>
                <c:pt idx="118">
                  <c:v>2.9643368393634267E-2</c:v>
                </c:pt>
                <c:pt idx="119">
                  <c:v>2.8840190335567048E-2</c:v>
                </c:pt>
                <c:pt idx="120">
                  <c:v>2.7696855989599749E-2</c:v>
                </c:pt>
                <c:pt idx="121">
                  <c:v>2.6991405969366975E-2</c:v>
                </c:pt>
                <c:pt idx="122">
                  <c:v>2.6249067693997007E-2</c:v>
                </c:pt>
                <c:pt idx="123">
                  <c:v>2.5908327884454421E-2</c:v>
                </c:pt>
                <c:pt idx="124">
                  <c:v>2.5690548910785368E-2</c:v>
                </c:pt>
                <c:pt idx="125">
                  <c:v>2.5487007178080244E-2</c:v>
                </c:pt>
                <c:pt idx="126">
                  <c:v>2.5775874745848363E-2</c:v>
                </c:pt>
                <c:pt idx="127">
                  <c:v>2.6319662955083218E-2</c:v>
                </c:pt>
                <c:pt idx="128">
                  <c:v>2.6181059001080521E-2</c:v>
                </c:pt>
                <c:pt idx="129">
                  <c:v>2.6809335591590003E-2</c:v>
                </c:pt>
                <c:pt idx="130">
                  <c:v>2.7722266425027318E-2</c:v>
                </c:pt>
                <c:pt idx="131">
                  <c:v>2.8772343760800418E-2</c:v>
                </c:pt>
                <c:pt idx="132">
                  <c:v>2.9847123568405038E-2</c:v>
                </c:pt>
                <c:pt idx="133">
                  <c:v>3.0819807547081187E-2</c:v>
                </c:pt>
                <c:pt idx="134">
                  <c:v>3.1937312001000341E-2</c:v>
                </c:pt>
                <c:pt idx="135">
                  <c:v>3.2284237137573613E-2</c:v>
                </c:pt>
                <c:pt idx="136">
                  <c:v>3.1982604521176614E-2</c:v>
                </c:pt>
                <c:pt idx="137">
                  <c:v>3.1972474884127446E-2</c:v>
                </c:pt>
                <c:pt idx="138">
                  <c:v>3.2088232199163881E-2</c:v>
                </c:pt>
                <c:pt idx="139">
                  <c:v>3.1757444978814622E-2</c:v>
                </c:pt>
                <c:pt idx="140">
                  <c:v>3.053167978726876E-2</c:v>
                </c:pt>
                <c:pt idx="141">
                  <c:v>2.8796507730604552E-2</c:v>
                </c:pt>
                <c:pt idx="142">
                  <c:v>2.7034467693287826E-2</c:v>
                </c:pt>
                <c:pt idx="143">
                  <c:v>2.5492594349407573E-2</c:v>
                </c:pt>
                <c:pt idx="144">
                  <c:v>2.4156911902280812E-2</c:v>
                </c:pt>
                <c:pt idx="145">
                  <c:v>2.3012575575031061E-2</c:v>
                </c:pt>
                <c:pt idx="146">
                  <c:v>2.2547310322486715E-2</c:v>
                </c:pt>
                <c:pt idx="147">
                  <c:v>2.3353599156826783E-2</c:v>
                </c:pt>
                <c:pt idx="148">
                  <c:v>2.4352806619318216E-2</c:v>
                </c:pt>
                <c:pt idx="149">
                  <c:v>2.4835869152894798E-2</c:v>
                </c:pt>
                <c:pt idx="150">
                  <c:v>2.5210477627814382E-2</c:v>
                </c:pt>
                <c:pt idx="151">
                  <c:v>2.6048776787729818E-2</c:v>
                </c:pt>
                <c:pt idx="152">
                  <c:v>2.6649534091749166E-2</c:v>
                </c:pt>
                <c:pt idx="153">
                  <c:v>2.6876715309706402E-2</c:v>
                </c:pt>
                <c:pt idx="154">
                  <c:v>2.6609394061048008E-2</c:v>
                </c:pt>
                <c:pt idx="155">
                  <c:v>2.6346334672851315E-2</c:v>
                </c:pt>
                <c:pt idx="156">
                  <c:v>2.5751460931140151E-2</c:v>
                </c:pt>
                <c:pt idx="157">
                  <c:v>2.4831999719389857E-2</c:v>
                </c:pt>
                <c:pt idx="158">
                  <c:v>2.428811179312523E-2</c:v>
                </c:pt>
                <c:pt idx="159">
                  <c:v>2.3875971643358505E-2</c:v>
                </c:pt>
                <c:pt idx="160">
                  <c:v>2.3056568159928709E-2</c:v>
                </c:pt>
                <c:pt idx="161">
                  <c:v>2.2578721255178357E-2</c:v>
                </c:pt>
                <c:pt idx="162">
                  <c:v>2.1846007171797525E-2</c:v>
                </c:pt>
                <c:pt idx="163">
                  <c:v>2.1147766829788008E-2</c:v>
                </c:pt>
                <c:pt idx="164">
                  <c:v>2.0662466138269945E-2</c:v>
                </c:pt>
                <c:pt idx="165">
                  <c:v>2.088648595728149E-2</c:v>
                </c:pt>
                <c:pt idx="166">
                  <c:v>2.09280858355302E-2</c:v>
                </c:pt>
                <c:pt idx="167">
                  <c:v>2.0650812754181694E-2</c:v>
                </c:pt>
                <c:pt idx="168">
                  <c:v>2.0268880109358931E-2</c:v>
                </c:pt>
                <c:pt idx="169">
                  <c:v>1.9986982063378168E-2</c:v>
                </c:pt>
                <c:pt idx="170">
                  <c:v>1.9798500916984037E-2</c:v>
                </c:pt>
                <c:pt idx="171">
                  <c:v>2.0071454819265391E-2</c:v>
                </c:pt>
                <c:pt idx="172">
                  <c:v>2.0165515533129265E-2</c:v>
                </c:pt>
                <c:pt idx="173">
                  <c:v>2.0378473947509374E-2</c:v>
                </c:pt>
                <c:pt idx="174">
                  <c:v>2.1479401506474313E-2</c:v>
                </c:pt>
                <c:pt idx="175">
                  <c:v>2.244601927474409E-2</c:v>
                </c:pt>
                <c:pt idx="176">
                  <c:v>2.3310890784560438E-2</c:v>
                </c:pt>
                <c:pt idx="177">
                  <c:v>2.4669127246063866E-2</c:v>
                </c:pt>
                <c:pt idx="178">
                  <c:v>2.6157361746976544E-2</c:v>
                </c:pt>
                <c:pt idx="179">
                  <c:v>2.7143798678231367E-2</c:v>
                </c:pt>
                <c:pt idx="180">
                  <c:v>2.7598356073536889E-2</c:v>
                </c:pt>
                <c:pt idx="181">
                  <c:v>2.7573540884050705E-2</c:v>
                </c:pt>
                <c:pt idx="182">
                  <c:v>2.6634751352245963E-2</c:v>
                </c:pt>
                <c:pt idx="183">
                  <c:v>2.5671275732355281E-2</c:v>
                </c:pt>
                <c:pt idx="184">
                  <c:v>2.4384939224456757E-2</c:v>
                </c:pt>
                <c:pt idx="185">
                  <c:v>2.3007388975129911E-2</c:v>
                </c:pt>
                <c:pt idx="186">
                  <c:v>2.2133030283909467E-2</c:v>
                </c:pt>
                <c:pt idx="187">
                  <c:v>2.1357973608878155E-2</c:v>
                </c:pt>
                <c:pt idx="188">
                  <c:v>2.0238035267358817E-2</c:v>
                </c:pt>
                <c:pt idx="189">
                  <c:v>1.9611438380350139E-2</c:v>
                </c:pt>
                <c:pt idx="190">
                  <c:v>1.9121275294979825E-2</c:v>
                </c:pt>
                <c:pt idx="191">
                  <c:v>1.899987886613097E-2</c:v>
                </c:pt>
                <c:pt idx="192">
                  <c:v>1.8989885372035401E-2</c:v>
                </c:pt>
                <c:pt idx="193">
                  <c:v>1.8623148640430826E-2</c:v>
                </c:pt>
                <c:pt idx="194">
                  <c:v>1.8378337185416295E-2</c:v>
                </c:pt>
                <c:pt idx="195">
                  <c:v>1.83969289688376E-2</c:v>
                </c:pt>
                <c:pt idx="196">
                  <c:v>1.8994041238598901E-2</c:v>
                </c:pt>
                <c:pt idx="197">
                  <c:v>1.9937924646447322E-2</c:v>
                </c:pt>
                <c:pt idx="198">
                  <c:v>2.1251273349166409E-2</c:v>
                </c:pt>
                <c:pt idx="199">
                  <c:v>2.2249741132617119E-2</c:v>
                </c:pt>
                <c:pt idx="200">
                  <c:v>2.2620423655791977E-2</c:v>
                </c:pt>
                <c:pt idx="201">
                  <c:v>2.2986611807647231E-2</c:v>
                </c:pt>
                <c:pt idx="202">
                  <c:v>2.3862201248594117E-2</c:v>
                </c:pt>
                <c:pt idx="203">
                  <c:v>2.4363263446288832E-2</c:v>
                </c:pt>
                <c:pt idx="204">
                  <c:v>2.473723469497674E-2</c:v>
                </c:pt>
                <c:pt idx="205">
                  <c:v>2.5211794425286857E-2</c:v>
                </c:pt>
                <c:pt idx="206">
                  <c:v>2.548329528577916E-2</c:v>
                </c:pt>
                <c:pt idx="207">
                  <c:v>2.5303646810917263E-2</c:v>
                </c:pt>
                <c:pt idx="208">
                  <c:v>2.5158544095397813E-2</c:v>
                </c:pt>
                <c:pt idx="209">
                  <c:v>2.4803502704370654E-2</c:v>
                </c:pt>
                <c:pt idx="210">
                  <c:v>2.3954387627306156E-2</c:v>
                </c:pt>
                <c:pt idx="211">
                  <c:v>2.311146393913549E-2</c:v>
                </c:pt>
                <c:pt idx="212">
                  <c:v>2.2289566994112546E-2</c:v>
                </c:pt>
                <c:pt idx="213">
                  <c:v>2.1490330303480489E-2</c:v>
                </c:pt>
                <c:pt idx="214">
                  <c:v>2.0764174357935695E-2</c:v>
                </c:pt>
                <c:pt idx="215">
                  <c:v>2.0042466069760689E-2</c:v>
                </c:pt>
                <c:pt idx="216">
                  <c:v>1.9426428444119945E-2</c:v>
                </c:pt>
                <c:pt idx="217">
                  <c:v>1.8987508977071296E-2</c:v>
                </c:pt>
                <c:pt idx="218">
                  <c:v>1.8555695996059284E-2</c:v>
                </c:pt>
                <c:pt idx="219">
                  <c:v>1.8445837296829987E-2</c:v>
                </c:pt>
                <c:pt idx="220">
                  <c:v>1.8675233298165464E-2</c:v>
                </c:pt>
                <c:pt idx="221">
                  <c:v>1.9006749936445612E-2</c:v>
                </c:pt>
                <c:pt idx="222">
                  <c:v>1.9811637358610888E-2</c:v>
                </c:pt>
                <c:pt idx="223">
                  <c:v>2.0447636693661106E-2</c:v>
                </c:pt>
                <c:pt idx="224">
                  <c:v>2.1120025330999975E-2</c:v>
                </c:pt>
                <c:pt idx="225">
                  <c:v>2.1679720376939677E-2</c:v>
                </c:pt>
                <c:pt idx="226">
                  <c:v>2.1896748124030665E-2</c:v>
                </c:pt>
                <c:pt idx="227">
                  <c:v>2.2098913300566788E-2</c:v>
                </c:pt>
                <c:pt idx="228">
                  <c:v>2.2173541798494751E-2</c:v>
                </c:pt>
                <c:pt idx="229">
                  <c:v>2.2687031832904644E-2</c:v>
                </c:pt>
                <c:pt idx="230">
                  <c:v>2.271587316988476E-2</c:v>
                </c:pt>
                <c:pt idx="231">
                  <c:v>2.2433843708448597E-2</c:v>
                </c:pt>
                <c:pt idx="232">
                  <c:v>2.2546608629602619E-2</c:v>
                </c:pt>
                <c:pt idx="233">
                  <c:v>2.2831967256937327E-2</c:v>
                </c:pt>
                <c:pt idx="234">
                  <c:v>2.2553189899274264E-2</c:v>
                </c:pt>
                <c:pt idx="235">
                  <c:v>2.1907012841317096E-2</c:v>
                </c:pt>
                <c:pt idx="236">
                  <c:v>2.16968303272735E-2</c:v>
                </c:pt>
                <c:pt idx="237">
                  <c:v>2.1404983974858554E-2</c:v>
                </c:pt>
                <c:pt idx="238">
                  <c:v>2.1088314149554151E-2</c:v>
                </c:pt>
                <c:pt idx="239">
                  <c:v>2.0612916356672444E-2</c:v>
                </c:pt>
                <c:pt idx="240">
                  <c:v>2.023313095040255E-2</c:v>
                </c:pt>
                <c:pt idx="241">
                  <c:v>1.9761545075269008E-2</c:v>
                </c:pt>
                <c:pt idx="242">
                  <c:v>1.9233605793066502E-2</c:v>
                </c:pt>
                <c:pt idx="243">
                  <c:v>1.9119019199489901E-2</c:v>
                </c:pt>
                <c:pt idx="244">
                  <c:v>1.8931331136761098E-2</c:v>
                </c:pt>
                <c:pt idx="245">
                  <c:v>1.8823512637832295E-2</c:v>
                </c:pt>
                <c:pt idx="246">
                  <c:v>1.8867357825608028E-2</c:v>
                </c:pt>
                <c:pt idx="247">
                  <c:v>1.8597485836197136E-2</c:v>
                </c:pt>
                <c:pt idx="248">
                  <c:v>1.8673026394391567E-2</c:v>
                </c:pt>
                <c:pt idx="249">
                  <c:v>1.8908712374543234E-2</c:v>
                </c:pt>
                <c:pt idx="250">
                  <c:v>1.9444464631266721E-2</c:v>
                </c:pt>
                <c:pt idx="251">
                  <c:v>1.9637377440700005E-2</c:v>
                </c:pt>
                <c:pt idx="252">
                  <c:v>1.9549668874025337E-2</c:v>
                </c:pt>
                <c:pt idx="253">
                  <c:v>1.9626187051685375E-2</c:v>
                </c:pt>
                <c:pt idx="254">
                  <c:v>1.9799405217216973E-2</c:v>
                </c:pt>
                <c:pt idx="255">
                  <c:v>2.0032108015658915E-2</c:v>
                </c:pt>
                <c:pt idx="256">
                  <c:v>2.0322726466327011E-2</c:v>
                </c:pt>
                <c:pt idx="257">
                  <c:v>2.0099892702029911E-2</c:v>
                </c:pt>
                <c:pt idx="258">
                  <c:v>1.9945303740571393E-2</c:v>
                </c:pt>
                <c:pt idx="259">
                  <c:v>1.980517789017722E-2</c:v>
                </c:pt>
                <c:pt idx="260">
                  <c:v>1.9468369978666196E-2</c:v>
                </c:pt>
                <c:pt idx="261">
                  <c:v>1.9038932807199337E-2</c:v>
                </c:pt>
                <c:pt idx="262">
                  <c:v>1.8359808202215586E-2</c:v>
                </c:pt>
                <c:pt idx="263">
                  <c:v>1.7732945723659126E-2</c:v>
                </c:pt>
                <c:pt idx="264">
                  <c:v>1.7002677394840904E-2</c:v>
                </c:pt>
                <c:pt idx="265">
                  <c:v>1.6386001521268831E-2</c:v>
                </c:pt>
                <c:pt idx="266">
                  <c:v>1.5922670498802905E-2</c:v>
                </c:pt>
                <c:pt idx="267">
                  <c:v>1.5503360648683583E-2</c:v>
                </c:pt>
                <c:pt idx="268">
                  <c:v>1.5204326274203662E-2</c:v>
                </c:pt>
                <c:pt idx="269">
                  <c:v>1.5297737207715873E-2</c:v>
                </c:pt>
                <c:pt idx="270">
                  <c:v>1.583432576323935E-2</c:v>
                </c:pt>
                <c:pt idx="271">
                  <c:v>1.6590966069502961E-2</c:v>
                </c:pt>
                <c:pt idx="272">
                  <c:v>1.7265106352029526E-2</c:v>
                </c:pt>
                <c:pt idx="273">
                  <c:v>1.803802167259622E-2</c:v>
                </c:pt>
                <c:pt idx="274">
                  <c:v>1.8780604431616253E-2</c:v>
                </c:pt>
                <c:pt idx="275">
                  <c:v>1.9514116077623371E-2</c:v>
                </c:pt>
                <c:pt idx="276">
                  <c:v>2.008101348049909E-2</c:v>
                </c:pt>
                <c:pt idx="277">
                  <c:v>2.0385328508473771E-2</c:v>
                </c:pt>
                <c:pt idx="278">
                  <c:v>2.0714394713989458E-2</c:v>
                </c:pt>
                <c:pt idx="279">
                  <c:v>2.0702444966445695E-2</c:v>
                </c:pt>
                <c:pt idx="280">
                  <c:v>2.0341615997281345E-2</c:v>
                </c:pt>
                <c:pt idx="281">
                  <c:v>1.9804608129127172E-2</c:v>
                </c:pt>
                <c:pt idx="282">
                  <c:v>1.9249551204336149E-2</c:v>
                </c:pt>
                <c:pt idx="283">
                  <c:v>1.8563833556019683E-2</c:v>
                </c:pt>
                <c:pt idx="284">
                  <c:v>1.7552575052397885E-2</c:v>
                </c:pt>
                <c:pt idx="285">
                  <c:v>1.6438984053654508E-2</c:v>
                </c:pt>
                <c:pt idx="286">
                  <c:v>1.5573323169839903E-2</c:v>
                </c:pt>
                <c:pt idx="287">
                  <c:v>1.4735566964533786E-2</c:v>
                </c:pt>
                <c:pt idx="288">
                  <c:v>1.406819092020203E-2</c:v>
                </c:pt>
                <c:pt idx="289">
                  <c:v>1.3586275112798965E-2</c:v>
                </c:pt>
                <c:pt idx="290">
                  <c:v>1.4360845736566036E-2</c:v>
                </c:pt>
                <c:pt idx="291">
                  <c:v>1.5677497471096473E-2</c:v>
                </c:pt>
                <c:pt idx="292">
                  <c:v>1.6959320452461898E-2</c:v>
                </c:pt>
                <c:pt idx="293">
                  <c:v>1.8069743082324414E-2</c:v>
                </c:pt>
                <c:pt idx="294">
                  <c:v>1.8929715554880367E-2</c:v>
                </c:pt>
                <c:pt idx="295">
                  <c:v>1.8518456560744481E-2</c:v>
                </c:pt>
                <c:pt idx="296">
                  <c:v>1.8223281841133299E-2</c:v>
                </c:pt>
                <c:pt idx="297">
                  <c:v>1.8357703930067998E-2</c:v>
                </c:pt>
                <c:pt idx="298">
                  <c:v>1.9361325299375429E-2</c:v>
                </c:pt>
                <c:pt idx="299">
                  <c:v>1.9471925374019327E-2</c:v>
                </c:pt>
                <c:pt idx="300">
                  <c:v>1.973358862767326E-2</c:v>
                </c:pt>
                <c:pt idx="301">
                  <c:v>2.0398730290076491E-2</c:v>
                </c:pt>
                <c:pt idx="302">
                  <c:v>2.0037226789054223E-2</c:v>
                </c:pt>
                <c:pt idx="303">
                  <c:v>1.9300212742324727E-2</c:v>
                </c:pt>
                <c:pt idx="304">
                  <c:v>1.9261794848740202E-2</c:v>
                </c:pt>
                <c:pt idx="305">
                  <c:v>1.9617486357717019E-2</c:v>
                </c:pt>
                <c:pt idx="306">
                  <c:v>1.9960370590929182E-2</c:v>
                </c:pt>
                <c:pt idx="307">
                  <c:v>1.9754529652298701E-2</c:v>
                </c:pt>
                <c:pt idx="308">
                  <c:v>1.9539443530620659E-2</c:v>
                </c:pt>
                <c:pt idx="309">
                  <c:v>1.9057129741335742E-2</c:v>
                </c:pt>
                <c:pt idx="310">
                  <c:v>1.7950215813819816E-2</c:v>
                </c:pt>
                <c:pt idx="311">
                  <c:v>1.7689899972565561E-2</c:v>
                </c:pt>
                <c:pt idx="312">
                  <c:v>1.7263753391336026E-2</c:v>
                </c:pt>
                <c:pt idx="313">
                  <c:v>1.7553681922698901E-2</c:v>
                </c:pt>
                <c:pt idx="314">
                  <c:v>1.753226655321612E-2</c:v>
                </c:pt>
                <c:pt idx="315">
                  <c:v>1.7898230569790632E-2</c:v>
                </c:pt>
                <c:pt idx="316">
                  <c:v>1.7769634524907062E-2</c:v>
                </c:pt>
                <c:pt idx="317">
                  <c:v>1.7217096649963362E-2</c:v>
                </c:pt>
                <c:pt idx="318">
                  <c:v>1.7136959601334385E-2</c:v>
                </c:pt>
                <c:pt idx="319">
                  <c:v>1.7352107399093718E-2</c:v>
                </c:pt>
                <c:pt idx="320">
                  <c:v>1.7324127855072254E-2</c:v>
                </c:pt>
                <c:pt idx="321">
                  <c:v>1.7426959426513948E-2</c:v>
                </c:pt>
                <c:pt idx="322">
                  <c:v>1.7251878883977487E-2</c:v>
                </c:pt>
                <c:pt idx="323">
                  <c:v>1.6838828502527433E-2</c:v>
                </c:pt>
                <c:pt idx="324">
                  <c:v>1.6398509166961672E-2</c:v>
                </c:pt>
                <c:pt idx="325">
                  <c:v>1.5941374572663369E-2</c:v>
                </c:pt>
                <c:pt idx="326">
                  <c:v>1.5907832222023712E-2</c:v>
                </c:pt>
                <c:pt idx="327">
                  <c:v>1.5736120897682795E-2</c:v>
                </c:pt>
                <c:pt idx="328">
                  <c:v>1.6244594811629001E-2</c:v>
                </c:pt>
                <c:pt idx="329">
                  <c:v>1.6886951912023409E-2</c:v>
                </c:pt>
                <c:pt idx="330">
                  <c:v>1.7021592953457336E-2</c:v>
                </c:pt>
                <c:pt idx="331">
                  <c:v>1.704354456708574E-2</c:v>
                </c:pt>
                <c:pt idx="332">
                  <c:v>1.655105327117928E-2</c:v>
                </c:pt>
                <c:pt idx="333">
                  <c:v>1.615149234072592E-2</c:v>
                </c:pt>
                <c:pt idx="334">
                  <c:v>1.6003459959247839E-2</c:v>
                </c:pt>
                <c:pt idx="335">
                  <c:v>1.6096395606438111E-2</c:v>
                </c:pt>
                <c:pt idx="336">
                  <c:v>1.6758264226188185E-2</c:v>
                </c:pt>
                <c:pt idx="337">
                  <c:v>1.6634741852817745E-2</c:v>
                </c:pt>
                <c:pt idx="338">
                  <c:v>1.5990463696665076E-2</c:v>
                </c:pt>
                <c:pt idx="339">
                  <c:v>1.6059039683428252E-2</c:v>
                </c:pt>
                <c:pt idx="340">
                  <c:v>1.587878844928383E-2</c:v>
                </c:pt>
                <c:pt idx="341">
                  <c:v>1.5543004359864982E-2</c:v>
                </c:pt>
                <c:pt idx="342">
                  <c:v>1.5180516848507845E-2</c:v>
                </c:pt>
                <c:pt idx="343">
                  <c:v>1.4484720102556239E-2</c:v>
                </c:pt>
                <c:pt idx="344">
                  <c:v>1.4022599509537952E-2</c:v>
                </c:pt>
                <c:pt idx="345">
                  <c:v>1.4006685321164945E-2</c:v>
                </c:pt>
                <c:pt idx="346">
                  <c:v>1.4726821884129077E-2</c:v>
                </c:pt>
                <c:pt idx="347">
                  <c:v>1.5308426711150703E-2</c:v>
                </c:pt>
                <c:pt idx="348">
                  <c:v>1.5929641452817719E-2</c:v>
                </c:pt>
                <c:pt idx="349">
                  <c:v>1.6324482320947221E-2</c:v>
                </c:pt>
                <c:pt idx="350">
                  <c:v>1.6294014779421412E-2</c:v>
                </c:pt>
                <c:pt idx="351">
                  <c:v>1.6237099989711491E-2</c:v>
                </c:pt>
                <c:pt idx="352">
                  <c:v>1.6394867323325606E-2</c:v>
                </c:pt>
                <c:pt idx="353">
                  <c:v>1.618681276640855E-2</c:v>
                </c:pt>
                <c:pt idx="354">
                  <c:v>1.6535691823280619E-2</c:v>
                </c:pt>
                <c:pt idx="355">
                  <c:v>1.7056121010538012E-2</c:v>
                </c:pt>
                <c:pt idx="356">
                  <c:v>1.7511899331798718E-2</c:v>
                </c:pt>
                <c:pt idx="357">
                  <c:v>1.7920615596264389E-2</c:v>
                </c:pt>
                <c:pt idx="358">
                  <c:v>1.8254591592702034E-2</c:v>
                </c:pt>
                <c:pt idx="359">
                  <c:v>1.8300373413990826E-2</c:v>
                </c:pt>
                <c:pt idx="360">
                  <c:v>1.7998004050973286E-2</c:v>
                </c:pt>
                <c:pt idx="361">
                  <c:v>1.8219483020211341E-2</c:v>
                </c:pt>
                <c:pt idx="362">
                  <c:v>1.81223507928715E-2</c:v>
                </c:pt>
                <c:pt idx="363">
                  <c:v>1.7439268221800763E-2</c:v>
                </c:pt>
                <c:pt idx="364">
                  <c:v>1.7274031938200363E-2</c:v>
                </c:pt>
                <c:pt idx="365">
                  <c:v>1.7395090048604799E-2</c:v>
                </c:pt>
                <c:pt idx="366">
                  <c:v>1.705170624415733E-2</c:v>
                </c:pt>
                <c:pt idx="367">
                  <c:v>1.7172878880203878E-2</c:v>
                </c:pt>
                <c:pt idx="368">
                  <c:v>1.7010080352283859E-2</c:v>
                </c:pt>
                <c:pt idx="369">
                  <c:v>1.6622183689741724E-2</c:v>
                </c:pt>
                <c:pt idx="370">
                  <c:v>1.7097100923816794E-2</c:v>
                </c:pt>
                <c:pt idx="371">
                  <c:v>1.7570057868831097E-2</c:v>
                </c:pt>
                <c:pt idx="372">
                  <c:v>1.7544765929984715E-2</c:v>
                </c:pt>
                <c:pt idx="373">
                  <c:v>1.6948792671918175E-2</c:v>
                </c:pt>
                <c:pt idx="374">
                  <c:v>1.6464446739474517E-2</c:v>
                </c:pt>
                <c:pt idx="375">
                  <c:v>1.6077572160094609E-2</c:v>
                </c:pt>
                <c:pt idx="376">
                  <c:v>1.5626318680430136E-2</c:v>
                </c:pt>
                <c:pt idx="377">
                  <c:v>1.5241298909132429E-2</c:v>
                </c:pt>
                <c:pt idx="378">
                  <c:v>1.4991990188544711E-2</c:v>
                </c:pt>
                <c:pt idx="379">
                  <c:v>1.4883687964663554E-2</c:v>
                </c:pt>
                <c:pt idx="380">
                  <c:v>1.5138903799560788E-2</c:v>
                </c:pt>
                <c:pt idx="381">
                  <c:v>1.5434939528765963E-2</c:v>
                </c:pt>
                <c:pt idx="382">
                  <c:v>1.547704247229861E-2</c:v>
                </c:pt>
                <c:pt idx="383">
                  <c:v>1.5343376892321755E-2</c:v>
                </c:pt>
                <c:pt idx="384">
                  <c:v>1.533991823443329E-2</c:v>
                </c:pt>
                <c:pt idx="385">
                  <c:v>1.5392193397374855E-2</c:v>
                </c:pt>
                <c:pt idx="386">
                  <c:v>1.5506977581614229E-2</c:v>
                </c:pt>
                <c:pt idx="387">
                  <c:v>1.5374096421016279E-2</c:v>
                </c:pt>
                <c:pt idx="388">
                  <c:v>1.5074341677218711E-2</c:v>
                </c:pt>
                <c:pt idx="389">
                  <c:v>1.5194512248543644E-2</c:v>
                </c:pt>
                <c:pt idx="390">
                  <c:v>1.5370687938396736E-2</c:v>
                </c:pt>
                <c:pt idx="391">
                  <c:v>1.5431633829557605E-2</c:v>
                </c:pt>
                <c:pt idx="392">
                  <c:v>1.5617037166086358E-2</c:v>
                </c:pt>
                <c:pt idx="393">
                  <c:v>1.5766508688187186E-2</c:v>
                </c:pt>
                <c:pt idx="394">
                  <c:v>1.5964246995899333E-2</c:v>
                </c:pt>
                <c:pt idx="395">
                  <c:v>1.5936831321833912E-2</c:v>
                </c:pt>
                <c:pt idx="396">
                  <c:v>1.5889198783324007E-2</c:v>
                </c:pt>
                <c:pt idx="397">
                  <c:v>1.5873112784135956E-2</c:v>
                </c:pt>
                <c:pt idx="398">
                  <c:v>1.588400913003845E-2</c:v>
                </c:pt>
                <c:pt idx="399">
                  <c:v>1.5757734009351303E-2</c:v>
                </c:pt>
                <c:pt idx="400">
                  <c:v>1.5420095470595634E-2</c:v>
                </c:pt>
                <c:pt idx="401">
                  <c:v>1.5093182824919102E-2</c:v>
                </c:pt>
                <c:pt idx="402">
                  <c:v>1.4897284644282461E-2</c:v>
                </c:pt>
                <c:pt idx="403">
                  <c:v>1.4736254267521296E-2</c:v>
                </c:pt>
                <c:pt idx="404">
                  <c:v>1.4267013042965888E-2</c:v>
                </c:pt>
                <c:pt idx="405">
                  <c:v>1.3521241831606778E-2</c:v>
                </c:pt>
                <c:pt idx="406">
                  <c:v>1.2896384141967884E-2</c:v>
                </c:pt>
                <c:pt idx="407">
                  <c:v>1.2560670982404796E-2</c:v>
                </c:pt>
                <c:pt idx="408">
                  <c:v>1.2204031935080729E-2</c:v>
                </c:pt>
                <c:pt idx="409">
                  <c:v>1.1881339844033882E-2</c:v>
                </c:pt>
                <c:pt idx="410">
                  <c:v>1.16142721367124E-2</c:v>
                </c:pt>
              </c:numCache>
            </c:numRef>
          </c:yVal>
          <c:smooth val="1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'Multi-150-15s(8)'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3B31-4082-A5E7-3A22F5A47F5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19324480"/>
        <c:axId val="1019323168"/>
      </c:scatterChart>
      <c:valAx>
        <c:axId val="101932448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9323168"/>
        <c:crosses val="autoZero"/>
        <c:crossBetween val="midCat"/>
      </c:valAx>
      <c:valAx>
        <c:axId val="101932316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932448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7.1204944626358818E-2"/>
                  <c:y val="-0.1589698472602957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3s(3)'!$D$2:$D$2645</c:f>
              <c:numCache>
                <c:formatCode>General</c:formatCode>
                <c:ptCount val="2644"/>
                <c:pt idx="0">
                  <c:v>0</c:v>
                </c:pt>
                <c:pt idx="1">
                  <c:v>5.0039999999995644E-3</c:v>
                </c:pt>
                <c:pt idx="2">
                  <c:v>1.0009000000000157E-2</c:v>
                </c:pt>
                <c:pt idx="3">
                  <c:v>1.5014000000000749E-2</c:v>
                </c:pt>
                <c:pt idx="4">
                  <c:v>2.0018999999999565E-2</c:v>
                </c:pt>
                <c:pt idx="5">
                  <c:v>2.5024000000000157E-2</c:v>
                </c:pt>
                <c:pt idx="6">
                  <c:v>3.0027999999999722E-2</c:v>
                </c:pt>
                <c:pt idx="7">
                  <c:v>3.5033000000000314E-2</c:v>
                </c:pt>
                <c:pt idx="8">
                  <c:v>4.003799999999913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1999999999879E-2</c:v>
                </c:pt>
                <c:pt idx="12">
                  <c:v>6.0057000000000471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6000000000036E-2</c:v>
                </c:pt>
                <c:pt idx="17">
                  <c:v>8.5081000000000628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000000000019</c:v>
                </c:pt>
                <c:pt idx="22">
                  <c:v>0.11010500000000079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2000000000079</c:v>
                </c:pt>
                <c:pt idx="26">
                  <c:v>0.13012400000000035</c:v>
                </c:pt>
                <c:pt idx="27">
                  <c:v>0.13512899999999917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399999999917</c:v>
                </c:pt>
                <c:pt idx="31">
                  <c:v>0.15514800000000051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300000000051</c:v>
                </c:pt>
                <c:pt idx="35">
                  <c:v>0.17516799999999932</c:v>
                </c:pt>
                <c:pt idx="36">
                  <c:v>0.18017200000000066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700000000067</c:v>
                </c:pt>
                <c:pt idx="40">
                  <c:v>0.20019199999999948</c:v>
                </c:pt>
                <c:pt idx="41">
                  <c:v>0.20519600000000082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100000000082</c:v>
                </c:pt>
                <c:pt idx="45">
                  <c:v>0.22521599999999964</c:v>
                </c:pt>
                <c:pt idx="46">
                  <c:v>0.2302199999999992</c:v>
                </c:pt>
                <c:pt idx="47">
                  <c:v>0.2352249999999998</c:v>
                </c:pt>
                <c:pt idx="48">
                  <c:v>0.24023000000000039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399999999936</c:v>
                </c:pt>
                <c:pt idx="52">
                  <c:v>0.26024899999999995</c:v>
                </c:pt>
                <c:pt idx="53">
                  <c:v>0.26525400000000054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799999999952</c:v>
                </c:pt>
                <c:pt idx="57">
                  <c:v>0.28527300000000011</c:v>
                </c:pt>
                <c:pt idx="58">
                  <c:v>0.2902780000000007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700000000027</c:v>
                </c:pt>
                <c:pt idx="63">
                  <c:v>0.31530200000000086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599999999983</c:v>
                </c:pt>
                <c:pt idx="67">
                  <c:v>0.33532100000000042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3999999999999</c:v>
                </c:pt>
                <c:pt idx="72">
                  <c:v>0.36034500000000058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400000000015</c:v>
                </c:pt>
                <c:pt idx="77">
                  <c:v>0.38536900000000074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80000000003</c:v>
                </c:pt>
                <c:pt idx="82">
                  <c:v>0.41039299999999912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799999999912</c:v>
                </c:pt>
                <c:pt idx="86">
                  <c:v>0.43041200000000046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700000000046</c:v>
                </c:pt>
                <c:pt idx="90">
                  <c:v>0.45043199999999928</c:v>
                </c:pt>
                <c:pt idx="91">
                  <c:v>0.45543600000000062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100000000062</c:v>
                </c:pt>
                <c:pt idx="95">
                  <c:v>0.47545599999999943</c:v>
                </c:pt>
                <c:pt idx="96">
                  <c:v>0.48046000000000078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500000000078</c:v>
                </c:pt>
                <c:pt idx="100">
                  <c:v>0.50047999999999959</c:v>
                </c:pt>
                <c:pt idx="101">
                  <c:v>0.50548399999999916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899999999916</c:v>
                </c:pt>
                <c:pt idx="105">
                  <c:v>0.52550399999999975</c:v>
                </c:pt>
                <c:pt idx="106">
                  <c:v>0.53050799999999931</c:v>
                </c:pt>
                <c:pt idx="107">
                  <c:v>0.53551299999999991</c:v>
                </c:pt>
                <c:pt idx="108">
                  <c:v>0.5405180000000005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199999999947</c:v>
                </c:pt>
                <c:pt idx="112">
                  <c:v>0.56053700000000006</c:v>
                </c:pt>
                <c:pt idx="113">
                  <c:v>0.56554200000000066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599999999963</c:v>
                </c:pt>
                <c:pt idx="117">
                  <c:v>0.58556100000000022</c:v>
                </c:pt>
                <c:pt idx="118">
                  <c:v>0.59056600000000081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7999999999979</c:v>
                </c:pt>
                <c:pt idx="122">
                  <c:v>0.61058500000000038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60000000000038</c:v>
                </c:pt>
                <c:pt idx="126">
                  <c:v>0.63060399999999994</c:v>
                </c:pt>
                <c:pt idx="127">
                  <c:v>0.63560900000000053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80000000001</c:v>
                </c:pt>
                <c:pt idx="132">
                  <c:v>0.66063300000000069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800000000069</c:v>
                </c:pt>
                <c:pt idx="136">
                  <c:v>0.68065200000000026</c:v>
                </c:pt>
                <c:pt idx="137">
                  <c:v>0.68565700000000085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200000000085</c:v>
                </c:pt>
                <c:pt idx="141">
                  <c:v>0.70567600000000041</c:v>
                </c:pt>
                <c:pt idx="142">
                  <c:v>0.71068099999999923</c:v>
                </c:pt>
                <c:pt idx="143">
                  <c:v>0.71568599999999982</c:v>
                </c:pt>
                <c:pt idx="144">
                  <c:v>0.72069100000000041</c:v>
                </c:pt>
                <c:pt idx="145">
                  <c:v>0.72569599999999923</c:v>
                </c:pt>
                <c:pt idx="146">
                  <c:v>0.73070000000000057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500000000057</c:v>
                </c:pt>
                <c:pt idx="150">
                  <c:v>0.75071999999999939</c:v>
                </c:pt>
                <c:pt idx="151">
                  <c:v>0.75572400000000073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900000000073</c:v>
                </c:pt>
                <c:pt idx="155">
                  <c:v>0.77574399999999955</c:v>
                </c:pt>
                <c:pt idx="156">
                  <c:v>0.78074800000000089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300000000089</c:v>
                </c:pt>
                <c:pt idx="160">
                  <c:v>0.8007679999999997</c:v>
                </c:pt>
                <c:pt idx="161">
                  <c:v>0.80577199999999927</c:v>
                </c:pt>
                <c:pt idx="162">
                  <c:v>0.81077699999999986</c:v>
                </c:pt>
                <c:pt idx="163">
                  <c:v>0.81578200000000045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599999999942</c:v>
                </c:pt>
                <c:pt idx="167">
                  <c:v>0.83580100000000002</c:v>
                </c:pt>
                <c:pt idx="168">
                  <c:v>0.84080600000000061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1999999999958</c:v>
                </c:pt>
                <c:pt idx="172">
                  <c:v>0.86082500000000017</c:v>
                </c:pt>
                <c:pt idx="173">
                  <c:v>0.86583000000000077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399999999974</c:v>
                </c:pt>
                <c:pt idx="177">
                  <c:v>0.88584900000000033</c:v>
                </c:pt>
                <c:pt idx="178">
                  <c:v>0.89085399999999915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79999999999</c:v>
                </c:pt>
                <c:pt idx="182">
                  <c:v>0.91087300000000049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200000000005</c:v>
                </c:pt>
                <c:pt idx="187">
                  <c:v>0.93589700000000065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600000000021</c:v>
                </c:pt>
                <c:pt idx="192">
                  <c:v>0.9609210000000008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60000000008</c:v>
                </c:pt>
                <c:pt idx="196">
                  <c:v>0.98094000000000037</c:v>
                </c:pt>
                <c:pt idx="197">
                  <c:v>0.98594499999999918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599999999992</c:v>
                </c:pt>
                <c:pt idx="201">
                  <c:v>1.0059640000000005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90000000005</c:v>
                </c:pt>
                <c:pt idx="205">
                  <c:v>1.0259839999999993</c:v>
                </c:pt>
                <c:pt idx="206">
                  <c:v>1.0309880000000007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30000000007</c:v>
                </c:pt>
                <c:pt idx="210">
                  <c:v>1.0510079999999995</c:v>
                </c:pt>
                <c:pt idx="211">
                  <c:v>1.0560120000000008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0000000008</c:v>
                </c:pt>
                <c:pt idx="215">
                  <c:v>1.0760319999999997</c:v>
                </c:pt>
                <c:pt idx="216">
                  <c:v>1.0810359999999992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599999999994</c:v>
                </c:pt>
                <c:pt idx="222">
                  <c:v>1.111065</c:v>
                </c:pt>
                <c:pt idx="223">
                  <c:v>1.1160700000000006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39999999995</c:v>
                </c:pt>
                <c:pt idx="227">
                  <c:v>1.1360890000000001</c:v>
                </c:pt>
                <c:pt idx="228">
                  <c:v>1.1410940000000007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30000000003</c:v>
                </c:pt>
                <c:pt idx="233">
                  <c:v>1.1661180000000009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19999999998</c:v>
                </c:pt>
                <c:pt idx="237">
                  <c:v>1.1861370000000004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6</c:v>
                </c:pt>
                <c:pt idx="242">
                  <c:v>1.2111610000000006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00000000002</c:v>
                </c:pt>
                <c:pt idx="247">
                  <c:v>1.2361850000000008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2000000000008</c:v>
                </c:pt>
                <c:pt idx="251">
                  <c:v>1.2562040000000003</c:v>
                </c:pt>
                <c:pt idx="252">
                  <c:v>1.2612089999999991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39999999991</c:v>
                </c:pt>
                <c:pt idx="256">
                  <c:v>1.2812280000000005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30000000005</c:v>
                </c:pt>
                <c:pt idx="260">
                  <c:v>1.3012479999999993</c:v>
                </c:pt>
                <c:pt idx="261">
                  <c:v>1.3062520000000006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70000000006</c:v>
                </c:pt>
                <c:pt idx="265">
                  <c:v>1.3262719999999995</c:v>
                </c:pt>
                <c:pt idx="266">
                  <c:v>1.3312760000000008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10000000008</c:v>
                </c:pt>
                <c:pt idx="270">
                  <c:v>1.3512959999999996</c:v>
                </c:pt>
                <c:pt idx="271">
                  <c:v>1.356299999999999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49999999992</c:v>
                </c:pt>
                <c:pt idx="275">
                  <c:v>1.3763199999999998</c:v>
                </c:pt>
                <c:pt idx="276">
                  <c:v>1.3813239999999993</c:v>
                </c:pt>
                <c:pt idx="277">
                  <c:v>1.3863289999999999</c:v>
                </c:pt>
                <c:pt idx="278">
                  <c:v>1.3913340000000005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79999999995</c:v>
                </c:pt>
                <c:pt idx="282">
                  <c:v>1.4113530000000001</c:v>
                </c:pt>
                <c:pt idx="283">
                  <c:v>1.4163580000000007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70000000002</c:v>
                </c:pt>
                <c:pt idx="288">
                  <c:v>1.4413820000000008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59999999998</c:v>
                </c:pt>
                <c:pt idx="292">
                  <c:v>1.4614010000000004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</c:v>
                </c:pt>
                <c:pt idx="297">
                  <c:v>1.4864250000000006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40000000001</c:v>
                </c:pt>
                <c:pt idx="302">
                  <c:v>1.5114490000000007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40000000007</c:v>
                </c:pt>
                <c:pt idx="306">
                  <c:v>1.5314680000000003</c:v>
                </c:pt>
                <c:pt idx="307">
                  <c:v>1.5364730000000009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80000000009</c:v>
                </c:pt>
                <c:pt idx="311">
                  <c:v>1.5564920000000004</c:v>
                </c:pt>
                <c:pt idx="312">
                  <c:v>1.5614969999999992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19999999992</c:v>
                </c:pt>
                <c:pt idx="316">
                  <c:v>1.5815160000000006</c:v>
                </c:pt>
                <c:pt idx="317">
                  <c:v>1.5865209999999994</c:v>
                </c:pt>
                <c:pt idx="318">
                  <c:v>1.591526</c:v>
                </c:pt>
                <c:pt idx="319">
                  <c:v>1.5965310000000006</c:v>
                </c:pt>
                <c:pt idx="320">
                  <c:v>1.6015359999999994</c:v>
                </c:pt>
                <c:pt idx="321">
                  <c:v>1.6065400000000007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50000000007</c:v>
                </c:pt>
                <c:pt idx="325">
                  <c:v>1.6265599999999996</c:v>
                </c:pt>
                <c:pt idx="326">
                  <c:v>1.6315639999999991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89999999991</c:v>
                </c:pt>
                <c:pt idx="330">
                  <c:v>1.6515839999999997</c:v>
                </c:pt>
                <c:pt idx="331">
                  <c:v>1.6565879999999993</c:v>
                </c:pt>
                <c:pt idx="332">
                  <c:v>1.6615929999999999</c:v>
                </c:pt>
                <c:pt idx="333">
                  <c:v>1.6665980000000005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19999999994</c:v>
                </c:pt>
                <c:pt idx="337">
                  <c:v>1.686617</c:v>
                </c:pt>
                <c:pt idx="338">
                  <c:v>1.6916220000000006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59999999996</c:v>
                </c:pt>
                <c:pt idx="342">
                  <c:v>1.7116410000000002</c:v>
                </c:pt>
                <c:pt idx="343">
                  <c:v>1.7166460000000008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599999999998</c:v>
                </c:pt>
                <c:pt idx="347">
                  <c:v>1.7366650000000003</c:v>
                </c:pt>
                <c:pt idx="348">
                  <c:v>1.741669999999999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39999999999</c:v>
                </c:pt>
                <c:pt idx="352">
                  <c:v>1.7616890000000005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80000000001</c:v>
                </c:pt>
                <c:pt idx="357">
                  <c:v>1.7867130000000007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20000000002</c:v>
                </c:pt>
                <c:pt idx="362">
                  <c:v>1.8117370000000008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20000000008</c:v>
                </c:pt>
                <c:pt idx="366">
                  <c:v>1.8317560000000004</c:v>
                </c:pt>
                <c:pt idx="367">
                  <c:v>1.8367609999999992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59999999992</c:v>
                </c:pt>
                <c:pt idx="371">
                  <c:v>1.8567800000000005</c:v>
                </c:pt>
                <c:pt idx="372">
                  <c:v>1.8617849999999994</c:v>
                </c:pt>
                <c:pt idx="373">
                  <c:v>1.8667899999999999</c:v>
                </c:pt>
                <c:pt idx="374">
                  <c:v>1.8717950000000005</c:v>
                </c:pt>
                <c:pt idx="375">
                  <c:v>1.8767999999999994</c:v>
                </c:pt>
                <c:pt idx="376">
                  <c:v>1.8818040000000007</c:v>
                </c:pt>
                <c:pt idx="377">
                  <c:v>1.8868089999999995</c:v>
                </c:pt>
                <c:pt idx="378">
                  <c:v>1.8918140000000001</c:v>
                </c:pt>
                <c:pt idx="379">
                  <c:v>1.8968190000000007</c:v>
                </c:pt>
                <c:pt idx="380">
                  <c:v>1.9018239999999995</c:v>
                </c:pt>
                <c:pt idx="381">
                  <c:v>1.9068280000000009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30000000009</c:v>
                </c:pt>
              </c:numCache>
            </c:numRef>
          </c:xVal>
          <c:yVal>
            <c:numRef>
              <c:f>'Mono-1200-3s(3)'!$E$2:$E$2645</c:f>
              <c:numCache>
                <c:formatCode>General</c:formatCode>
                <c:ptCount val="2644"/>
                <c:pt idx="0">
                  <c:v>0</c:v>
                </c:pt>
                <c:pt idx="1">
                  <c:v>0.82000200000004497</c:v>
                </c:pt>
                <c:pt idx="2">
                  <c:v>2.0684549999999717</c:v>
                </c:pt>
                <c:pt idx="3">
                  <c:v>3.3326889999999594</c:v>
                </c:pt>
                <c:pt idx="4">
                  <c:v>3.7950409999999692</c:v>
                </c:pt>
                <c:pt idx="5">
                  <c:v>4.0065970000000561</c:v>
                </c:pt>
                <c:pt idx="6">
                  <c:v>5.1950550000000248</c:v>
                </c:pt>
                <c:pt idx="7">
                  <c:v>6.1009040000000141</c:v>
                </c:pt>
                <c:pt idx="8">
                  <c:v>6.1228260000000319</c:v>
                </c:pt>
                <c:pt idx="9">
                  <c:v>5.4692680000000564</c:v>
                </c:pt>
                <c:pt idx="10">
                  <c:v>5.0133859999999686</c:v>
                </c:pt>
                <c:pt idx="11">
                  <c:v>4.8645080000000007</c:v>
                </c:pt>
                <c:pt idx="12">
                  <c:v>4.3144519999999602</c:v>
                </c:pt>
                <c:pt idx="13">
                  <c:v>3.6136149999999816</c:v>
                </c:pt>
                <c:pt idx="14">
                  <c:v>3.3887150000000474</c:v>
                </c:pt>
                <c:pt idx="15">
                  <c:v>3.50181699999996</c:v>
                </c:pt>
                <c:pt idx="16">
                  <c:v>3.3688260000000128</c:v>
                </c:pt>
                <c:pt idx="17">
                  <c:v>3.0522990000000618</c:v>
                </c:pt>
                <c:pt idx="18">
                  <c:v>2.7601590000000442</c:v>
                </c:pt>
                <c:pt idx="19">
                  <c:v>2.6909349999999677</c:v>
                </c:pt>
                <c:pt idx="20">
                  <c:v>2.291735000000017</c:v>
                </c:pt>
                <c:pt idx="21">
                  <c:v>1.9771140000000287</c:v>
                </c:pt>
                <c:pt idx="22">
                  <c:v>2.0330260000000635</c:v>
                </c:pt>
                <c:pt idx="23">
                  <c:v>1.9982539999999744</c:v>
                </c:pt>
                <c:pt idx="24">
                  <c:v>2.0869930000000068</c:v>
                </c:pt>
                <c:pt idx="25">
                  <c:v>2.2760110000000395</c:v>
                </c:pt>
                <c:pt idx="26">
                  <c:v>3.0083570000000464</c:v>
                </c:pt>
                <c:pt idx="27">
                  <c:v>3.3717530000000124</c:v>
                </c:pt>
                <c:pt idx="28">
                  <c:v>3.1690039999999726</c:v>
                </c:pt>
                <c:pt idx="29">
                  <c:v>3.2299269999999751</c:v>
                </c:pt>
                <c:pt idx="30">
                  <c:v>3.6006740000000264</c:v>
                </c:pt>
                <c:pt idx="31">
                  <c:v>4.0522280000000137</c:v>
                </c:pt>
                <c:pt idx="32">
                  <c:v>4.1827140000000327</c:v>
                </c:pt>
                <c:pt idx="33">
                  <c:v>4.1771210000000565</c:v>
                </c:pt>
                <c:pt idx="34">
                  <c:v>4.8636390000000347</c:v>
                </c:pt>
                <c:pt idx="35">
                  <c:v>5.5049159999999802</c:v>
                </c:pt>
                <c:pt idx="36">
                  <c:v>5.3398329999999987</c:v>
                </c:pt>
                <c:pt idx="37">
                  <c:v>5.4940960000000132</c:v>
                </c:pt>
                <c:pt idx="38">
                  <c:v>5.9682790000000523</c:v>
                </c:pt>
                <c:pt idx="39">
                  <c:v>6.4315020000000231</c:v>
                </c:pt>
                <c:pt idx="40">
                  <c:v>6.1183320000000094</c:v>
                </c:pt>
                <c:pt idx="41">
                  <c:v>5.2958979999999656</c:v>
                </c:pt>
                <c:pt idx="42">
                  <c:v>5.1857549999999719</c:v>
                </c:pt>
                <c:pt idx="43">
                  <c:v>5.102151000000049</c:v>
                </c:pt>
                <c:pt idx="44">
                  <c:v>4.6643550000000005</c:v>
                </c:pt>
                <c:pt idx="45">
                  <c:v>4.0666439999999966</c:v>
                </c:pt>
                <c:pt idx="46">
                  <c:v>3.8954589999999598</c:v>
                </c:pt>
                <c:pt idx="47">
                  <c:v>4.4459819999999581</c:v>
                </c:pt>
                <c:pt idx="48">
                  <c:v>4.533629000000019</c:v>
                </c:pt>
                <c:pt idx="49">
                  <c:v>4.1589599999999791</c:v>
                </c:pt>
                <c:pt idx="50">
                  <c:v>4.7067329999999856</c:v>
                </c:pt>
                <c:pt idx="51">
                  <c:v>5.4360790000000634</c:v>
                </c:pt>
                <c:pt idx="52">
                  <c:v>5.3242060000000038</c:v>
                </c:pt>
                <c:pt idx="53">
                  <c:v>5.0556830000000446</c:v>
                </c:pt>
                <c:pt idx="54">
                  <c:v>5.2699599999999691</c:v>
                </c:pt>
                <c:pt idx="55">
                  <c:v>6.0125600000000077</c:v>
                </c:pt>
                <c:pt idx="56">
                  <c:v>6.2970010000000229</c:v>
                </c:pt>
                <c:pt idx="57">
                  <c:v>6.0174930000000586</c:v>
                </c:pt>
                <c:pt idx="58">
                  <c:v>5.771837000000005</c:v>
                </c:pt>
                <c:pt idx="59">
                  <c:v>6.405522000000019</c:v>
                </c:pt>
                <c:pt idx="60">
                  <c:v>6.5155700000000252</c:v>
                </c:pt>
                <c:pt idx="61">
                  <c:v>5.9910650000000487</c:v>
                </c:pt>
                <c:pt idx="62">
                  <c:v>5.6678299999999808</c:v>
                </c:pt>
                <c:pt idx="63">
                  <c:v>5.6468409999999949</c:v>
                </c:pt>
                <c:pt idx="64">
                  <c:v>5.6011640000000398</c:v>
                </c:pt>
                <c:pt idx="65">
                  <c:v>4.9403459999999768</c:v>
                </c:pt>
                <c:pt idx="66">
                  <c:v>4.8481890000000476</c:v>
                </c:pt>
                <c:pt idx="67">
                  <c:v>5.2195990000000165</c:v>
                </c:pt>
                <c:pt idx="68">
                  <c:v>5.806287999999995</c:v>
                </c:pt>
                <c:pt idx="69">
                  <c:v>5.3810799999999972</c:v>
                </c:pt>
                <c:pt idx="70">
                  <c:v>4.6977080000000342</c:v>
                </c:pt>
                <c:pt idx="71">
                  <c:v>5.0788410000000113</c:v>
                </c:pt>
                <c:pt idx="72">
                  <c:v>5.8187960000000203</c:v>
                </c:pt>
                <c:pt idx="73">
                  <c:v>5.7894539999999779</c:v>
                </c:pt>
                <c:pt idx="74">
                  <c:v>5.2974010000000362</c:v>
                </c:pt>
                <c:pt idx="75">
                  <c:v>5.2563770000000432</c:v>
                </c:pt>
                <c:pt idx="76">
                  <c:v>5.7681069999999863</c:v>
                </c:pt>
                <c:pt idx="77">
                  <c:v>5.9571770000000015</c:v>
                </c:pt>
                <c:pt idx="78">
                  <c:v>5.7734460000000354</c:v>
                </c:pt>
                <c:pt idx="79">
                  <c:v>6.136504000000059</c:v>
                </c:pt>
                <c:pt idx="80">
                  <c:v>6.6697990000000118</c:v>
                </c:pt>
                <c:pt idx="81">
                  <c:v>6.3900519999999688</c:v>
                </c:pt>
                <c:pt idx="82">
                  <c:v>5.8793140000000221</c:v>
                </c:pt>
                <c:pt idx="83">
                  <c:v>5.4987969999999677</c:v>
                </c:pt>
                <c:pt idx="84">
                  <c:v>5.5138389999999617</c:v>
                </c:pt>
                <c:pt idx="85">
                  <c:v>5.211907999999994</c:v>
                </c:pt>
                <c:pt idx="86">
                  <c:v>4.5867660000000114</c:v>
                </c:pt>
                <c:pt idx="87">
                  <c:v>4.5710530000000063</c:v>
                </c:pt>
                <c:pt idx="88">
                  <c:v>4.8189630000000534</c:v>
                </c:pt>
                <c:pt idx="89">
                  <c:v>4.3683069999999589</c:v>
                </c:pt>
                <c:pt idx="90">
                  <c:v>3.8358540000000403</c:v>
                </c:pt>
                <c:pt idx="91">
                  <c:v>3.8889659999999822</c:v>
                </c:pt>
                <c:pt idx="92">
                  <c:v>4.2971939999999904</c:v>
                </c:pt>
                <c:pt idx="93">
                  <c:v>4.430170999999973</c:v>
                </c:pt>
                <c:pt idx="94">
                  <c:v>4.3751110000000608</c:v>
                </c:pt>
                <c:pt idx="95">
                  <c:v>4.802092000000016</c:v>
                </c:pt>
                <c:pt idx="96">
                  <c:v>5.6347900000000664</c:v>
                </c:pt>
                <c:pt idx="97">
                  <c:v>5.5681720000000041</c:v>
                </c:pt>
                <c:pt idx="98">
                  <c:v>4.6203950000000304</c:v>
                </c:pt>
                <c:pt idx="99">
                  <c:v>4.6964249999999765</c:v>
                </c:pt>
                <c:pt idx="100">
                  <c:v>6.0452109999999948</c:v>
                </c:pt>
                <c:pt idx="101">
                  <c:v>6.375630000000001</c:v>
                </c:pt>
                <c:pt idx="102">
                  <c:v>5.9257989999999836</c:v>
                </c:pt>
                <c:pt idx="103">
                  <c:v>5.8904079999999794</c:v>
                </c:pt>
                <c:pt idx="104">
                  <c:v>6.564801999999986</c:v>
                </c:pt>
                <c:pt idx="105">
                  <c:v>6.7466689999999971</c:v>
                </c:pt>
                <c:pt idx="106">
                  <c:v>5.6418039999999792</c:v>
                </c:pt>
                <c:pt idx="107">
                  <c:v>4.4079830000000584</c:v>
                </c:pt>
                <c:pt idx="108">
                  <c:v>4.8414310000000569</c:v>
                </c:pt>
                <c:pt idx="109">
                  <c:v>5.2329560000000583</c:v>
                </c:pt>
                <c:pt idx="110">
                  <c:v>4.0958660000000009</c:v>
                </c:pt>
                <c:pt idx="111">
                  <c:v>2.9886219999999639</c:v>
                </c:pt>
                <c:pt idx="112">
                  <c:v>3.5866340000000037</c:v>
                </c:pt>
                <c:pt idx="113">
                  <c:v>5.021178999999961</c:v>
                </c:pt>
                <c:pt idx="114">
                  <c:v>5.2926710000000412</c:v>
                </c:pt>
                <c:pt idx="115">
                  <c:v>4.6806310000000622</c:v>
                </c:pt>
                <c:pt idx="116">
                  <c:v>4.6388010000000577</c:v>
                </c:pt>
                <c:pt idx="117">
                  <c:v>5.9881370000000516</c:v>
                </c:pt>
                <c:pt idx="118">
                  <c:v>6.148996000000011</c:v>
                </c:pt>
                <c:pt idx="119">
                  <c:v>5.5851390000000265</c:v>
                </c:pt>
                <c:pt idx="120">
                  <c:v>6.1318119999999681</c:v>
                </c:pt>
                <c:pt idx="121">
                  <c:v>7.6099279999999681</c:v>
                </c:pt>
                <c:pt idx="122">
                  <c:v>8.2060770000000502</c:v>
                </c:pt>
                <c:pt idx="123">
                  <c:v>7.3939739999999574</c:v>
                </c:pt>
                <c:pt idx="124">
                  <c:v>6.8453040000000556</c:v>
                </c:pt>
                <c:pt idx="125">
                  <c:v>7.2757729999999583</c:v>
                </c:pt>
                <c:pt idx="126">
                  <c:v>7.3446350000000393</c:v>
                </c:pt>
                <c:pt idx="127">
                  <c:v>6.8040630000000419</c:v>
                </c:pt>
                <c:pt idx="128">
                  <c:v>6.5776909999999589</c:v>
                </c:pt>
                <c:pt idx="129">
                  <c:v>6.5546970000000329</c:v>
                </c:pt>
                <c:pt idx="130">
                  <c:v>6.5491070000000491</c:v>
                </c:pt>
                <c:pt idx="131">
                  <c:v>5.766018000000031</c:v>
                </c:pt>
                <c:pt idx="132">
                  <c:v>5.1728640000000041</c:v>
                </c:pt>
                <c:pt idx="133">
                  <c:v>5.1147339999999986</c:v>
                </c:pt>
                <c:pt idx="134">
                  <c:v>5.2463470000000143</c:v>
                </c:pt>
                <c:pt idx="135">
                  <c:v>5.0498029999999972</c:v>
                </c:pt>
                <c:pt idx="136">
                  <c:v>5.0477419999999711</c:v>
                </c:pt>
                <c:pt idx="137">
                  <c:v>5.6859259999999949</c:v>
                </c:pt>
                <c:pt idx="138">
                  <c:v>6.7395249999999578</c:v>
                </c:pt>
                <c:pt idx="139">
                  <c:v>7.1140440000000353</c:v>
                </c:pt>
                <c:pt idx="140">
                  <c:v>7.4231429999999818</c:v>
                </c:pt>
                <c:pt idx="141">
                  <c:v>8.3460660000000644</c:v>
                </c:pt>
                <c:pt idx="142">
                  <c:v>9.4203430000000026</c:v>
                </c:pt>
                <c:pt idx="143">
                  <c:v>9.4601549999999861</c:v>
                </c:pt>
                <c:pt idx="144">
                  <c:v>9.8332589999999982</c:v>
                </c:pt>
                <c:pt idx="145">
                  <c:v>10.382158000000004</c:v>
                </c:pt>
                <c:pt idx="146">
                  <c:v>10.628611999999976</c:v>
                </c:pt>
                <c:pt idx="147">
                  <c:v>10.00258800000006</c:v>
                </c:pt>
                <c:pt idx="148">
                  <c:v>9.464890999999966</c:v>
                </c:pt>
                <c:pt idx="149">
                  <c:v>9.3943309999999656</c:v>
                </c:pt>
                <c:pt idx="150">
                  <c:v>9.0165759999999864</c:v>
                </c:pt>
                <c:pt idx="151">
                  <c:v>7.9950139999999692</c:v>
                </c:pt>
                <c:pt idx="152">
                  <c:v>6.9153220000000601</c:v>
                </c:pt>
                <c:pt idx="153">
                  <c:v>6.4432180000000017</c:v>
                </c:pt>
                <c:pt idx="154">
                  <c:v>5.8053160000000616</c:v>
                </c:pt>
                <c:pt idx="155">
                  <c:v>4.5740180000000237</c:v>
                </c:pt>
                <c:pt idx="156">
                  <c:v>3.8822149999999738</c:v>
                </c:pt>
                <c:pt idx="157">
                  <c:v>4.1766850000000204</c:v>
                </c:pt>
                <c:pt idx="158">
                  <c:v>4.8641400000000203</c:v>
                </c:pt>
                <c:pt idx="159">
                  <c:v>4.7490420000000313</c:v>
                </c:pt>
                <c:pt idx="160">
                  <c:v>4.6145099999999957</c:v>
                </c:pt>
                <c:pt idx="161">
                  <c:v>5.9294350000000122</c:v>
                </c:pt>
                <c:pt idx="162">
                  <c:v>7.695510000000013</c:v>
                </c:pt>
                <c:pt idx="163">
                  <c:v>8.2825070000000096</c:v>
                </c:pt>
                <c:pt idx="164">
                  <c:v>8.3683680000000322</c:v>
                </c:pt>
                <c:pt idx="165">
                  <c:v>9.0598559999999679</c:v>
                </c:pt>
                <c:pt idx="166">
                  <c:v>10.459488999999962</c:v>
                </c:pt>
                <c:pt idx="167">
                  <c:v>11.215792999999962</c:v>
                </c:pt>
                <c:pt idx="168">
                  <c:v>11.132084999999961</c:v>
                </c:pt>
                <c:pt idx="169">
                  <c:v>11.009644999999978</c:v>
                </c:pt>
                <c:pt idx="170">
                  <c:v>11.527544000000034</c:v>
                </c:pt>
                <c:pt idx="171">
                  <c:v>11.156254999999987</c:v>
                </c:pt>
                <c:pt idx="172">
                  <c:v>10.187860000000001</c:v>
                </c:pt>
                <c:pt idx="173">
                  <c:v>9.4110580000000255</c:v>
                </c:pt>
                <c:pt idx="174">
                  <c:v>9.1543820000000551</c:v>
                </c:pt>
                <c:pt idx="175">
                  <c:v>8.6575850000000401</c:v>
                </c:pt>
                <c:pt idx="176">
                  <c:v>7.9265589999999975</c:v>
                </c:pt>
                <c:pt idx="177">
                  <c:v>6.7954849999999851</c:v>
                </c:pt>
                <c:pt idx="178">
                  <c:v>5.9071179999999686</c:v>
                </c:pt>
                <c:pt idx="179">
                  <c:v>4.9696910000000116</c:v>
                </c:pt>
                <c:pt idx="180">
                  <c:v>5.3999169999999594</c:v>
                </c:pt>
                <c:pt idx="181">
                  <c:v>5.2241760000000568</c:v>
                </c:pt>
                <c:pt idx="182">
                  <c:v>5.3338200000000597</c:v>
                </c:pt>
                <c:pt idx="183">
                  <c:v>4.7859170000000404</c:v>
                </c:pt>
                <c:pt idx="184">
                  <c:v>4.6576860000000124</c:v>
                </c:pt>
                <c:pt idx="185">
                  <c:v>5.5768209999999954</c:v>
                </c:pt>
                <c:pt idx="186">
                  <c:v>6.7950190000000248</c:v>
                </c:pt>
                <c:pt idx="187">
                  <c:v>7.340787999999975</c:v>
                </c:pt>
                <c:pt idx="188">
                  <c:v>7.4562779999999975</c:v>
                </c:pt>
                <c:pt idx="189">
                  <c:v>8.6004709999999704</c:v>
                </c:pt>
                <c:pt idx="190">
                  <c:v>9.7598150000000032</c:v>
                </c:pt>
                <c:pt idx="191">
                  <c:v>10.140561000000048</c:v>
                </c:pt>
                <c:pt idx="192">
                  <c:v>10.349718000000053</c:v>
                </c:pt>
                <c:pt idx="193">
                  <c:v>10.636852999999974</c:v>
                </c:pt>
                <c:pt idx="194">
                  <c:v>11.106701000000044</c:v>
                </c:pt>
                <c:pt idx="195">
                  <c:v>11.934057000000053</c:v>
                </c:pt>
                <c:pt idx="196">
                  <c:v>11.612903999999958</c:v>
                </c:pt>
                <c:pt idx="197">
                  <c:v>10.346904999999992</c:v>
                </c:pt>
                <c:pt idx="198">
                  <c:v>10.524464999999964</c:v>
                </c:pt>
                <c:pt idx="199">
                  <c:v>10.695922999999993</c:v>
                </c:pt>
                <c:pt idx="200">
                  <c:v>9.0030410000000529</c:v>
                </c:pt>
                <c:pt idx="201">
                  <c:v>8.6848939999999857</c:v>
                </c:pt>
                <c:pt idx="202">
                  <c:v>8.4602780000000166</c:v>
                </c:pt>
                <c:pt idx="203">
                  <c:v>8.2390189999999848</c:v>
                </c:pt>
                <c:pt idx="204">
                  <c:v>6.4221929999999929</c:v>
                </c:pt>
                <c:pt idx="205">
                  <c:v>4.8404500000000326</c:v>
                </c:pt>
                <c:pt idx="206">
                  <c:v>5.6742990000000191</c:v>
                </c:pt>
                <c:pt idx="207">
                  <c:v>7.5498489999999947</c:v>
                </c:pt>
                <c:pt idx="208">
                  <c:v>7.106078000000025</c:v>
                </c:pt>
                <c:pt idx="209">
                  <c:v>5.6987269999999626</c:v>
                </c:pt>
                <c:pt idx="210">
                  <c:v>6.7137169999999742</c:v>
                </c:pt>
                <c:pt idx="211">
                  <c:v>8.4451440000000275</c:v>
                </c:pt>
                <c:pt idx="212">
                  <c:v>8.4525869999999941</c:v>
                </c:pt>
                <c:pt idx="213">
                  <c:v>7.3325290000000223</c:v>
                </c:pt>
                <c:pt idx="214">
                  <c:v>7.6233240000000251</c:v>
                </c:pt>
                <c:pt idx="215">
                  <c:v>9.124637000000007</c:v>
                </c:pt>
                <c:pt idx="216">
                  <c:v>11.127394999999979</c:v>
                </c:pt>
                <c:pt idx="217">
                  <c:v>11.302183000000014</c:v>
                </c:pt>
                <c:pt idx="218">
                  <c:v>10.745172000000025</c:v>
                </c:pt>
                <c:pt idx="219">
                  <c:v>11.650940999999989</c:v>
                </c:pt>
                <c:pt idx="220">
                  <c:v>12.879277000000002</c:v>
                </c:pt>
                <c:pt idx="221">
                  <c:v>12.681876999999986</c:v>
                </c:pt>
                <c:pt idx="222">
                  <c:v>12.811053000000015</c:v>
                </c:pt>
                <c:pt idx="223">
                  <c:v>13.861820999999964</c:v>
                </c:pt>
                <c:pt idx="224">
                  <c:v>14.611540999999988</c:v>
                </c:pt>
                <c:pt idx="225">
                  <c:v>12.956852000000026</c:v>
                </c:pt>
                <c:pt idx="226">
                  <c:v>11.021163000000001</c:v>
                </c:pt>
                <c:pt idx="227">
                  <c:v>10.315677000000051</c:v>
                </c:pt>
                <c:pt idx="228">
                  <c:v>10.703841000000011</c:v>
                </c:pt>
                <c:pt idx="229">
                  <c:v>10.242704000000003</c:v>
                </c:pt>
                <c:pt idx="230">
                  <c:v>9.3165109999999913</c:v>
                </c:pt>
                <c:pt idx="231">
                  <c:v>8.6928679999999758</c:v>
                </c:pt>
                <c:pt idx="232">
                  <c:v>8.5011600000000271</c:v>
                </c:pt>
                <c:pt idx="233">
                  <c:v>7.8928859999999759</c:v>
                </c:pt>
                <c:pt idx="234">
                  <c:v>8.4942059999999628</c:v>
                </c:pt>
                <c:pt idx="235">
                  <c:v>8.3054230000000189</c:v>
                </c:pt>
                <c:pt idx="236">
                  <c:v>7.7111949999999752</c:v>
                </c:pt>
                <c:pt idx="237">
                  <c:v>7.2469310000000178</c:v>
                </c:pt>
                <c:pt idx="238">
                  <c:v>7.3285439999999653</c:v>
                </c:pt>
                <c:pt idx="239">
                  <c:v>8.1494509999999991</c:v>
                </c:pt>
                <c:pt idx="240">
                  <c:v>7.9829790000000003</c:v>
                </c:pt>
                <c:pt idx="241">
                  <c:v>7.8919650000000274</c:v>
                </c:pt>
                <c:pt idx="242">
                  <c:v>9.0880540000000565</c:v>
                </c:pt>
                <c:pt idx="243">
                  <c:v>10.033347000000049</c:v>
                </c:pt>
                <c:pt idx="244">
                  <c:v>9.6066180000000259</c:v>
                </c:pt>
                <c:pt idx="245">
                  <c:v>9.4500130000000127</c:v>
                </c:pt>
                <c:pt idx="246">
                  <c:v>9.702303000000029</c:v>
                </c:pt>
                <c:pt idx="247">
                  <c:v>10.803201000000058</c:v>
                </c:pt>
                <c:pt idx="248">
                  <c:v>11.682957999999985</c:v>
                </c:pt>
                <c:pt idx="249">
                  <c:v>11.992454000000066</c:v>
                </c:pt>
                <c:pt idx="250">
                  <c:v>12.994399000000044</c:v>
                </c:pt>
                <c:pt idx="251">
                  <c:v>12.731882000000041</c:v>
                </c:pt>
                <c:pt idx="252">
                  <c:v>12.408284999999978</c:v>
                </c:pt>
                <c:pt idx="253">
                  <c:v>11.558549999999968</c:v>
                </c:pt>
                <c:pt idx="254">
                  <c:v>9.8825010000000475</c:v>
                </c:pt>
                <c:pt idx="255">
                  <c:v>10.000599999999963</c:v>
                </c:pt>
                <c:pt idx="256">
                  <c:v>11.362193000000048</c:v>
                </c:pt>
                <c:pt idx="257">
                  <c:v>10.962087999999994</c:v>
                </c:pt>
                <c:pt idx="258">
                  <c:v>10.635066000000052</c:v>
                </c:pt>
                <c:pt idx="259">
                  <c:v>11.87632700000006</c:v>
                </c:pt>
                <c:pt idx="260">
                  <c:v>12.446777999999995</c:v>
                </c:pt>
                <c:pt idx="261">
                  <c:v>10.710303000000067</c:v>
                </c:pt>
                <c:pt idx="262">
                  <c:v>9.5207639999999856</c:v>
                </c:pt>
                <c:pt idx="263">
                  <c:v>10.191757000000052</c:v>
                </c:pt>
                <c:pt idx="264">
                  <c:v>11.749089000000026</c:v>
                </c:pt>
                <c:pt idx="265">
                  <c:v>11.491240000000062</c:v>
                </c:pt>
                <c:pt idx="266">
                  <c:v>10.222659000000021</c:v>
                </c:pt>
                <c:pt idx="267">
                  <c:v>10.923231999999985</c:v>
                </c:pt>
                <c:pt idx="268">
                  <c:v>12.432035000000042</c:v>
                </c:pt>
                <c:pt idx="269">
                  <c:v>12.119702999999959</c:v>
                </c:pt>
                <c:pt idx="270">
                  <c:v>11.256546999999955</c:v>
                </c:pt>
                <c:pt idx="271">
                  <c:v>11.062565000000063</c:v>
                </c:pt>
                <c:pt idx="272">
                  <c:v>11.614643999999998</c:v>
                </c:pt>
                <c:pt idx="273">
                  <c:v>11.288553999999976</c:v>
                </c:pt>
                <c:pt idx="274">
                  <c:v>9.7877210000000332</c:v>
                </c:pt>
                <c:pt idx="275">
                  <c:v>9.6526479999999992</c:v>
                </c:pt>
                <c:pt idx="276">
                  <c:v>11.337796000000026</c:v>
                </c:pt>
                <c:pt idx="277">
                  <c:v>12.410071000000016</c:v>
                </c:pt>
                <c:pt idx="278">
                  <c:v>11.419566000000032</c:v>
                </c:pt>
                <c:pt idx="279">
                  <c:v>9.3689440000000559</c:v>
                </c:pt>
                <c:pt idx="280">
                  <c:v>8.9320189999999684</c:v>
                </c:pt>
                <c:pt idx="281">
                  <c:v>8.6137019999999893</c:v>
                </c:pt>
                <c:pt idx="282">
                  <c:v>7.7211539999999559</c:v>
                </c:pt>
                <c:pt idx="283">
                  <c:v>7.1908889999999701</c:v>
                </c:pt>
                <c:pt idx="284">
                  <c:v>7.9194459999999935</c:v>
                </c:pt>
                <c:pt idx="285">
                  <c:v>9.9647119999999632</c:v>
                </c:pt>
                <c:pt idx="286">
                  <c:v>10.255053999999973</c:v>
                </c:pt>
                <c:pt idx="287">
                  <c:v>10.331888000000049</c:v>
                </c:pt>
                <c:pt idx="288">
                  <c:v>11.251915000000054</c:v>
                </c:pt>
                <c:pt idx="289">
                  <c:v>12.246447999999987</c:v>
                </c:pt>
                <c:pt idx="290">
                  <c:v>12.692635999999993</c:v>
                </c:pt>
                <c:pt idx="291">
                  <c:v>13.034886000000029</c:v>
                </c:pt>
                <c:pt idx="292">
                  <c:v>13.302187000000004</c:v>
                </c:pt>
                <c:pt idx="293">
                  <c:v>13.523767000000021</c:v>
                </c:pt>
                <c:pt idx="294">
                  <c:v>12.760812999999985</c:v>
                </c:pt>
                <c:pt idx="295">
                  <c:v>11.679361999999969</c:v>
                </c:pt>
                <c:pt idx="296">
                  <c:v>11.124416999999994</c:v>
                </c:pt>
                <c:pt idx="297">
                  <c:v>10.389304000000038</c:v>
                </c:pt>
                <c:pt idx="298">
                  <c:v>10.33934899999997</c:v>
                </c:pt>
                <c:pt idx="299">
                  <c:v>9.836763000000019</c:v>
                </c:pt>
                <c:pt idx="300">
                  <c:v>9.1527240000000347</c:v>
                </c:pt>
                <c:pt idx="301">
                  <c:v>8.7408920000000307</c:v>
                </c:pt>
                <c:pt idx="302">
                  <c:v>7.8195530000000417</c:v>
                </c:pt>
                <c:pt idx="303">
                  <c:v>7.932309000000032</c:v>
                </c:pt>
                <c:pt idx="304">
                  <c:v>8.2173370000000432</c:v>
                </c:pt>
                <c:pt idx="305">
                  <c:v>9.5117089999999962</c:v>
                </c:pt>
                <c:pt idx="306">
                  <c:v>9.3395510000000286</c:v>
                </c:pt>
                <c:pt idx="307">
                  <c:v>8.5168019999999842</c:v>
                </c:pt>
                <c:pt idx="308">
                  <c:v>10.235465999999974</c:v>
                </c:pt>
                <c:pt idx="309">
                  <c:v>12.044026000000031</c:v>
                </c:pt>
                <c:pt idx="310">
                  <c:v>12.530518000000029</c:v>
                </c:pt>
                <c:pt idx="311">
                  <c:v>13.66704500000003</c:v>
                </c:pt>
                <c:pt idx="312">
                  <c:v>14.330826000000002</c:v>
                </c:pt>
                <c:pt idx="313">
                  <c:v>15.269071000000054</c:v>
                </c:pt>
                <c:pt idx="314">
                  <c:v>15.44477100000006</c:v>
                </c:pt>
                <c:pt idx="315">
                  <c:v>14.946377999999982</c:v>
                </c:pt>
                <c:pt idx="316">
                  <c:v>14.949913000000038</c:v>
                </c:pt>
                <c:pt idx="317">
                  <c:v>15.789869000000067</c:v>
                </c:pt>
                <c:pt idx="318">
                  <c:v>15.454514000000017</c:v>
                </c:pt>
                <c:pt idx="319">
                  <c:v>13.594196000000011</c:v>
                </c:pt>
                <c:pt idx="320">
                  <c:v>11.470551999999998</c:v>
                </c:pt>
                <c:pt idx="321">
                  <c:v>11.527482999999961</c:v>
                </c:pt>
                <c:pt idx="322">
                  <c:v>12.511240000000043</c:v>
                </c:pt>
                <c:pt idx="323">
                  <c:v>10.85627599999998</c:v>
                </c:pt>
                <c:pt idx="324">
                  <c:v>8.6292570000000524</c:v>
                </c:pt>
                <c:pt idx="325">
                  <c:v>8.3890800000000354</c:v>
                </c:pt>
                <c:pt idx="326">
                  <c:v>8.8450430000000324</c:v>
                </c:pt>
                <c:pt idx="327">
                  <c:v>8.2187139999999772</c:v>
                </c:pt>
                <c:pt idx="328">
                  <c:v>7.7438990000000558</c:v>
                </c:pt>
                <c:pt idx="329">
                  <c:v>8.245632999999998</c:v>
                </c:pt>
                <c:pt idx="330">
                  <c:v>9.2609039999999823</c:v>
                </c:pt>
                <c:pt idx="331">
                  <c:v>9.841713000000027</c:v>
                </c:pt>
                <c:pt idx="332">
                  <c:v>10.304810999999972</c:v>
                </c:pt>
                <c:pt idx="333">
                  <c:v>11.346216000000027</c:v>
                </c:pt>
                <c:pt idx="334">
                  <c:v>12.629206000000067</c:v>
                </c:pt>
                <c:pt idx="335">
                  <c:v>13.677678000000014</c:v>
                </c:pt>
                <c:pt idx="336">
                  <c:v>14.307620000000043</c:v>
                </c:pt>
                <c:pt idx="337">
                  <c:v>14.496146000000067</c:v>
                </c:pt>
                <c:pt idx="338">
                  <c:v>14.782876999999985</c:v>
                </c:pt>
                <c:pt idx="339">
                  <c:v>14.899862999999982</c:v>
                </c:pt>
                <c:pt idx="340">
                  <c:v>14.595625000000041</c:v>
                </c:pt>
                <c:pt idx="341">
                  <c:v>14.18289900000002</c:v>
                </c:pt>
                <c:pt idx="342">
                  <c:v>13.529216000000019</c:v>
                </c:pt>
                <c:pt idx="343">
                  <c:v>12.886662999999999</c:v>
                </c:pt>
                <c:pt idx="344">
                  <c:v>12.61248599999999</c:v>
                </c:pt>
                <c:pt idx="345">
                  <c:v>12.409283999999957</c:v>
                </c:pt>
                <c:pt idx="346">
                  <c:v>11.945591000000036</c:v>
                </c:pt>
                <c:pt idx="347">
                  <c:v>11.249919999999975</c:v>
                </c:pt>
                <c:pt idx="348">
                  <c:v>10.961167000000046</c:v>
                </c:pt>
                <c:pt idx="349">
                  <c:v>10.973473000000013</c:v>
                </c:pt>
                <c:pt idx="350">
                  <c:v>10.533296000000064</c:v>
                </c:pt>
                <c:pt idx="351">
                  <c:v>9.9158820000000105</c:v>
                </c:pt>
                <c:pt idx="352">
                  <c:v>9.7871440000000121</c:v>
                </c:pt>
                <c:pt idx="353">
                  <c:v>10.251113000000032</c:v>
                </c:pt>
                <c:pt idx="354">
                  <c:v>10.531295</c:v>
                </c:pt>
                <c:pt idx="355">
                  <c:v>10.177592000000004</c:v>
                </c:pt>
                <c:pt idx="356">
                  <c:v>10.044405999999981</c:v>
                </c:pt>
                <c:pt idx="357">
                  <c:v>11.141558000000032</c:v>
                </c:pt>
                <c:pt idx="358">
                  <c:v>12.139458999999988</c:v>
                </c:pt>
                <c:pt idx="359">
                  <c:v>11.807418999999982</c:v>
                </c:pt>
                <c:pt idx="360">
                  <c:v>11.38440300000002</c:v>
                </c:pt>
                <c:pt idx="361">
                  <c:v>11.719392999999968</c:v>
                </c:pt>
                <c:pt idx="362">
                  <c:v>12.302548000000002</c:v>
                </c:pt>
                <c:pt idx="363">
                  <c:v>11.757436999999982</c:v>
                </c:pt>
                <c:pt idx="364">
                  <c:v>10.401275000000055</c:v>
                </c:pt>
                <c:pt idx="365">
                  <c:v>10.229207999999971</c:v>
                </c:pt>
                <c:pt idx="366">
                  <c:v>11.112423000000035</c:v>
                </c:pt>
                <c:pt idx="367">
                  <c:v>11.119017999999983</c:v>
                </c:pt>
                <c:pt idx="368">
                  <c:v>9.8133860000000368</c:v>
                </c:pt>
                <c:pt idx="369">
                  <c:v>8.9994689999999764</c:v>
                </c:pt>
                <c:pt idx="370">
                  <c:v>9.6964810000000625</c:v>
                </c:pt>
                <c:pt idx="371">
                  <c:v>10.148877999999968</c:v>
                </c:pt>
                <c:pt idx="372">
                  <c:v>9.3632959999999912</c:v>
                </c:pt>
                <c:pt idx="373">
                  <c:v>8.8348780000000033</c:v>
                </c:pt>
                <c:pt idx="374">
                  <c:v>9.4496320000000651</c:v>
                </c:pt>
                <c:pt idx="375">
                  <c:v>10.456346000000053</c:v>
                </c:pt>
                <c:pt idx="376">
                  <c:v>10.857030000000009</c:v>
                </c:pt>
                <c:pt idx="377">
                  <c:v>11.061670000000049</c:v>
                </c:pt>
                <c:pt idx="378">
                  <c:v>12.110950000000003</c:v>
                </c:pt>
                <c:pt idx="379">
                  <c:v>13.307407000000012</c:v>
                </c:pt>
                <c:pt idx="380">
                  <c:v>13.679895999999985</c:v>
                </c:pt>
                <c:pt idx="381">
                  <c:v>13.063787000000048</c:v>
                </c:pt>
                <c:pt idx="382">
                  <c:v>12.869792999999959</c:v>
                </c:pt>
                <c:pt idx="383">
                  <c:v>13.233001000000058</c:v>
                </c:pt>
                <c:pt idx="384">
                  <c:v>13.29230400000005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6204-4D9D-9683-798DC849EF4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1.8453193350831145E-2"/>
                  <c:y val="-0.5384321230679498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3s(3)'!$D$2:$D$398</c:f>
              <c:numCache>
                <c:formatCode>General</c:formatCode>
                <c:ptCount val="397"/>
                <c:pt idx="0">
                  <c:v>0</c:v>
                </c:pt>
                <c:pt idx="1">
                  <c:v>5.0039999999995644E-3</c:v>
                </c:pt>
                <c:pt idx="2">
                  <c:v>1.0009000000000157E-2</c:v>
                </c:pt>
                <c:pt idx="3">
                  <c:v>1.5014000000000749E-2</c:v>
                </c:pt>
                <c:pt idx="4">
                  <c:v>2.0018999999999565E-2</c:v>
                </c:pt>
                <c:pt idx="5">
                  <c:v>2.5024000000000157E-2</c:v>
                </c:pt>
                <c:pt idx="6">
                  <c:v>3.0027999999999722E-2</c:v>
                </c:pt>
                <c:pt idx="7">
                  <c:v>3.5033000000000314E-2</c:v>
                </c:pt>
                <c:pt idx="8">
                  <c:v>4.003799999999913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1999999999879E-2</c:v>
                </c:pt>
                <c:pt idx="12">
                  <c:v>6.0057000000000471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6000000000036E-2</c:v>
                </c:pt>
                <c:pt idx="17">
                  <c:v>8.5081000000000628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000000000019</c:v>
                </c:pt>
                <c:pt idx="22">
                  <c:v>0.11010500000000079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2000000000079</c:v>
                </c:pt>
                <c:pt idx="26">
                  <c:v>0.13012400000000035</c:v>
                </c:pt>
                <c:pt idx="27">
                  <c:v>0.13512899999999917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399999999917</c:v>
                </c:pt>
                <c:pt idx="31">
                  <c:v>0.15514800000000051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300000000051</c:v>
                </c:pt>
                <c:pt idx="35">
                  <c:v>0.17516799999999932</c:v>
                </c:pt>
                <c:pt idx="36">
                  <c:v>0.18017200000000066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700000000067</c:v>
                </c:pt>
                <c:pt idx="40">
                  <c:v>0.20019199999999948</c:v>
                </c:pt>
                <c:pt idx="41">
                  <c:v>0.20519600000000082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100000000082</c:v>
                </c:pt>
                <c:pt idx="45">
                  <c:v>0.22521599999999964</c:v>
                </c:pt>
                <c:pt idx="46">
                  <c:v>0.2302199999999992</c:v>
                </c:pt>
                <c:pt idx="47">
                  <c:v>0.2352249999999998</c:v>
                </c:pt>
                <c:pt idx="48">
                  <c:v>0.24023000000000039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399999999936</c:v>
                </c:pt>
                <c:pt idx="52">
                  <c:v>0.26024899999999995</c:v>
                </c:pt>
                <c:pt idx="53">
                  <c:v>0.26525400000000054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799999999952</c:v>
                </c:pt>
                <c:pt idx="57">
                  <c:v>0.28527300000000011</c:v>
                </c:pt>
                <c:pt idx="58">
                  <c:v>0.2902780000000007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700000000027</c:v>
                </c:pt>
                <c:pt idx="63">
                  <c:v>0.31530200000000086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599999999983</c:v>
                </c:pt>
                <c:pt idx="67">
                  <c:v>0.33532100000000042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3999999999999</c:v>
                </c:pt>
                <c:pt idx="72">
                  <c:v>0.36034500000000058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400000000015</c:v>
                </c:pt>
                <c:pt idx="77">
                  <c:v>0.38536900000000074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80000000003</c:v>
                </c:pt>
                <c:pt idx="82">
                  <c:v>0.41039299999999912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799999999912</c:v>
                </c:pt>
                <c:pt idx="86">
                  <c:v>0.43041200000000046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700000000046</c:v>
                </c:pt>
                <c:pt idx="90">
                  <c:v>0.45043199999999928</c:v>
                </c:pt>
                <c:pt idx="91">
                  <c:v>0.45543600000000062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100000000062</c:v>
                </c:pt>
                <c:pt idx="95">
                  <c:v>0.47545599999999943</c:v>
                </c:pt>
                <c:pt idx="96">
                  <c:v>0.48046000000000078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500000000078</c:v>
                </c:pt>
                <c:pt idx="100">
                  <c:v>0.50047999999999959</c:v>
                </c:pt>
                <c:pt idx="101">
                  <c:v>0.50548399999999916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899999999916</c:v>
                </c:pt>
                <c:pt idx="105">
                  <c:v>0.52550399999999975</c:v>
                </c:pt>
                <c:pt idx="106">
                  <c:v>0.53050799999999931</c:v>
                </c:pt>
                <c:pt idx="107">
                  <c:v>0.53551299999999991</c:v>
                </c:pt>
                <c:pt idx="108">
                  <c:v>0.5405180000000005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199999999947</c:v>
                </c:pt>
                <c:pt idx="112">
                  <c:v>0.56053700000000006</c:v>
                </c:pt>
                <c:pt idx="113">
                  <c:v>0.56554200000000066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599999999963</c:v>
                </c:pt>
                <c:pt idx="117">
                  <c:v>0.58556100000000022</c:v>
                </c:pt>
                <c:pt idx="118">
                  <c:v>0.59056600000000081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7999999999979</c:v>
                </c:pt>
                <c:pt idx="122">
                  <c:v>0.61058500000000038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60000000000038</c:v>
                </c:pt>
                <c:pt idx="126">
                  <c:v>0.63060399999999994</c:v>
                </c:pt>
                <c:pt idx="127">
                  <c:v>0.63560900000000053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80000000001</c:v>
                </c:pt>
                <c:pt idx="132">
                  <c:v>0.66063300000000069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800000000069</c:v>
                </c:pt>
                <c:pt idx="136">
                  <c:v>0.68065200000000026</c:v>
                </c:pt>
                <c:pt idx="137">
                  <c:v>0.68565700000000085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200000000085</c:v>
                </c:pt>
                <c:pt idx="141">
                  <c:v>0.70567600000000041</c:v>
                </c:pt>
                <c:pt idx="142">
                  <c:v>0.71068099999999923</c:v>
                </c:pt>
                <c:pt idx="143">
                  <c:v>0.71568599999999982</c:v>
                </c:pt>
                <c:pt idx="144">
                  <c:v>0.72069100000000041</c:v>
                </c:pt>
                <c:pt idx="145">
                  <c:v>0.72569599999999923</c:v>
                </c:pt>
                <c:pt idx="146">
                  <c:v>0.73070000000000057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500000000057</c:v>
                </c:pt>
                <c:pt idx="150">
                  <c:v>0.75071999999999939</c:v>
                </c:pt>
                <c:pt idx="151">
                  <c:v>0.75572400000000073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900000000073</c:v>
                </c:pt>
                <c:pt idx="155">
                  <c:v>0.77574399999999955</c:v>
                </c:pt>
                <c:pt idx="156">
                  <c:v>0.78074800000000089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300000000089</c:v>
                </c:pt>
                <c:pt idx="160">
                  <c:v>0.8007679999999997</c:v>
                </c:pt>
                <c:pt idx="161">
                  <c:v>0.80577199999999927</c:v>
                </c:pt>
                <c:pt idx="162">
                  <c:v>0.81077699999999986</c:v>
                </c:pt>
                <c:pt idx="163">
                  <c:v>0.81578200000000045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599999999942</c:v>
                </c:pt>
                <c:pt idx="167">
                  <c:v>0.83580100000000002</c:v>
                </c:pt>
                <c:pt idx="168">
                  <c:v>0.84080600000000061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1999999999958</c:v>
                </c:pt>
                <c:pt idx="172">
                  <c:v>0.86082500000000017</c:v>
                </c:pt>
                <c:pt idx="173">
                  <c:v>0.86583000000000077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399999999974</c:v>
                </c:pt>
                <c:pt idx="177">
                  <c:v>0.88584900000000033</c:v>
                </c:pt>
                <c:pt idx="178">
                  <c:v>0.89085399999999915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79999999999</c:v>
                </c:pt>
                <c:pt idx="182">
                  <c:v>0.91087300000000049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200000000005</c:v>
                </c:pt>
                <c:pt idx="187">
                  <c:v>0.93589700000000065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600000000021</c:v>
                </c:pt>
                <c:pt idx="192">
                  <c:v>0.9609210000000008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60000000008</c:v>
                </c:pt>
                <c:pt idx="196">
                  <c:v>0.98094000000000037</c:v>
                </c:pt>
                <c:pt idx="197">
                  <c:v>0.98594499999999918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599999999992</c:v>
                </c:pt>
                <c:pt idx="201">
                  <c:v>1.0059640000000005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90000000005</c:v>
                </c:pt>
                <c:pt idx="205">
                  <c:v>1.0259839999999993</c:v>
                </c:pt>
                <c:pt idx="206">
                  <c:v>1.0309880000000007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30000000007</c:v>
                </c:pt>
                <c:pt idx="210">
                  <c:v>1.0510079999999995</c:v>
                </c:pt>
                <c:pt idx="211">
                  <c:v>1.0560120000000008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0000000008</c:v>
                </c:pt>
                <c:pt idx="215">
                  <c:v>1.0760319999999997</c:v>
                </c:pt>
                <c:pt idx="216">
                  <c:v>1.0810359999999992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599999999994</c:v>
                </c:pt>
                <c:pt idx="222">
                  <c:v>1.111065</c:v>
                </c:pt>
                <c:pt idx="223">
                  <c:v>1.1160700000000006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39999999995</c:v>
                </c:pt>
                <c:pt idx="227">
                  <c:v>1.1360890000000001</c:v>
                </c:pt>
                <c:pt idx="228">
                  <c:v>1.1410940000000007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30000000003</c:v>
                </c:pt>
                <c:pt idx="233">
                  <c:v>1.1661180000000009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19999999998</c:v>
                </c:pt>
                <c:pt idx="237">
                  <c:v>1.1861370000000004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6</c:v>
                </c:pt>
                <c:pt idx="242">
                  <c:v>1.2111610000000006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00000000002</c:v>
                </c:pt>
                <c:pt idx="247">
                  <c:v>1.2361850000000008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2000000000008</c:v>
                </c:pt>
                <c:pt idx="251">
                  <c:v>1.2562040000000003</c:v>
                </c:pt>
                <c:pt idx="252">
                  <c:v>1.2612089999999991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39999999991</c:v>
                </c:pt>
                <c:pt idx="256">
                  <c:v>1.2812280000000005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30000000005</c:v>
                </c:pt>
                <c:pt idx="260">
                  <c:v>1.3012479999999993</c:v>
                </c:pt>
                <c:pt idx="261">
                  <c:v>1.3062520000000006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70000000006</c:v>
                </c:pt>
                <c:pt idx="265">
                  <c:v>1.3262719999999995</c:v>
                </c:pt>
                <c:pt idx="266">
                  <c:v>1.3312760000000008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10000000008</c:v>
                </c:pt>
                <c:pt idx="270">
                  <c:v>1.3512959999999996</c:v>
                </c:pt>
                <c:pt idx="271">
                  <c:v>1.356299999999999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49999999992</c:v>
                </c:pt>
                <c:pt idx="275">
                  <c:v>1.3763199999999998</c:v>
                </c:pt>
                <c:pt idx="276">
                  <c:v>1.3813239999999993</c:v>
                </c:pt>
                <c:pt idx="277">
                  <c:v>1.3863289999999999</c:v>
                </c:pt>
                <c:pt idx="278">
                  <c:v>1.3913340000000005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79999999995</c:v>
                </c:pt>
                <c:pt idx="282">
                  <c:v>1.4113530000000001</c:v>
                </c:pt>
                <c:pt idx="283">
                  <c:v>1.4163580000000007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70000000002</c:v>
                </c:pt>
                <c:pt idx="288">
                  <c:v>1.4413820000000008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59999999998</c:v>
                </c:pt>
                <c:pt idx="292">
                  <c:v>1.4614010000000004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</c:v>
                </c:pt>
                <c:pt idx="297">
                  <c:v>1.4864250000000006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40000000001</c:v>
                </c:pt>
                <c:pt idx="302">
                  <c:v>1.5114490000000007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40000000007</c:v>
                </c:pt>
                <c:pt idx="306">
                  <c:v>1.5314680000000003</c:v>
                </c:pt>
                <c:pt idx="307">
                  <c:v>1.5364730000000009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80000000009</c:v>
                </c:pt>
                <c:pt idx="311">
                  <c:v>1.5564920000000004</c:v>
                </c:pt>
                <c:pt idx="312">
                  <c:v>1.5614969999999992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19999999992</c:v>
                </c:pt>
                <c:pt idx="316">
                  <c:v>1.5815160000000006</c:v>
                </c:pt>
                <c:pt idx="317">
                  <c:v>1.5865209999999994</c:v>
                </c:pt>
                <c:pt idx="318">
                  <c:v>1.591526</c:v>
                </c:pt>
                <c:pt idx="319">
                  <c:v>1.5965310000000006</c:v>
                </c:pt>
                <c:pt idx="320">
                  <c:v>1.6015359999999994</c:v>
                </c:pt>
                <c:pt idx="321">
                  <c:v>1.6065400000000007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50000000007</c:v>
                </c:pt>
                <c:pt idx="325">
                  <c:v>1.6265599999999996</c:v>
                </c:pt>
                <c:pt idx="326">
                  <c:v>1.6315639999999991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89999999991</c:v>
                </c:pt>
                <c:pt idx="330">
                  <c:v>1.6515839999999997</c:v>
                </c:pt>
                <c:pt idx="331">
                  <c:v>1.6565879999999993</c:v>
                </c:pt>
                <c:pt idx="332">
                  <c:v>1.6615929999999999</c:v>
                </c:pt>
                <c:pt idx="333">
                  <c:v>1.6665980000000005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19999999994</c:v>
                </c:pt>
                <c:pt idx="337">
                  <c:v>1.686617</c:v>
                </c:pt>
                <c:pt idx="338">
                  <c:v>1.6916220000000006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59999999996</c:v>
                </c:pt>
                <c:pt idx="342">
                  <c:v>1.7116410000000002</c:v>
                </c:pt>
                <c:pt idx="343">
                  <c:v>1.7166460000000008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599999999998</c:v>
                </c:pt>
                <c:pt idx="347">
                  <c:v>1.7366650000000003</c:v>
                </c:pt>
                <c:pt idx="348">
                  <c:v>1.741669999999999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39999999999</c:v>
                </c:pt>
                <c:pt idx="352">
                  <c:v>1.7616890000000005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80000000001</c:v>
                </c:pt>
                <c:pt idx="357">
                  <c:v>1.7867130000000007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20000000002</c:v>
                </c:pt>
                <c:pt idx="362">
                  <c:v>1.8117370000000008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20000000008</c:v>
                </c:pt>
                <c:pt idx="366">
                  <c:v>1.8317560000000004</c:v>
                </c:pt>
                <c:pt idx="367">
                  <c:v>1.8367609999999992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59999999992</c:v>
                </c:pt>
                <c:pt idx="371">
                  <c:v>1.8567800000000005</c:v>
                </c:pt>
                <c:pt idx="372">
                  <c:v>1.8617849999999994</c:v>
                </c:pt>
                <c:pt idx="373">
                  <c:v>1.8667899999999999</c:v>
                </c:pt>
                <c:pt idx="374">
                  <c:v>1.8717950000000005</c:v>
                </c:pt>
                <c:pt idx="375">
                  <c:v>1.8767999999999994</c:v>
                </c:pt>
                <c:pt idx="376">
                  <c:v>1.8818040000000007</c:v>
                </c:pt>
                <c:pt idx="377">
                  <c:v>1.8868089999999995</c:v>
                </c:pt>
                <c:pt idx="378">
                  <c:v>1.8918140000000001</c:v>
                </c:pt>
                <c:pt idx="379">
                  <c:v>1.8968190000000007</c:v>
                </c:pt>
                <c:pt idx="380">
                  <c:v>1.9018239999999995</c:v>
                </c:pt>
                <c:pt idx="381">
                  <c:v>1.9068280000000009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30000000009</c:v>
                </c:pt>
              </c:numCache>
            </c:numRef>
          </c:xVal>
          <c:yVal>
            <c:numRef>
              <c:f>'Mono-1200-3s(3)'!$F$2:$F$398</c:f>
              <c:numCache>
                <c:formatCode>General</c:formatCode>
                <c:ptCount val="397"/>
                <c:pt idx="1">
                  <c:v>0.28837745723907587</c:v>
                </c:pt>
                <c:pt idx="2">
                  <c:v>0.36288245765257165</c:v>
                </c:pt>
                <c:pt idx="3">
                  <c:v>0.38890715277391413</c:v>
                </c:pt>
                <c:pt idx="4">
                  <c:v>0.33187151826691036</c:v>
                </c:pt>
                <c:pt idx="5">
                  <c:v>0.28019088644029166</c:v>
                </c:pt>
                <c:pt idx="6">
                  <c:v>0.30213185387657798</c:v>
                </c:pt>
                <c:pt idx="7">
                  <c:v>0.30364291523970616</c:v>
                </c:pt>
                <c:pt idx="8">
                  <c:v>0.2666301352116387</c:v>
                </c:pt>
                <c:pt idx="9">
                  <c:v>0.21194674305825922</c:v>
                </c:pt>
                <c:pt idx="10">
                  <c:v>0.17499071086079052</c:v>
                </c:pt>
                <c:pt idx="11">
                  <c:v>0.15440073512138994</c:v>
                </c:pt>
                <c:pt idx="12">
                  <c:v>0.12565019662119919</c:v>
                </c:pt>
                <c:pt idx="13">
                  <c:v>9.7263147408615719E-2</c:v>
                </c:pt>
                <c:pt idx="14">
                  <c:v>8.4727901025514391E-2</c:v>
                </c:pt>
                <c:pt idx="15">
                  <c:v>8.1702311409975498E-2</c:v>
                </c:pt>
                <c:pt idx="16">
                  <c:v>7.3704884088070341E-2</c:v>
                </c:pt>
                <c:pt idx="17">
                  <c:v>6.2886213553286219E-2</c:v>
                </c:pt>
                <c:pt idx="18">
                  <c:v>5.3735366083791078E-2</c:v>
                </c:pt>
                <c:pt idx="19">
                  <c:v>4.9636361319645238E-2</c:v>
                </c:pt>
                <c:pt idx="20">
                  <c:v>4.018722532049996E-2</c:v>
                </c:pt>
                <c:pt idx="21">
                  <c:v>3.3037657275814862E-2</c:v>
                </c:pt>
                <c:pt idx="22">
                  <c:v>3.2424515600289722E-2</c:v>
                </c:pt>
                <c:pt idx="23">
                  <c:v>3.0486092411305947E-2</c:v>
                </c:pt>
                <c:pt idx="24">
                  <c:v>3.0508453702673639E-2</c:v>
                </c:pt>
                <c:pt idx="25">
                  <c:v>3.1930076174680751E-2</c:v>
                </c:pt>
                <c:pt idx="26">
                  <c:v>4.0529045753927254E-2</c:v>
                </c:pt>
                <c:pt idx="27">
                  <c:v>4.3714450230677916E-2</c:v>
                </c:pt>
                <c:pt idx="28">
                  <c:v>3.9632492844794233E-2</c:v>
                </c:pt>
                <c:pt idx="29">
                  <c:v>3.8997281558343234E-2</c:v>
                </c:pt>
                <c:pt idx="30">
                  <c:v>4.1997120202360301E-2</c:v>
                </c:pt>
                <c:pt idx="31">
                  <c:v>4.5703355635552084E-2</c:v>
                </c:pt>
                <c:pt idx="32">
                  <c:v>4.5690334407863305E-2</c:v>
                </c:pt>
                <c:pt idx="33">
                  <c:v>4.4246908795307939E-2</c:v>
                </c:pt>
                <c:pt idx="34">
                  <c:v>4.9943664102999115E-2</c:v>
                </c:pt>
                <c:pt idx="35">
                  <c:v>5.4852162353463733E-2</c:v>
                </c:pt>
                <c:pt idx="36">
                  <c:v>5.1744400291289003E-2</c:v>
                </c:pt>
                <c:pt idx="37">
                  <c:v>5.1786341320192386E-2</c:v>
                </c:pt>
                <c:pt idx="38">
                  <c:v>5.4730124595112728E-2</c:v>
                </c:pt>
                <c:pt idx="39">
                  <c:v>5.7419253495809286E-2</c:v>
                </c:pt>
                <c:pt idx="40">
                  <c:v>5.3286772249088607E-2</c:v>
                </c:pt>
                <c:pt idx="41">
                  <c:v>4.5063717777841149E-2</c:v>
                </c:pt>
                <c:pt idx="42">
                  <c:v>4.3084101799750626E-2</c:v>
                </c:pt>
                <c:pt idx="43">
                  <c:v>4.1409708395273574E-2</c:v>
                </c:pt>
                <c:pt idx="44">
                  <c:v>3.7024401554463834E-2</c:v>
                </c:pt>
                <c:pt idx="45">
                  <c:v>3.1595581710116546E-2</c:v>
                </c:pt>
                <c:pt idx="46">
                  <c:v>2.9616595745917566E-2</c:v>
                </c:pt>
                <c:pt idx="47">
                  <c:v>3.3051067356489314E-2</c:v>
                </c:pt>
                <c:pt idx="48">
                  <c:v>3.2995403704407622E-2</c:v>
                </c:pt>
                <c:pt idx="49">
                  <c:v>2.9670275821813478E-2</c:v>
                </c:pt>
                <c:pt idx="50">
                  <c:v>3.2875027261231149E-2</c:v>
                </c:pt>
                <c:pt idx="51">
                  <c:v>3.7177503950040124E-2</c:v>
                </c:pt>
                <c:pt idx="52">
                  <c:v>3.5719108644094347E-2</c:v>
                </c:pt>
                <c:pt idx="53">
                  <c:v>3.3293264684248994E-2</c:v>
                </c:pt>
                <c:pt idx="54">
                  <c:v>3.4048902638604439E-2</c:v>
                </c:pt>
                <c:pt idx="55">
                  <c:v>3.8091072354438947E-2</c:v>
                </c:pt>
                <c:pt idx="56">
                  <c:v>3.9161387625089895E-2</c:v>
                </c:pt>
                <c:pt idx="57">
                  <c:v>3.6784459664770897E-2</c:v>
                </c:pt>
                <c:pt idx="58">
                  <c:v>3.4689295383015128E-2</c:v>
                </c:pt>
                <c:pt idx="59">
                  <c:v>3.7803478782300684E-2</c:v>
                </c:pt>
                <c:pt idx="60">
                  <c:v>3.7804791019480255E-2</c:v>
                </c:pt>
                <c:pt idx="61">
                  <c:v>3.42230001808074E-2</c:v>
                </c:pt>
                <c:pt idx="62">
                  <c:v>3.1872313728430107E-2</c:v>
                </c:pt>
                <c:pt idx="63">
                  <c:v>3.1251372287001859E-2</c:v>
                </c:pt>
                <c:pt idx="64">
                  <c:v>3.0516641425864053E-2</c:v>
                </c:pt>
                <c:pt idx="65">
                  <c:v>2.6532811884482504E-2</c:v>
                </c:pt>
                <c:pt idx="66">
                  <c:v>2.5647548413212252E-2</c:v>
                </c:pt>
                <c:pt idx="67">
                  <c:v>2.718257186904615E-2</c:v>
                </c:pt>
                <c:pt idx="68">
                  <c:v>2.9762738279555789E-2</c:v>
                </c:pt>
                <c:pt idx="69">
                  <c:v>2.720355054384577E-2</c:v>
                </c:pt>
                <c:pt idx="70">
                  <c:v>2.3437505794657514E-2</c:v>
                </c:pt>
                <c:pt idx="71">
                  <c:v>2.4965567422162025E-2</c:v>
                </c:pt>
                <c:pt idx="72">
                  <c:v>2.8169205368777955E-2</c:v>
                </c:pt>
                <c:pt idx="73">
                  <c:v>2.7644624229022786E-2</c:v>
                </c:pt>
                <c:pt idx="74">
                  <c:v>2.4974672059112222E-2</c:v>
                </c:pt>
                <c:pt idx="75">
                  <c:v>2.445258530635425E-2</c:v>
                </c:pt>
                <c:pt idx="76">
                  <c:v>2.6456492770596484E-2</c:v>
                </c:pt>
                <c:pt idx="77">
                  <c:v>2.6959936625770071E-2</c:v>
                </c:pt>
                <c:pt idx="78">
                  <c:v>2.5801713410456565E-2</c:v>
                </c:pt>
                <c:pt idx="79">
                  <c:v>2.7059935462603022E-2</c:v>
                </c:pt>
                <c:pt idx="80">
                  <c:v>2.9016949162161992E-2</c:v>
                </c:pt>
                <c:pt idx="81">
                  <c:v>2.7470141460167102E-2</c:v>
                </c:pt>
                <c:pt idx="82">
                  <c:v>2.498853693985667E-2</c:v>
                </c:pt>
                <c:pt idx="83">
                  <c:v>2.3104988247638843E-2</c:v>
                </c:pt>
                <c:pt idx="84">
                  <c:v>2.2891768132580724E-2</c:v>
                </c:pt>
                <c:pt idx="85">
                  <c:v>2.1394940324857128E-2</c:v>
                </c:pt>
                <c:pt idx="86">
                  <c:v>1.8630159709448285E-2</c:v>
                </c:pt>
                <c:pt idx="87">
                  <c:v>1.8353427059039796E-2</c:v>
                </c:pt>
                <c:pt idx="88">
                  <c:v>1.9120651861846357E-2</c:v>
                </c:pt>
                <c:pt idx="89">
                  <c:v>1.7151293255099329E-2</c:v>
                </c:pt>
                <c:pt idx="90">
                  <c:v>1.4907255434588491E-2</c:v>
                </c:pt>
                <c:pt idx="91">
                  <c:v>1.4946216705170766E-2</c:v>
                </c:pt>
                <c:pt idx="92">
                  <c:v>1.6323949657903417E-2</c:v>
                </c:pt>
                <c:pt idx="93">
                  <c:v>1.66442588504527E-2</c:v>
                </c:pt>
                <c:pt idx="94">
                  <c:v>1.6264090073980227E-2</c:v>
                </c:pt>
                <c:pt idx="95">
                  <c:v>1.765025788066377E-2</c:v>
                </c:pt>
                <c:pt idx="96">
                  <c:v>2.0465383615073097E-2</c:v>
                </c:pt>
                <c:pt idx="97">
                  <c:v>2.0017258538982972E-2</c:v>
                </c:pt>
                <c:pt idx="98">
                  <c:v>1.6467796416952861E-2</c:v>
                </c:pt>
                <c:pt idx="99">
                  <c:v>1.6567491631275303E-2</c:v>
                </c:pt>
                <c:pt idx="100">
                  <c:v>2.1062659249701788E-2</c:v>
                </c:pt>
                <c:pt idx="101">
                  <c:v>2.1981331703655432E-2</c:v>
                </c:pt>
                <c:pt idx="102">
                  <c:v>2.0246009395675217E-2</c:v>
                </c:pt>
                <c:pt idx="103">
                  <c:v>1.9930926010657012E-2</c:v>
                </c:pt>
                <c:pt idx="104">
                  <c:v>2.197338094157357E-2</c:v>
                </c:pt>
                <c:pt idx="105">
                  <c:v>2.2359956126157189E-2</c:v>
                </c:pt>
                <c:pt idx="106">
                  <c:v>1.8557528361554262E-2</c:v>
                </c:pt>
                <c:pt idx="107">
                  <c:v>1.4394613801967538E-2</c:v>
                </c:pt>
                <c:pt idx="108">
                  <c:v>1.5651812668725326E-2</c:v>
                </c:pt>
                <c:pt idx="109">
                  <c:v>1.6750896138335122E-2</c:v>
                </c:pt>
                <c:pt idx="110">
                  <c:v>1.301767913562075E-2</c:v>
                </c:pt>
                <c:pt idx="111">
                  <c:v>9.4312953412313636E-3</c:v>
                </c:pt>
                <c:pt idx="112">
                  <c:v>1.1205652357222247E-2</c:v>
                </c:pt>
                <c:pt idx="113">
                  <c:v>1.5509775325136678E-2</c:v>
                </c:pt>
                <c:pt idx="114">
                  <c:v>1.6197284719520789E-2</c:v>
                </c:pt>
                <c:pt idx="115">
                  <c:v>1.4214871612794559E-2</c:v>
                </c:pt>
                <c:pt idx="116">
                  <c:v>1.3967429357384785E-2</c:v>
                </c:pt>
                <c:pt idx="117">
                  <c:v>1.7834103130730208E-2</c:v>
                </c:pt>
                <c:pt idx="118">
                  <c:v>1.8152884530296898E-2</c:v>
                </c:pt>
                <c:pt idx="119">
                  <c:v>1.6365808483291097E-2</c:v>
                </c:pt>
                <c:pt idx="120">
                  <c:v>1.7800973109937782E-2</c:v>
                </c:pt>
                <c:pt idx="121">
                  <c:v>2.1853154159842833E-2</c:v>
                </c:pt>
                <c:pt idx="122">
                  <c:v>2.3347724235780409E-2</c:v>
                </c:pt>
                <c:pt idx="123">
                  <c:v>2.0895588039414638E-2</c:v>
                </c:pt>
                <c:pt idx="124">
                  <c:v>1.9207349447237877E-2</c:v>
                </c:pt>
                <c:pt idx="125">
                  <c:v>2.0236711915789869E-2</c:v>
                </c:pt>
                <c:pt idx="126">
                  <c:v>2.026371226876033E-2</c:v>
                </c:pt>
                <c:pt idx="127">
                  <c:v>1.8641997610301726E-2</c:v>
                </c:pt>
                <c:pt idx="128">
                  <c:v>1.7888027041193189E-2</c:v>
                </c:pt>
                <c:pt idx="129">
                  <c:v>1.7688015739255426E-2</c:v>
                </c:pt>
                <c:pt idx="130">
                  <c:v>1.7537150721636276E-2</c:v>
                </c:pt>
                <c:pt idx="131">
                  <c:v>1.5343288553147667E-2</c:v>
                </c:pt>
                <c:pt idx="132">
                  <c:v>1.3674781643435621E-2</c:v>
                </c:pt>
                <c:pt idx="133">
                  <c:v>1.3420807300562115E-2</c:v>
                </c:pt>
                <c:pt idx="134">
                  <c:v>1.366027647377672E-2</c:v>
                </c:pt>
                <c:pt idx="135">
                  <c:v>1.3055601672163592E-2</c:v>
                </c:pt>
                <c:pt idx="136">
                  <c:v>1.2954377199789207E-2</c:v>
                </c:pt>
                <c:pt idx="137">
                  <c:v>1.4469546800266688E-2</c:v>
                </c:pt>
                <c:pt idx="138">
                  <c:v>1.6995216441649967E-2</c:v>
                </c:pt>
                <c:pt idx="139">
                  <c:v>1.7798972276619401E-2</c:v>
                </c:pt>
                <c:pt idx="140">
                  <c:v>1.8429742246107245E-2</c:v>
                </c:pt>
                <c:pt idx="141">
                  <c:v>2.0541207121329223E-2</c:v>
                </c:pt>
                <c:pt idx="142">
                  <c:v>2.2979043781453129E-2</c:v>
                </c:pt>
                <c:pt idx="143">
                  <c:v>2.2913197537820857E-2</c:v>
                </c:pt>
                <c:pt idx="144">
                  <c:v>2.363619461057424E-2</c:v>
                </c:pt>
                <c:pt idx="145">
                  <c:v>2.4759924737074394E-2</c:v>
                </c:pt>
                <c:pt idx="146">
                  <c:v>2.5163361705250034E-2</c:v>
                </c:pt>
                <c:pt idx="147">
                  <c:v>2.3545638754013287E-2</c:v>
                </c:pt>
                <c:pt idx="148">
                  <c:v>2.2150004177264506E-2</c:v>
                </c:pt>
                <c:pt idx="149">
                  <c:v>2.1839993497912411E-2</c:v>
                </c:pt>
                <c:pt idx="150">
                  <c:v>2.0835680845732091E-2</c:v>
                </c:pt>
                <c:pt idx="151">
                  <c:v>1.8385285625681078E-2</c:v>
                </c:pt>
                <c:pt idx="152">
                  <c:v>1.5827504898038088E-2</c:v>
                </c:pt>
                <c:pt idx="153">
                  <c:v>1.4662635886040333E-2</c:v>
                </c:pt>
                <c:pt idx="154">
                  <c:v>1.3139798546774396E-2</c:v>
                </c:pt>
                <c:pt idx="155">
                  <c:v>1.0308215459134809E-2</c:v>
                </c:pt>
                <c:pt idx="156">
                  <c:v>8.703587901863442E-3</c:v>
                </c:pt>
                <c:pt idx="157">
                  <c:v>9.2993265939555429E-3</c:v>
                </c:pt>
                <c:pt idx="158">
                  <c:v>1.0748461229739612E-2</c:v>
                </c:pt>
                <c:pt idx="159">
                  <c:v>1.0430219398110471E-2</c:v>
                </c:pt>
                <c:pt idx="160">
                  <c:v>1.0073773511518509E-2</c:v>
                </c:pt>
                <c:pt idx="161">
                  <c:v>1.2834450892695092E-2</c:v>
                </c:pt>
                <c:pt idx="162">
                  <c:v>1.6503515337969652E-2</c:v>
                </c:pt>
                <c:pt idx="163">
                  <c:v>1.7635392561735359E-2</c:v>
                </c:pt>
                <c:pt idx="164">
                  <c:v>1.7706917892144639E-2</c:v>
                </c:pt>
                <c:pt idx="165">
                  <c:v>1.903101941837429E-2</c:v>
                </c:pt>
                <c:pt idx="166">
                  <c:v>2.1785842837097891E-2</c:v>
                </c:pt>
                <c:pt idx="167">
                  <c:v>2.3190888395150329E-2</c:v>
                </c:pt>
                <c:pt idx="168">
                  <c:v>2.2884099608229812E-2</c:v>
                </c:pt>
                <c:pt idx="169">
                  <c:v>2.2503238538080284E-2</c:v>
                </c:pt>
                <c:pt idx="170">
                  <c:v>2.3402244270246755E-2</c:v>
                </c:pt>
                <c:pt idx="171">
                  <c:v>2.2530507586621017E-2</c:v>
                </c:pt>
                <c:pt idx="172">
                  <c:v>2.048946300182904E-2</c:v>
                </c:pt>
                <c:pt idx="173">
                  <c:v>1.8843117329248441E-2</c:v>
                </c:pt>
                <c:pt idx="174">
                  <c:v>1.8231960823816548E-2</c:v>
                </c:pt>
                <c:pt idx="175">
                  <c:v>1.715878659944919E-2</c:v>
                </c:pt>
                <c:pt idx="176">
                  <c:v>1.5640539607660955E-2</c:v>
                </c:pt>
                <c:pt idx="177">
                  <c:v>1.3359229367487244E-2</c:v>
                </c:pt>
                <c:pt idx="178">
                  <c:v>1.1565440230419504E-2</c:v>
                </c:pt>
                <c:pt idx="179">
                  <c:v>9.6915547921339086E-3</c:v>
                </c:pt>
                <c:pt idx="180">
                  <c:v>1.0464181865876332E-2</c:v>
                </c:pt>
                <c:pt idx="181">
                  <c:v>1.007079066073688E-2</c:v>
                </c:pt>
                <c:pt idx="182">
                  <c:v>1.0223699318555411E-2</c:v>
                </c:pt>
                <c:pt idx="183">
                  <c:v>9.132101354799577E-3</c:v>
                </c:pt>
                <c:pt idx="184">
                  <c:v>8.8410994098149787E-3</c:v>
                </c:pt>
                <c:pt idx="185">
                  <c:v>1.0511666536173648E-2</c:v>
                </c:pt>
                <c:pt idx="186">
                  <c:v>1.271195589337973E-2</c:v>
                </c:pt>
                <c:pt idx="187">
                  <c:v>1.3646555538048277E-2</c:v>
                </c:pt>
                <c:pt idx="188">
                  <c:v>1.3784749068251232E-2</c:v>
                </c:pt>
                <c:pt idx="189">
                  <c:v>1.5784522188007889E-2</c:v>
                </c:pt>
                <c:pt idx="190">
                  <c:v>1.7782208303484204E-2</c:v>
                </c:pt>
                <c:pt idx="191">
                  <c:v>1.8367087492577358E-2</c:v>
                </c:pt>
                <c:pt idx="192">
                  <c:v>1.8641533304929837E-2</c:v>
                </c:pt>
                <c:pt idx="193">
                  <c:v>1.90499712280792E-2</c:v>
                </c:pt>
                <c:pt idx="194">
                  <c:v>1.977283242737388E-2</c:v>
                </c:pt>
                <c:pt idx="195">
                  <c:v>2.1106601175442104E-2</c:v>
                </c:pt>
                <c:pt idx="196">
                  <c:v>2.0445170313475484E-2</c:v>
                </c:pt>
                <c:pt idx="197">
                  <c:v>1.8163548009467918E-2</c:v>
                </c:pt>
                <c:pt idx="198">
                  <c:v>1.8376286516054666E-2</c:v>
                </c:pt>
                <c:pt idx="199">
                  <c:v>1.8576299216721753E-2</c:v>
                </c:pt>
                <c:pt idx="200">
                  <c:v>1.5603669304197324E-2</c:v>
                </c:pt>
                <c:pt idx="201">
                  <c:v>1.4985667099154198E-2</c:v>
                </c:pt>
                <c:pt idx="202">
                  <c:v>1.4531490086985907E-2</c:v>
                </c:pt>
                <c:pt idx="203">
                  <c:v>1.408715054675946E-2</c:v>
                </c:pt>
                <c:pt idx="204">
                  <c:v>1.0961490468676453E-2</c:v>
                </c:pt>
                <c:pt idx="205">
                  <c:v>8.2441702267193016E-3</c:v>
                </c:pt>
                <c:pt idx="206">
                  <c:v>9.6034671871808204E-3</c:v>
                </c:pt>
                <c:pt idx="207">
                  <c:v>1.2674531843096906E-2</c:v>
                </c:pt>
                <c:pt idx="208">
                  <c:v>1.1881352441488359E-2</c:v>
                </c:pt>
                <c:pt idx="209">
                  <c:v>9.5059573574864508E-3</c:v>
                </c:pt>
                <c:pt idx="210">
                  <c:v>1.1126011474392284E-2</c:v>
                </c:pt>
                <c:pt idx="211">
                  <c:v>1.3887145118818684E-2</c:v>
                </c:pt>
                <c:pt idx="212">
                  <c:v>1.3833639756854936E-2</c:v>
                </c:pt>
                <c:pt idx="213">
                  <c:v>1.1967468210777578E-2</c:v>
                </c:pt>
                <c:pt idx="214">
                  <c:v>1.2377671343763625E-2</c:v>
                </c:pt>
                <c:pt idx="215">
                  <c:v>1.4707980250890993E-2</c:v>
                </c:pt>
                <c:pt idx="216">
                  <c:v>1.7791394370384871E-2</c:v>
                </c:pt>
                <c:pt idx="217">
                  <c:v>1.7982147949756881E-2</c:v>
                </c:pt>
                <c:pt idx="218">
                  <c:v>1.7033894829766867E-2</c:v>
                </c:pt>
                <c:pt idx="219">
                  <c:v>1.8356676464563602E-2</c:v>
                </c:pt>
                <c:pt idx="220">
                  <c:v>2.0156988160484873E-2</c:v>
                </c:pt>
                <c:pt idx="221">
                  <c:v>1.9764970574289567E-2</c:v>
                </c:pt>
                <c:pt idx="222">
                  <c:v>1.9871927169421238E-2</c:v>
                </c:pt>
                <c:pt idx="223">
                  <c:v>2.1366712804918937E-2</c:v>
                </c:pt>
                <c:pt idx="224">
                  <c:v>2.2392905132657202E-2</c:v>
                </c:pt>
                <c:pt idx="225">
                  <c:v>1.9825117280313161E-2</c:v>
                </c:pt>
                <c:pt idx="226">
                  <c:v>1.6844920123067576E-2</c:v>
                </c:pt>
                <c:pt idx="227">
                  <c:v>1.5716352739396273E-2</c:v>
                </c:pt>
                <c:pt idx="228">
                  <c:v>1.6225307104054582E-2</c:v>
                </c:pt>
                <c:pt idx="229">
                  <c:v>1.5470834279291776E-2</c:v>
                </c:pt>
                <c:pt idx="230">
                  <c:v>1.4033204666006193E-2</c:v>
                </c:pt>
                <c:pt idx="231">
                  <c:v>1.3051266717331585E-2</c:v>
                </c:pt>
                <c:pt idx="232">
                  <c:v>1.271265403006463E-2</c:v>
                </c:pt>
                <c:pt idx="233">
                  <c:v>1.1764806417294653E-2</c:v>
                </c:pt>
                <c:pt idx="234">
                  <c:v>1.2593836427118903E-2</c:v>
                </c:pt>
                <c:pt idx="235">
                  <c:v>1.2265558229084615E-2</c:v>
                </c:pt>
                <c:pt idx="236">
                  <c:v>1.1351464103870187E-2</c:v>
                </c:pt>
                <c:pt idx="237">
                  <c:v>1.0631599729311164E-2</c:v>
                </c:pt>
                <c:pt idx="238">
                  <c:v>1.0704634253933835E-2</c:v>
                </c:pt>
                <c:pt idx="239">
                  <c:v>1.1836999254118392E-2</c:v>
                </c:pt>
                <c:pt idx="240">
                  <c:v>1.1550225647457828E-2</c:v>
                </c:pt>
                <c:pt idx="241">
                  <c:v>1.1372968038865082E-2</c:v>
                </c:pt>
                <c:pt idx="242">
                  <c:v>1.3015450575865136E-2</c:v>
                </c:pt>
                <c:pt idx="243">
                  <c:v>1.4286690754063115E-2</c:v>
                </c:pt>
                <c:pt idx="244">
                  <c:v>1.3633073030395911E-2</c:v>
                </c:pt>
                <c:pt idx="245">
                  <c:v>1.3359715156646471E-2</c:v>
                </c:pt>
                <c:pt idx="246">
                  <c:v>1.3654663227599759E-2</c:v>
                </c:pt>
                <c:pt idx="247">
                  <c:v>1.5113639249884554E-2</c:v>
                </c:pt>
                <c:pt idx="248">
                  <c:v>1.6253778959401187E-2</c:v>
                </c:pt>
                <c:pt idx="249">
                  <c:v>1.6608477349630005E-2</c:v>
                </c:pt>
                <c:pt idx="250">
                  <c:v>1.7893153157107353E-2</c:v>
                </c:pt>
                <c:pt idx="251">
                  <c:v>1.746973513792785E-2</c:v>
                </c:pt>
                <c:pt idx="252">
                  <c:v>1.6967618552495359E-2</c:v>
                </c:pt>
                <c:pt idx="253">
                  <c:v>1.5766284347319439E-2</c:v>
                </c:pt>
                <c:pt idx="254">
                  <c:v>1.3466000429999309E-2</c:v>
                </c:pt>
                <c:pt idx="255">
                  <c:v>1.3570706189901437E-2</c:v>
                </c:pt>
                <c:pt idx="256">
                  <c:v>1.5322024853631227E-2</c:v>
                </c:pt>
                <c:pt idx="257">
                  <c:v>1.473514389144083E-2</c:v>
                </c:pt>
                <c:pt idx="258">
                  <c:v>1.424820832628656E-2</c:v>
                </c:pt>
                <c:pt idx="259">
                  <c:v>1.5815777056962375E-2</c:v>
                </c:pt>
                <c:pt idx="260">
                  <c:v>1.6495452435060502E-2</c:v>
                </c:pt>
                <c:pt idx="261">
                  <c:v>1.4182233549553091E-2</c:v>
                </c:pt>
                <c:pt idx="262">
                  <c:v>1.258485811733237E-2</c:v>
                </c:pt>
                <c:pt idx="263">
                  <c:v>1.3404982951176793E-2</c:v>
                </c:pt>
                <c:pt idx="264">
                  <c:v>1.5353373535871571E-2</c:v>
                </c:pt>
                <c:pt idx="265">
                  <c:v>1.4966418878628641E-2</c:v>
                </c:pt>
                <c:pt idx="266">
                  <c:v>1.3293277993108176E-2</c:v>
                </c:pt>
                <c:pt idx="267">
                  <c:v>1.4133941388609357E-2</c:v>
                </c:pt>
                <c:pt idx="268">
                  <c:v>1.5984506689848056E-2</c:v>
                </c:pt>
                <c:pt idx="269">
                  <c:v>1.553336078018479E-2</c:v>
                </c:pt>
                <c:pt idx="270">
                  <c:v>1.4395090458919809E-2</c:v>
                </c:pt>
                <c:pt idx="271">
                  <c:v>1.4099554153354722E-2</c:v>
                </c:pt>
                <c:pt idx="272">
                  <c:v>1.47347068233371E-2</c:v>
                </c:pt>
                <c:pt idx="273">
                  <c:v>1.4276598569817171E-2</c:v>
                </c:pt>
                <c:pt idx="274">
                  <c:v>1.2365389292152428E-2</c:v>
                </c:pt>
                <c:pt idx="275">
                  <c:v>1.2153241493480502E-2</c:v>
                </c:pt>
                <c:pt idx="276">
                  <c:v>1.418181478834861E-2</c:v>
                </c:pt>
                <c:pt idx="277">
                  <c:v>1.5438418653500577E-2</c:v>
                </c:pt>
                <c:pt idx="278">
                  <c:v>1.4179325577620491E-2</c:v>
                </c:pt>
                <c:pt idx="279">
                  <c:v>1.1632643407307242E-2</c:v>
                </c:pt>
                <c:pt idx="280">
                  <c:v>1.1058917672903876E-2</c:v>
                </c:pt>
                <c:pt idx="281">
                  <c:v>1.0632728169053552E-2</c:v>
                </c:pt>
                <c:pt idx="282">
                  <c:v>9.5119087230908905E-3</c:v>
                </c:pt>
                <c:pt idx="283">
                  <c:v>8.8355022928027546E-3</c:v>
                </c:pt>
                <c:pt idx="284">
                  <c:v>9.6841431668055668E-3</c:v>
                </c:pt>
                <c:pt idx="285">
                  <c:v>1.2099389446598637E-2</c:v>
                </c:pt>
                <c:pt idx="286">
                  <c:v>1.2402161851565107E-2</c:v>
                </c:pt>
                <c:pt idx="287">
                  <c:v>1.2449888121160138E-2</c:v>
                </c:pt>
                <c:pt idx="288">
                  <c:v>1.3489955754534098E-2</c:v>
                </c:pt>
                <c:pt idx="289">
                  <c:v>1.4606395601779086E-2</c:v>
                </c:pt>
                <c:pt idx="290">
                  <c:v>1.5074758659458506E-2</c:v>
                </c:pt>
                <c:pt idx="291">
                  <c:v>1.541895297656771E-2</c:v>
                </c:pt>
                <c:pt idx="292">
                  <c:v>1.5674035535992163E-2</c:v>
                </c:pt>
                <c:pt idx="293">
                  <c:v>1.587467904296333E-2</c:v>
                </c:pt>
                <c:pt idx="294">
                  <c:v>1.4947775861254287E-2</c:v>
                </c:pt>
                <c:pt idx="295">
                  <c:v>1.3660068435650171E-2</c:v>
                </c:pt>
                <c:pt idx="296">
                  <c:v>1.2979499031883819E-2</c:v>
                </c:pt>
                <c:pt idx="297">
                  <c:v>1.2096354273286727E-2</c:v>
                </c:pt>
                <c:pt idx="298">
                  <c:v>1.1998830364008888E-2</c:v>
                </c:pt>
                <c:pt idx="299">
                  <c:v>1.1387303396461764E-2</c:v>
                </c:pt>
                <c:pt idx="300">
                  <c:v>1.0572650040048618E-2</c:v>
                </c:pt>
                <c:pt idx="301">
                  <c:v>1.0070581497901441E-2</c:v>
                </c:pt>
                <c:pt idx="302">
                  <c:v>8.9936347357539703E-3</c:v>
                </c:pt>
                <c:pt idx="303">
                  <c:v>9.0914274759194887E-3</c:v>
                </c:pt>
                <c:pt idx="304">
                  <c:v>9.3824756870566559E-3</c:v>
                </c:pt>
                <c:pt idx="305">
                  <c:v>1.0800482264646387E-2</c:v>
                </c:pt>
                <c:pt idx="306">
                  <c:v>1.0573501796564142E-2</c:v>
                </c:pt>
                <c:pt idx="307">
                  <c:v>9.6243708301152631E-3</c:v>
                </c:pt>
                <c:pt idx="308">
                  <c:v>1.1494682396999913E-2</c:v>
                </c:pt>
                <c:pt idx="309">
                  <c:v>1.3439887779162557E-2</c:v>
                </c:pt>
                <c:pt idx="310">
                  <c:v>1.3925963568922816E-2</c:v>
                </c:pt>
                <c:pt idx="311">
                  <c:v>1.5110614932992341E-2</c:v>
                </c:pt>
                <c:pt idx="312">
                  <c:v>1.5775700963489309E-2</c:v>
                </c:pt>
                <c:pt idx="313">
                  <c:v>1.6727860598818513E-2</c:v>
                </c:pt>
                <c:pt idx="314">
                  <c:v>1.6861373951357381E-2</c:v>
                </c:pt>
                <c:pt idx="315">
                  <c:v>1.6279385100259031E-2</c:v>
                </c:pt>
                <c:pt idx="316">
                  <c:v>1.6231615831561332E-2</c:v>
                </c:pt>
                <c:pt idx="317">
                  <c:v>1.7064888447108691E-2</c:v>
                </c:pt>
                <c:pt idx="318">
                  <c:v>1.6659507630641189E-2</c:v>
                </c:pt>
                <c:pt idx="319">
                  <c:v>1.4654973163582651E-2</c:v>
                </c:pt>
                <c:pt idx="320">
                  <c:v>1.2372194380524218E-2</c:v>
                </c:pt>
                <c:pt idx="321">
                  <c:v>1.2393653812767823E-2</c:v>
                </c:pt>
                <c:pt idx="322">
                  <c:v>1.3386807099143605E-2</c:v>
                </c:pt>
                <c:pt idx="323">
                  <c:v>1.161320084964124E-2</c:v>
                </c:pt>
                <c:pt idx="324">
                  <c:v>9.237993678624469E-3</c:v>
                </c:pt>
                <c:pt idx="325">
                  <c:v>8.9569736941193072E-3</c:v>
                </c:pt>
                <c:pt idx="326">
                  <c:v>9.4073894241553692E-3</c:v>
                </c:pt>
                <c:pt idx="327">
                  <c:v>8.7239890465620907E-3</c:v>
                </c:pt>
                <c:pt idx="328">
                  <c:v>8.2016862358101923E-3</c:v>
                </c:pt>
                <c:pt idx="329">
                  <c:v>8.6989469956553229E-3</c:v>
                </c:pt>
                <c:pt idx="330">
                  <c:v>9.7232781880323572E-3</c:v>
                </c:pt>
                <c:pt idx="331">
                  <c:v>1.0291507676241837E-2</c:v>
                </c:pt>
                <c:pt idx="332">
                  <c:v>1.0734700505920174E-2</c:v>
                </c:pt>
                <c:pt idx="333">
                  <c:v>1.1762851137308053E-2</c:v>
                </c:pt>
                <c:pt idx="334">
                  <c:v>1.3024877908118968E-2</c:v>
                </c:pt>
                <c:pt idx="335">
                  <c:v>1.4038713188787671E-2</c:v>
                </c:pt>
                <c:pt idx="336">
                  <c:v>1.4625728928885367E-2</c:v>
                </c:pt>
                <c:pt idx="337">
                  <c:v>1.4769686599217209E-2</c:v>
                </c:pt>
                <c:pt idx="338">
                  <c:v>1.5009868939831332E-2</c:v>
                </c:pt>
                <c:pt idx="339">
                  <c:v>1.5080991892132562E-2</c:v>
                </c:pt>
                <c:pt idx="340">
                  <c:v>1.473730310224154E-2</c:v>
                </c:pt>
                <c:pt idx="341">
                  <c:v>1.4288714185727603E-2</c:v>
                </c:pt>
                <c:pt idx="342">
                  <c:v>1.3605589979967246E-2</c:v>
                </c:pt>
                <c:pt idx="343">
                  <c:v>1.2935933153133197E-2</c:v>
                </c:pt>
                <c:pt idx="344">
                  <c:v>1.2629869184690092E-2</c:v>
                </c:pt>
                <c:pt idx="345">
                  <c:v>1.2394709346132867E-2</c:v>
                </c:pt>
                <c:pt idx="346">
                  <c:v>1.1906603854486726E-2</c:v>
                </c:pt>
                <c:pt idx="347">
                  <c:v>1.1194328735541824E-2</c:v>
                </c:pt>
                <c:pt idx="348">
                  <c:v>1.0881088928063113E-2</c:v>
                </c:pt>
                <c:pt idx="349">
                  <c:v>1.0861859764503864E-2</c:v>
                </c:pt>
                <c:pt idx="350">
                  <c:v>1.0404287602251866E-2</c:v>
                </c:pt>
                <c:pt idx="351">
                  <c:v>9.77697997489161E-3</c:v>
                </c:pt>
                <c:pt idx="352">
                  <c:v>9.6247755062453047E-3</c:v>
                </c:pt>
                <c:pt idx="353">
                  <c:v>1.0044414125979896E-2</c:v>
                </c:pt>
                <c:pt idx="354">
                  <c:v>1.0284807640206886E-2</c:v>
                </c:pt>
                <c:pt idx="355">
                  <c:v>9.9174531230233707E-3</c:v>
                </c:pt>
                <c:pt idx="356">
                  <c:v>9.7624333347086437E-3</c:v>
                </c:pt>
                <c:pt idx="357">
                  <c:v>1.0777974087712888E-2</c:v>
                </c:pt>
                <c:pt idx="358">
                  <c:v>1.169034333406207E-2</c:v>
                </c:pt>
                <c:pt idx="359">
                  <c:v>1.1345413311277438E-2</c:v>
                </c:pt>
                <c:pt idx="360">
                  <c:v>1.0916534457183515E-2</c:v>
                </c:pt>
                <c:pt idx="361">
                  <c:v>1.1200150548256568E-2</c:v>
                </c:pt>
                <c:pt idx="362">
                  <c:v>1.1713193340075976E-2</c:v>
                </c:pt>
                <c:pt idx="363">
                  <c:v>1.1173863323017789E-2</c:v>
                </c:pt>
                <c:pt idx="364">
                  <c:v>9.8809923470152029E-3</c:v>
                </c:pt>
                <c:pt idx="365">
                  <c:v>9.693794523611788E-3</c:v>
                </c:pt>
                <c:pt idx="366">
                  <c:v>1.0485979861379979E-2</c:v>
                </c:pt>
                <c:pt idx="367">
                  <c:v>1.0463493541198448E-2</c:v>
                </c:pt>
                <c:pt idx="368">
                  <c:v>9.2305708325560384E-3</c:v>
                </c:pt>
                <c:pt idx="369">
                  <c:v>8.4539711744518863E-3</c:v>
                </c:pt>
                <c:pt idx="370">
                  <c:v>9.0731437729172602E-3</c:v>
                </c:pt>
                <c:pt idx="371">
                  <c:v>9.4634473932161036E-3</c:v>
                </c:pt>
                <c:pt idx="372">
                  <c:v>8.7193100053405814E-3</c:v>
                </c:pt>
                <c:pt idx="373">
                  <c:v>8.2127015253070021E-3</c:v>
                </c:pt>
                <c:pt idx="374">
                  <c:v>8.7513389322099368E-3</c:v>
                </c:pt>
                <c:pt idx="375">
                  <c:v>9.6410116697404884E-3</c:v>
                </c:pt>
                <c:pt idx="376">
                  <c:v>9.9769153513158699E-3</c:v>
                </c:pt>
                <c:pt idx="377">
                  <c:v>1.0134416226869012E-2</c:v>
                </c:pt>
                <c:pt idx="378">
                  <c:v>1.1046348228416263E-2</c:v>
                </c:pt>
                <c:pt idx="379">
                  <c:v>1.2080664495586311E-2</c:v>
                </c:pt>
                <c:pt idx="380">
                  <c:v>1.2378193704554598E-2</c:v>
                </c:pt>
                <c:pt idx="381">
                  <c:v>1.1802202761754138E-2</c:v>
                </c:pt>
                <c:pt idx="382">
                  <c:v>1.1600381460329946E-2</c:v>
                </c:pt>
                <c:pt idx="383">
                  <c:v>1.1889178757889692E-2</c:v>
                </c:pt>
                <c:pt idx="384">
                  <c:v>1.1910141698932631E-2</c:v>
                </c:pt>
              </c:numCache>
            </c:numRef>
          </c:yVal>
          <c:smooth val="1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'Mono-1200-3s(3)'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3772-4BE2-8EA2-9C3CD80EAA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12156592"/>
        <c:axId val="1012155608"/>
      </c:scatterChart>
      <c:valAx>
        <c:axId val="1012156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5608"/>
        <c:crosses val="autoZero"/>
        <c:crossBetween val="midCat"/>
      </c:valAx>
      <c:valAx>
        <c:axId val="10121556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659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0.12943892778543603"/>
                  <c:y val="-0.24042542070946038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3s(9)'!$D$2:$D$2660</c:f>
              <c:numCache>
                <c:formatCode>General</c:formatCode>
                <c:ptCount val="2659"/>
                <c:pt idx="0">
                  <c:v>0</c:v>
                </c:pt>
                <c:pt idx="1">
                  <c:v>5.0039999999995644E-3</c:v>
                </c:pt>
                <c:pt idx="2">
                  <c:v>1.0008999999999268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3999999999269E-2</c:v>
                </c:pt>
                <c:pt idx="6">
                  <c:v>3.0027999999999722E-2</c:v>
                </c:pt>
                <c:pt idx="7">
                  <c:v>3.5032999999999426E-2</c:v>
                </c:pt>
                <c:pt idx="8">
                  <c:v>4.003799999999913E-2</c:v>
                </c:pt>
                <c:pt idx="9">
                  <c:v>4.5042999999999722E-2</c:v>
                </c:pt>
                <c:pt idx="10">
                  <c:v>5.0047999999999426E-2</c:v>
                </c:pt>
                <c:pt idx="11">
                  <c:v>5.5051999999999879E-2</c:v>
                </c:pt>
                <c:pt idx="12">
                  <c:v>6.0056999999999583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5999999999148E-2</c:v>
                </c:pt>
                <c:pt idx="17">
                  <c:v>8.508099999999974E-2</c:v>
                </c:pt>
                <c:pt idx="18">
                  <c:v>9.0085999999999444E-2</c:v>
                </c:pt>
                <c:pt idx="19">
                  <c:v>9.5090999999999148E-2</c:v>
                </c:pt>
                <c:pt idx="20">
                  <c:v>0.10009599999999974</c:v>
                </c:pt>
                <c:pt idx="21">
                  <c:v>0.10509999999999931</c:v>
                </c:pt>
                <c:pt idx="22">
                  <c:v>0.1101049999999999</c:v>
                </c:pt>
                <c:pt idx="23">
                  <c:v>0.1151099999999996</c:v>
                </c:pt>
                <c:pt idx="24">
                  <c:v>0.12011499999999931</c:v>
                </c:pt>
                <c:pt idx="25">
                  <c:v>0.1251199999999999</c:v>
                </c:pt>
                <c:pt idx="26">
                  <c:v>0.13012399999999946</c:v>
                </c:pt>
                <c:pt idx="27">
                  <c:v>0.13512899999999917</c:v>
                </c:pt>
                <c:pt idx="28">
                  <c:v>0.14013399999999976</c:v>
                </c:pt>
                <c:pt idx="29">
                  <c:v>0.14513899999999946</c:v>
                </c:pt>
                <c:pt idx="30">
                  <c:v>0.15014399999999917</c:v>
                </c:pt>
                <c:pt idx="31">
                  <c:v>0.15514799999999962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299999999962</c:v>
                </c:pt>
                <c:pt idx="35">
                  <c:v>0.17516799999999932</c:v>
                </c:pt>
                <c:pt idx="36">
                  <c:v>0.18017199999999978</c:v>
                </c:pt>
                <c:pt idx="37">
                  <c:v>0.18517699999999948</c:v>
                </c:pt>
                <c:pt idx="38">
                  <c:v>0.19018199999999919</c:v>
                </c:pt>
                <c:pt idx="39">
                  <c:v>0.19518699999999978</c:v>
                </c:pt>
                <c:pt idx="40">
                  <c:v>0.20019199999999948</c:v>
                </c:pt>
                <c:pt idx="41">
                  <c:v>0.20519599999999993</c:v>
                </c:pt>
                <c:pt idx="42">
                  <c:v>0.21020099999999964</c:v>
                </c:pt>
                <c:pt idx="43">
                  <c:v>0.21520599999999934</c:v>
                </c:pt>
                <c:pt idx="44">
                  <c:v>0.22021099999999993</c:v>
                </c:pt>
                <c:pt idx="45">
                  <c:v>0.22521599999999964</c:v>
                </c:pt>
                <c:pt idx="46">
                  <c:v>0.2302199999999992</c:v>
                </c:pt>
                <c:pt idx="47">
                  <c:v>0.2352249999999998</c:v>
                </c:pt>
                <c:pt idx="48">
                  <c:v>0.2402299999999995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399999999936</c:v>
                </c:pt>
                <c:pt idx="52">
                  <c:v>0.26024899999999995</c:v>
                </c:pt>
                <c:pt idx="53">
                  <c:v>0.26525399999999966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799999999952</c:v>
                </c:pt>
                <c:pt idx="57">
                  <c:v>0.28527299999999922</c:v>
                </c:pt>
                <c:pt idx="58">
                  <c:v>0.29027799999999981</c:v>
                </c:pt>
                <c:pt idx="59">
                  <c:v>0.29528299999999952</c:v>
                </c:pt>
                <c:pt idx="60">
                  <c:v>0.30028799999999922</c:v>
                </c:pt>
                <c:pt idx="61">
                  <c:v>0.30529199999999967</c:v>
                </c:pt>
                <c:pt idx="62">
                  <c:v>0.31029699999999938</c:v>
                </c:pt>
                <c:pt idx="63">
                  <c:v>0.31530199999999997</c:v>
                </c:pt>
                <c:pt idx="64">
                  <c:v>0.32030699999999968</c:v>
                </c:pt>
                <c:pt idx="65">
                  <c:v>0.32531199999999938</c:v>
                </c:pt>
                <c:pt idx="66">
                  <c:v>0.33031599999999983</c:v>
                </c:pt>
                <c:pt idx="67">
                  <c:v>0.33532099999999954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599999999954</c:v>
                </c:pt>
                <c:pt idx="71">
                  <c:v>0.35533999999999999</c:v>
                </c:pt>
                <c:pt idx="72">
                  <c:v>0.36034499999999969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5999999999969</c:v>
                </c:pt>
                <c:pt idx="76">
                  <c:v>0.38036399999999926</c:v>
                </c:pt>
                <c:pt idx="77">
                  <c:v>0.38536899999999985</c:v>
                </c:pt>
                <c:pt idx="78">
                  <c:v>0.39037399999999955</c:v>
                </c:pt>
                <c:pt idx="79">
                  <c:v>0.39537899999999926</c:v>
                </c:pt>
                <c:pt idx="80">
                  <c:v>0.40038399999999985</c:v>
                </c:pt>
                <c:pt idx="81">
                  <c:v>0.40538799999999942</c:v>
                </c:pt>
                <c:pt idx="82">
                  <c:v>0.41039300000000001</c:v>
                </c:pt>
                <c:pt idx="83">
                  <c:v>0.41539799999999971</c:v>
                </c:pt>
                <c:pt idx="84">
                  <c:v>0.42040299999999942</c:v>
                </c:pt>
                <c:pt idx="85">
                  <c:v>0.42540800000000001</c:v>
                </c:pt>
                <c:pt idx="86">
                  <c:v>0.43041199999999957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699999999957</c:v>
                </c:pt>
                <c:pt idx="90">
                  <c:v>0.45043199999999928</c:v>
                </c:pt>
                <c:pt idx="91">
                  <c:v>0.45543599999999973</c:v>
                </c:pt>
                <c:pt idx="92">
                  <c:v>0.46044099999999943</c:v>
                </c:pt>
                <c:pt idx="93">
                  <c:v>0.46544599999999914</c:v>
                </c:pt>
                <c:pt idx="94">
                  <c:v>0.47045099999999973</c:v>
                </c:pt>
                <c:pt idx="95">
                  <c:v>0.47545599999999943</c:v>
                </c:pt>
                <c:pt idx="96">
                  <c:v>0.48045999999999989</c:v>
                </c:pt>
                <c:pt idx="97">
                  <c:v>0.48546499999999959</c:v>
                </c:pt>
                <c:pt idx="98">
                  <c:v>0.4904699999999993</c:v>
                </c:pt>
                <c:pt idx="99">
                  <c:v>0.49547499999999989</c:v>
                </c:pt>
                <c:pt idx="100">
                  <c:v>0.50047999999999959</c:v>
                </c:pt>
                <c:pt idx="101">
                  <c:v>0.50548399999999916</c:v>
                </c:pt>
                <c:pt idx="102">
                  <c:v>0.51048899999999975</c:v>
                </c:pt>
                <c:pt idx="103">
                  <c:v>0.51549399999999945</c:v>
                </c:pt>
                <c:pt idx="104">
                  <c:v>0.52049899999999916</c:v>
                </c:pt>
                <c:pt idx="105">
                  <c:v>0.52550399999999975</c:v>
                </c:pt>
                <c:pt idx="106">
                  <c:v>0.53050799999999931</c:v>
                </c:pt>
                <c:pt idx="107">
                  <c:v>0.53551299999999991</c:v>
                </c:pt>
                <c:pt idx="108">
                  <c:v>0.54051799999999961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199999999947</c:v>
                </c:pt>
                <c:pt idx="112">
                  <c:v>0.56053699999999917</c:v>
                </c:pt>
                <c:pt idx="113">
                  <c:v>0.56554199999999977</c:v>
                </c:pt>
                <c:pt idx="114">
                  <c:v>0.57054699999999947</c:v>
                </c:pt>
                <c:pt idx="115">
                  <c:v>0.57555199999999918</c:v>
                </c:pt>
                <c:pt idx="116">
                  <c:v>0.58055599999999963</c:v>
                </c:pt>
                <c:pt idx="117">
                  <c:v>0.58556099999999933</c:v>
                </c:pt>
                <c:pt idx="118">
                  <c:v>0.59056599999999992</c:v>
                </c:pt>
                <c:pt idx="119">
                  <c:v>0.59557099999999963</c:v>
                </c:pt>
                <c:pt idx="120">
                  <c:v>0.60057599999999933</c:v>
                </c:pt>
                <c:pt idx="121">
                  <c:v>0.60557999999999979</c:v>
                </c:pt>
                <c:pt idx="122">
                  <c:v>0.61058499999999949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59999999999949</c:v>
                </c:pt>
                <c:pt idx="126">
                  <c:v>0.63060399999999994</c:v>
                </c:pt>
                <c:pt idx="127">
                  <c:v>0.63560899999999965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399999999965</c:v>
                </c:pt>
                <c:pt idx="131">
                  <c:v>0.65562799999999921</c:v>
                </c:pt>
                <c:pt idx="132">
                  <c:v>0.6606329999999998</c:v>
                </c:pt>
                <c:pt idx="133">
                  <c:v>0.66563799999999951</c:v>
                </c:pt>
                <c:pt idx="134">
                  <c:v>0.67064299999999921</c:v>
                </c:pt>
                <c:pt idx="135">
                  <c:v>0.6756479999999998</c:v>
                </c:pt>
                <c:pt idx="136">
                  <c:v>0.68065199999999937</c:v>
                </c:pt>
                <c:pt idx="137">
                  <c:v>0.68565699999999996</c:v>
                </c:pt>
                <c:pt idx="138">
                  <c:v>0.69066199999999967</c:v>
                </c:pt>
                <c:pt idx="139">
                  <c:v>0.69566699999999937</c:v>
                </c:pt>
                <c:pt idx="140">
                  <c:v>0.70067199999999996</c:v>
                </c:pt>
                <c:pt idx="141">
                  <c:v>0.70567599999999953</c:v>
                </c:pt>
                <c:pt idx="142">
                  <c:v>0.71068099999999923</c:v>
                </c:pt>
                <c:pt idx="143">
                  <c:v>0.71568599999999982</c:v>
                </c:pt>
                <c:pt idx="144">
                  <c:v>0.72069099999999953</c:v>
                </c:pt>
                <c:pt idx="145">
                  <c:v>0.72569599999999923</c:v>
                </c:pt>
                <c:pt idx="146">
                  <c:v>0.73069999999999879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49999999988</c:v>
                </c:pt>
                <c:pt idx="150">
                  <c:v>0.75071999999999939</c:v>
                </c:pt>
                <c:pt idx="151">
                  <c:v>0.75572399999999895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899999999895</c:v>
                </c:pt>
                <c:pt idx="155">
                  <c:v>0.77574399999999955</c:v>
                </c:pt>
                <c:pt idx="156">
                  <c:v>0.78074799999999911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299999999911</c:v>
                </c:pt>
                <c:pt idx="160">
                  <c:v>0.8007679999999997</c:v>
                </c:pt>
                <c:pt idx="161">
                  <c:v>0.80577199999999927</c:v>
                </c:pt>
                <c:pt idx="162">
                  <c:v>0.81077699999999986</c:v>
                </c:pt>
                <c:pt idx="163">
                  <c:v>0.81578200000000045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599999999942</c:v>
                </c:pt>
                <c:pt idx="167">
                  <c:v>0.83580100000000002</c:v>
                </c:pt>
                <c:pt idx="168">
                  <c:v>0.84080599999999883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1999999999958</c:v>
                </c:pt>
                <c:pt idx="172">
                  <c:v>0.86082500000000017</c:v>
                </c:pt>
                <c:pt idx="173">
                  <c:v>0.86582999999999899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399999999974</c:v>
                </c:pt>
                <c:pt idx="177">
                  <c:v>0.88584900000000033</c:v>
                </c:pt>
                <c:pt idx="178">
                  <c:v>0.89085399999999915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79999999999</c:v>
                </c:pt>
                <c:pt idx="182">
                  <c:v>0.91087299999999871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799999999871</c:v>
                </c:pt>
                <c:pt idx="186">
                  <c:v>0.93089200000000005</c:v>
                </c:pt>
                <c:pt idx="187">
                  <c:v>0.93589699999999887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887</c:v>
                </c:pt>
                <c:pt idx="191">
                  <c:v>0.95591600000000021</c:v>
                </c:pt>
                <c:pt idx="192">
                  <c:v>0.96092099999999903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599999999903</c:v>
                </c:pt>
                <c:pt idx="196">
                  <c:v>0.98094000000000037</c:v>
                </c:pt>
                <c:pt idx="197">
                  <c:v>0.98594499999999918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599999999992</c:v>
                </c:pt>
                <c:pt idx="201">
                  <c:v>1.0059639999999987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89999999987</c:v>
                </c:pt>
                <c:pt idx="205">
                  <c:v>1.0259839999999993</c:v>
                </c:pt>
                <c:pt idx="206">
                  <c:v>1.030987999999998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29999999989</c:v>
                </c:pt>
                <c:pt idx="210">
                  <c:v>1.0510079999999995</c:v>
                </c:pt>
                <c:pt idx="211">
                  <c:v>1.056011999999999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69999999991</c:v>
                </c:pt>
                <c:pt idx="215">
                  <c:v>1.0760319999999997</c:v>
                </c:pt>
                <c:pt idx="216">
                  <c:v>1.0810359999999992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599999999994</c:v>
                </c:pt>
                <c:pt idx="222">
                  <c:v>1.111065</c:v>
                </c:pt>
                <c:pt idx="223">
                  <c:v>1.1160699999999988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39999999995</c:v>
                </c:pt>
                <c:pt idx="227">
                  <c:v>1.1360890000000001</c:v>
                </c:pt>
                <c:pt idx="228">
                  <c:v>1.1410939999999989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30000000003</c:v>
                </c:pt>
                <c:pt idx="233">
                  <c:v>1.1661179999999991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19999999998</c:v>
                </c:pt>
                <c:pt idx="237">
                  <c:v>1.1861370000000004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6</c:v>
                </c:pt>
                <c:pt idx="242">
                  <c:v>1.2111609999999988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59999999988</c:v>
                </c:pt>
                <c:pt idx="246">
                  <c:v>1.2311800000000002</c:v>
                </c:pt>
                <c:pt idx="247">
                  <c:v>1.236184999999999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199999999999</c:v>
                </c:pt>
                <c:pt idx="251">
                  <c:v>1.2562040000000003</c:v>
                </c:pt>
                <c:pt idx="252">
                  <c:v>1.2612089999999991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39999999991</c:v>
                </c:pt>
                <c:pt idx="256">
                  <c:v>1.2812279999999987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29999999987</c:v>
                </c:pt>
                <c:pt idx="260">
                  <c:v>1.3012479999999993</c:v>
                </c:pt>
                <c:pt idx="261">
                  <c:v>1.306251999999998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69999999989</c:v>
                </c:pt>
                <c:pt idx="265">
                  <c:v>1.3262719999999995</c:v>
                </c:pt>
                <c:pt idx="266">
                  <c:v>1.331275999999999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0999999999</c:v>
                </c:pt>
                <c:pt idx="270">
                  <c:v>1.3512959999999996</c:v>
                </c:pt>
                <c:pt idx="271">
                  <c:v>1.356299999999999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49999999992</c:v>
                </c:pt>
                <c:pt idx="275">
                  <c:v>1.3763199999999998</c:v>
                </c:pt>
                <c:pt idx="276">
                  <c:v>1.3813239999999993</c:v>
                </c:pt>
                <c:pt idx="277">
                  <c:v>1.3863289999999999</c:v>
                </c:pt>
                <c:pt idx="278">
                  <c:v>1.3913339999999987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79999999995</c:v>
                </c:pt>
                <c:pt idx="282">
                  <c:v>1.4113530000000001</c:v>
                </c:pt>
                <c:pt idx="283">
                  <c:v>1.4163579999999989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70000000002</c:v>
                </c:pt>
                <c:pt idx="288">
                  <c:v>1.4413819999999991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59999999998</c:v>
                </c:pt>
                <c:pt idx="292">
                  <c:v>1.4614010000000004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</c:v>
                </c:pt>
                <c:pt idx="297">
                  <c:v>1.4864249999999988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399999999988</c:v>
                </c:pt>
                <c:pt idx="301">
                  <c:v>1.5064440000000001</c:v>
                </c:pt>
                <c:pt idx="302">
                  <c:v>1.5114489999999989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39999999989</c:v>
                </c:pt>
                <c:pt idx="306">
                  <c:v>1.5314680000000003</c:v>
                </c:pt>
                <c:pt idx="307">
                  <c:v>1.5364729999999991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79999999991</c:v>
                </c:pt>
                <c:pt idx="311">
                  <c:v>1.5564920000000004</c:v>
                </c:pt>
                <c:pt idx="312">
                  <c:v>1.5614969999999992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19999999992</c:v>
                </c:pt>
                <c:pt idx="316">
                  <c:v>1.5815159999999988</c:v>
                </c:pt>
                <c:pt idx="317">
                  <c:v>1.5865209999999994</c:v>
                </c:pt>
                <c:pt idx="318">
                  <c:v>1.591526</c:v>
                </c:pt>
                <c:pt idx="319">
                  <c:v>1.5965309999999988</c:v>
                </c:pt>
                <c:pt idx="320">
                  <c:v>1.6015359999999994</c:v>
                </c:pt>
                <c:pt idx="321">
                  <c:v>1.606539999999999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4999999999</c:v>
                </c:pt>
                <c:pt idx="325">
                  <c:v>1.6265599999999996</c:v>
                </c:pt>
                <c:pt idx="326">
                  <c:v>1.6315639999999991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89999999991</c:v>
                </c:pt>
                <c:pt idx="330">
                  <c:v>1.6515839999999997</c:v>
                </c:pt>
                <c:pt idx="331">
                  <c:v>1.6565879999999993</c:v>
                </c:pt>
                <c:pt idx="332">
                  <c:v>1.6615929999999999</c:v>
                </c:pt>
                <c:pt idx="333">
                  <c:v>1.6665979999999987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19999999994</c:v>
                </c:pt>
                <c:pt idx="337">
                  <c:v>1.686617</c:v>
                </c:pt>
                <c:pt idx="338">
                  <c:v>1.6916219999999988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59999999996</c:v>
                </c:pt>
                <c:pt idx="342">
                  <c:v>1.7116410000000002</c:v>
                </c:pt>
                <c:pt idx="343">
                  <c:v>1.716645999999999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599999999998</c:v>
                </c:pt>
                <c:pt idx="347">
                  <c:v>1.7366650000000003</c:v>
                </c:pt>
                <c:pt idx="348">
                  <c:v>1.741669999999999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39999999999</c:v>
                </c:pt>
                <c:pt idx="352">
                  <c:v>1.7616889999999987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39999999987</c:v>
                </c:pt>
                <c:pt idx="356">
                  <c:v>1.7817080000000001</c:v>
                </c:pt>
                <c:pt idx="357">
                  <c:v>1.7867129999999989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79999999989</c:v>
                </c:pt>
                <c:pt idx="361">
                  <c:v>1.8067320000000002</c:v>
                </c:pt>
                <c:pt idx="362">
                  <c:v>1.811736999999999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1999999999</c:v>
                </c:pt>
                <c:pt idx="366">
                  <c:v>1.8317560000000004</c:v>
                </c:pt>
                <c:pt idx="367">
                  <c:v>1.8367609999999992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59999999992</c:v>
                </c:pt>
                <c:pt idx="371">
                  <c:v>1.8567799999999988</c:v>
                </c:pt>
                <c:pt idx="372">
                  <c:v>1.8617849999999994</c:v>
                </c:pt>
                <c:pt idx="373">
                  <c:v>1.8667899999999999</c:v>
                </c:pt>
                <c:pt idx="374">
                  <c:v>1.8717949999999988</c:v>
                </c:pt>
                <c:pt idx="375">
                  <c:v>1.8767999999999994</c:v>
                </c:pt>
                <c:pt idx="376">
                  <c:v>1.8818039999999989</c:v>
                </c:pt>
                <c:pt idx="377">
                  <c:v>1.8868089999999995</c:v>
                </c:pt>
                <c:pt idx="378">
                  <c:v>1.8918140000000001</c:v>
                </c:pt>
                <c:pt idx="379">
                  <c:v>1.8968189999999989</c:v>
                </c:pt>
                <c:pt idx="380">
                  <c:v>1.9018239999999995</c:v>
                </c:pt>
                <c:pt idx="381">
                  <c:v>1.9068279999999991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29999999991</c:v>
                </c:pt>
                <c:pt idx="385">
                  <c:v>1.9268479999999997</c:v>
                </c:pt>
                <c:pt idx="386">
                  <c:v>1.9318519999999992</c:v>
                </c:pt>
                <c:pt idx="387">
                  <c:v>1.9368569999999998</c:v>
                </c:pt>
                <c:pt idx="388">
                  <c:v>1.9418620000000004</c:v>
                </c:pt>
                <c:pt idx="389">
                  <c:v>1.9468669999999992</c:v>
                </c:pt>
                <c:pt idx="390">
                  <c:v>1.9518719999999998</c:v>
                </c:pt>
                <c:pt idx="391">
                  <c:v>1.9568759999999994</c:v>
                </c:pt>
                <c:pt idx="392">
                  <c:v>1.961881</c:v>
                </c:pt>
                <c:pt idx="393">
                  <c:v>1.9668859999999988</c:v>
                </c:pt>
                <c:pt idx="394">
                  <c:v>1.9718909999999994</c:v>
                </c:pt>
                <c:pt idx="395">
                  <c:v>1.976896</c:v>
                </c:pt>
                <c:pt idx="396">
                  <c:v>1.9818999999999996</c:v>
                </c:pt>
                <c:pt idx="397">
                  <c:v>1.9869050000000001</c:v>
                </c:pt>
                <c:pt idx="398">
                  <c:v>1.991909999999999</c:v>
                </c:pt>
                <c:pt idx="399">
                  <c:v>1.9969149999999996</c:v>
                </c:pt>
              </c:numCache>
            </c:numRef>
          </c:xVal>
          <c:yVal>
            <c:numRef>
              <c:f>'Mono-1200-3s(9)'!$E$2:$E$2660</c:f>
              <c:numCache>
                <c:formatCode>General</c:formatCode>
                <c:ptCount val="2659"/>
                <c:pt idx="0">
                  <c:v>0</c:v>
                </c:pt>
                <c:pt idx="1">
                  <c:v>0.88589200000001256</c:v>
                </c:pt>
                <c:pt idx="2">
                  <c:v>1.6286099999999806</c:v>
                </c:pt>
                <c:pt idx="3">
                  <c:v>1.9520979999999781</c:v>
                </c:pt>
                <c:pt idx="4">
                  <c:v>2.6685949999999821</c:v>
                </c:pt>
                <c:pt idx="5">
                  <c:v>3.8919060000000627</c:v>
                </c:pt>
                <c:pt idx="6">
                  <c:v>4.8111400000000231</c:v>
                </c:pt>
                <c:pt idx="7">
                  <c:v>5.2741100000000642</c:v>
                </c:pt>
                <c:pt idx="8">
                  <c:v>5.7467850000000453</c:v>
                </c:pt>
                <c:pt idx="9">
                  <c:v>6.1325850000000628</c:v>
                </c:pt>
                <c:pt idx="10">
                  <c:v>6.1437779999999975</c:v>
                </c:pt>
                <c:pt idx="11">
                  <c:v>5.5687219999999797</c:v>
                </c:pt>
                <c:pt idx="12">
                  <c:v>4.9310259999999744</c:v>
                </c:pt>
                <c:pt idx="13">
                  <c:v>4.6097600000000511</c:v>
                </c:pt>
                <c:pt idx="14">
                  <c:v>4.2494609999999966</c:v>
                </c:pt>
                <c:pt idx="15">
                  <c:v>3.3898880000000418</c:v>
                </c:pt>
                <c:pt idx="16">
                  <c:v>2.7941829999999754</c:v>
                </c:pt>
                <c:pt idx="17">
                  <c:v>3.1883830000000444</c:v>
                </c:pt>
                <c:pt idx="18">
                  <c:v>3.3390870000000632</c:v>
                </c:pt>
                <c:pt idx="19">
                  <c:v>3.184643000000051</c:v>
                </c:pt>
                <c:pt idx="20">
                  <c:v>3.324846999999977</c:v>
                </c:pt>
                <c:pt idx="21">
                  <c:v>3.309757999999988</c:v>
                </c:pt>
                <c:pt idx="22">
                  <c:v>4.1342990000000555</c:v>
                </c:pt>
                <c:pt idx="23">
                  <c:v>4.3468189999999822</c:v>
                </c:pt>
                <c:pt idx="24">
                  <c:v>4.9183279999999741</c:v>
                </c:pt>
                <c:pt idx="25">
                  <c:v>5.6311210000000074</c:v>
                </c:pt>
                <c:pt idx="26">
                  <c:v>6.4225850000000264</c:v>
                </c:pt>
                <c:pt idx="27">
                  <c:v>6.7326010000000451</c:v>
                </c:pt>
                <c:pt idx="28">
                  <c:v>6.8218620000000101</c:v>
                </c:pt>
                <c:pt idx="29">
                  <c:v>6.9134240000000773</c:v>
                </c:pt>
                <c:pt idx="30">
                  <c:v>6.9968200000000706</c:v>
                </c:pt>
                <c:pt idx="31">
                  <c:v>6.6407140000000027</c:v>
                </c:pt>
                <c:pt idx="32">
                  <c:v>6.3052660000000742</c:v>
                </c:pt>
                <c:pt idx="33">
                  <c:v>6.1319980000000669</c:v>
                </c:pt>
                <c:pt idx="34">
                  <c:v>5.9776510000000371</c:v>
                </c:pt>
                <c:pt idx="35">
                  <c:v>5.4473310000000765</c:v>
                </c:pt>
                <c:pt idx="36">
                  <c:v>5.0072499999999991</c:v>
                </c:pt>
                <c:pt idx="37">
                  <c:v>4.7340709999999717</c:v>
                </c:pt>
                <c:pt idx="38">
                  <c:v>4.6149380000000519</c:v>
                </c:pt>
                <c:pt idx="39">
                  <c:v>4.5955700000000661</c:v>
                </c:pt>
                <c:pt idx="40">
                  <c:v>4.9465470000000096</c:v>
                </c:pt>
                <c:pt idx="41">
                  <c:v>5.4583610000000817</c:v>
                </c:pt>
                <c:pt idx="42">
                  <c:v>5.8853500000000167</c:v>
                </c:pt>
                <c:pt idx="43">
                  <c:v>6.3010470000000396</c:v>
                </c:pt>
                <c:pt idx="44">
                  <c:v>6.9589980000000651</c:v>
                </c:pt>
                <c:pt idx="45">
                  <c:v>7.7170019999999795</c:v>
                </c:pt>
                <c:pt idx="46">
                  <c:v>8.1382849999999962</c:v>
                </c:pt>
                <c:pt idx="47">
                  <c:v>8.5677890000000616</c:v>
                </c:pt>
                <c:pt idx="48">
                  <c:v>8.9024239999999963</c:v>
                </c:pt>
                <c:pt idx="49">
                  <c:v>8.9505609999999933</c:v>
                </c:pt>
                <c:pt idx="50">
                  <c:v>8.4349030000000766</c:v>
                </c:pt>
                <c:pt idx="51">
                  <c:v>7.7516950000000406</c:v>
                </c:pt>
                <c:pt idx="52">
                  <c:v>6.9036939999999731</c:v>
                </c:pt>
                <c:pt idx="53">
                  <c:v>6.5876289999999926</c:v>
                </c:pt>
                <c:pt idx="54">
                  <c:v>6.231153000000063</c:v>
                </c:pt>
                <c:pt idx="55">
                  <c:v>6.0867319999999836</c:v>
                </c:pt>
                <c:pt idx="56">
                  <c:v>6.2600150000000667</c:v>
                </c:pt>
                <c:pt idx="57">
                  <c:v>6.5115900000000693</c:v>
                </c:pt>
                <c:pt idx="58">
                  <c:v>6.2542640000000347</c:v>
                </c:pt>
                <c:pt idx="59">
                  <c:v>6.0906690000000481</c:v>
                </c:pt>
                <c:pt idx="60">
                  <c:v>6.461159000000066</c:v>
                </c:pt>
                <c:pt idx="61">
                  <c:v>7.0821470000000772</c:v>
                </c:pt>
                <c:pt idx="62">
                  <c:v>7.2824800000000778</c:v>
                </c:pt>
                <c:pt idx="63">
                  <c:v>7.4617460000000619</c:v>
                </c:pt>
                <c:pt idx="64">
                  <c:v>7.7565620000000308</c:v>
                </c:pt>
                <c:pt idx="65">
                  <c:v>8.0999480000000403</c:v>
                </c:pt>
                <c:pt idx="66">
                  <c:v>8.7945940000000746</c:v>
                </c:pt>
                <c:pt idx="67">
                  <c:v>9.122745000000009</c:v>
                </c:pt>
                <c:pt idx="68">
                  <c:v>8.9896570000000793</c:v>
                </c:pt>
                <c:pt idx="69">
                  <c:v>9.0696970000000192</c:v>
                </c:pt>
                <c:pt idx="70">
                  <c:v>9.0855250000000751</c:v>
                </c:pt>
                <c:pt idx="71">
                  <c:v>8.9036220000000412</c:v>
                </c:pt>
                <c:pt idx="72">
                  <c:v>8.5029020000000628</c:v>
                </c:pt>
                <c:pt idx="73">
                  <c:v>8.3283069999999952</c:v>
                </c:pt>
                <c:pt idx="74">
                  <c:v>7.9769450000000006</c:v>
                </c:pt>
                <c:pt idx="75">
                  <c:v>7.1881250000000136</c:v>
                </c:pt>
                <c:pt idx="76">
                  <c:v>6.8034020000000055</c:v>
                </c:pt>
                <c:pt idx="77">
                  <c:v>6.7885489999999891</c:v>
                </c:pt>
                <c:pt idx="78">
                  <c:v>6.753133000000048</c:v>
                </c:pt>
                <c:pt idx="79">
                  <c:v>6.7771440000000212</c:v>
                </c:pt>
                <c:pt idx="80">
                  <c:v>7.2387429999999995</c:v>
                </c:pt>
                <c:pt idx="81">
                  <c:v>8.044112000000041</c:v>
                </c:pt>
                <c:pt idx="82">
                  <c:v>8.7870530000000144</c:v>
                </c:pt>
                <c:pt idx="83">
                  <c:v>9.3378300000000536</c:v>
                </c:pt>
                <c:pt idx="84">
                  <c:v>9.3169540000000097</c:v>
                </c:pt>
                <c:pt idx="85">
                  <c:v>9.6524239999999963</c:v>
                </c:pt>
                <c:pt idx="86">
                  <c:v>10.202820999999972</c:v>
                </c:pt>
                <c:pt idx="87">
                  <c:v>10.176004000000034</c:v>
                </c:pt>
                <c:pt idx="88">
                  <c:v>10.463167999999996</c:v>
                </c:pt>
                <c:pt idx="89">
                  <c:v>11.047988000000032</c:v>
                </c:pt>
                <c:pt idx="90">
                  <c:v>10.90954099999999</c:v>
                </c:pt>
                <c:pt idx="91">
                  <c:v>10.499434000000065</c:v>
                </c:pt>
                <c:pt idx="92">
                  <c:v>9.7508960000000116</c:v>
                </c:pt>
                <c:pt idx="93">
                  <c:v>9.3524969999999712</c:v>
                </c:pt>
                <c:pt idx="94">
                  <c:v>9.0693640000000642</c:v>
                </c:pt>
                <c:pt idx="95">
                  <c:v>8.575648000000001</c:v>
                </c:pt>
                <c:pt idx="96">
                  <c:v>7.6358190000000832</c:v>
                </c:pt>
                <c:pt idx="97">
                  <c:v>6.8858089999999947</c:v>
                </c:pt>
                <c:pt idx="98">
                  <c:v>6.6221689999999853</c:v>
                </c:pt>
                <c:pt idx="99">
                  <c:v>6.409183999999982</c:v>
                </c:pt>
                <c:pt idx="100">
                  <c:v>6.3011850000000322</c:v>
                </c:pt>
                <c:pt idx="101">
                  <c:v>6.2305710000000545</c:v>
                </c:pt>
                <c:pt idx="102">
                  <c:v>6.5204099999999698</c:v>
                </c:pt>
                <c:pt idx="103">
                  <c:v>6.8780219999999872</c:v>
                </c:pt>
                <c:pt idx="104">
                  <c:v>6.6993489999999838</c:v>
                </c:pt>
                <c:pt idx="105">
                  <c:v>7.1175309999999854</c:v>
                </c:pt>
                <c:pt idx="106">
                  <c:v>8.1597259999999778</c:v>
                </c:pt>
                <c:pt idx="107">
                  <c:v>8.9743230000000267</c:v>
                </c:pt>
                <c:pt idx="108">
                  <c:v>9.1318850000000111</c:v>
                </c:pt>
                <c:pt idx="109">
                  <c:v>9.2561249999999973</c:v>
                </c:pt>
                <c:pt idx="110">
                  <c:v>9.8872350000000324</c:v>
                </c:pt>
                <c:pt idx="111">
                  <c:v>10.189121999999998</c:v>
                </c:pt>
                <c:pt idx="112">
                  <c:v>9.996099000000072</c:v>
                </c:pt>
                <c:pt idx="113">
                  <c:v>9.8594600000000128</c:v>
                </c:pt>
                <c:pt idx="114">
                  <c:v>9.9588300000000345</c:v>
                </c:pt>
                <c:pt idx="115">
                  <c:v>9.9470519999999851</c:v>
                </c:pt>
                <c:pt idx="116">
                  <c:v>9.1775640000000749</c:v>
                </c:pt>
                <c:pt idx="117">
                  <c:v>8.2771330000000489</c:v>
                </c:pt>
                <c:pt idx="118">
                  <c:v>8.115833000000066</c:v>
                </c:pt>
                <c:pt idx="119">
                  <c:v>8.0193140000000085</c:v>
                </c:pt>
                <c:pt idx="120">
                  <c:v>7.6029510000000755</c:v>
                </c:pt>
                <c:pt idx="121">
                  <c:v>7.0177529999999706</c:v>
                </c:pt>
                <c:pt idx="122">
                  <c:v>6.9800790000000461</c:v>
                </c:pt>
                <c:pt idx="123">
                  <c:v>8.1483749999999873</c:v>
                </c:pt>
                <c:pt idx="124">
                  <c:v>8.2886210000000347</c:v>
                </c:pt>
                <c:pt idx="125">
                  <c:v>8.9501880000000256</c:v>
                </c:pt>
                <c:pt idx="126">
                  <c:v>8.9677679999999782</c:v>
                </c:pt>
                <c:pt idx="127">
                  <c:v>9.5647950000000037</c:v>
                </c:pt>
                <c:pt idx="128">
                  <c:v>10.169030000000021</c:v>
                </c:pt>
                <c:pt idx="129">
                  <c:v>9.8860779999999977</c:v>
                </c:pt>
                <c:pt idx="130">
                  <c:v>10.749479000000065</c:v>
                </c:pt>
                <c:pt idx="131">
                  <c:v>12.380011000000081</c:v>
                </c:pt>
                <c:pt idx="132">
                  <c:v>12.342434000000026</c:v>
                </c:pt>
                <c:pt idx="133">
                  <c:v>11.509666000000038</c:v>
                </c:pt>
                <c:pt idx="134">
                  <c:v>11.35300600000005</c:v>
                </c:pt>
                <c:pt idx="135">
                  <c:v>11.368343999999979</c:v>
                </c:pt>
                <c:pt idx="136">
                  <c:v>11.230476000000067</c:v>
                </c:pt>
                <c:pt idx="137">
                  <c:v>10.938184999999976</c:v>
                </c:pt>
                <c:pt idx="138">
                  <c:v>10.782842000000073</c:v>
                </c:pt>
                <c:pt idx="139">
                  <c:v>11.950302000000079</c:v>
                </c:pt>
                <c:pt idx="140">
                  <c:v>11.582544999999982</c:v>
                </c:pt>
                <c:pt idx="141">
                  <c:v>10.398200999999972</c:v>
                </c:pt>
                <c:pt idx="142">
                  <c:v>9.7565470000000687</c:v>
                </c:pt>
                <c:pt idx="143">
                  <c:v>9.304854999999975</c:v>
                </c:pt>
                <c:pt idx="144">
                  <c:v>9.1526330000000371</c:v>
                </c:pt>
                <c:pt idx="145">
                  <c:v>8.707006999999976</c:v>
                </c:pt>
                <c:pt idx="146">
                  <c:v>8.3749020000000201</c:v>
                </c:pt>
                <c:pt idx="147">
                  <c:v>8.0270209999999906</c:v>
                </c:pt>
                <c:pt idx="148">
                  <c:v>7.9699190000000044</c:v>
                </c:pt>
                <c:pt idx="149">
                  <c:v>7.6945120000000315</c:v>
                </c:pt>
                <c:pt idx="150">
                  <c:v>7.9299439999999777</c:v>
                </c:pt>
                <c:pt idx="151">
                  <c:v>7.9800290000000587</c:v>
                </c:pt>
                <c:pt idx="152">
                  <c:v>8.25167399999998</c:v>
                </c:pt>
                <c:pt idx="153">
                  <c:v>8.3091950000000452</c:v>
                </c:pt>
                <c:pt idx="154">
                  <c:v>9.3133790000000545</c:v>
                </c:pt>
                <c:pt idx="155">
                  <c:v>10.360638999999992</c:v>
                </c:pt>
                <c:pt idx="156">
                  <c:v>10.611085000000003</c:v>
                </c:pt>
                <c:pt idx="157">
                  <c:v>10.744664000000057</c:v>
                </c:pt>
                <c:pt idx="158">
                  <c:v>11.452353000000016</c:v>
                </c:pt>
                <c:pt idx="159">
                  <c:v>12.180351999999971</c:v>
                </c:pt>
                <c:pt idx="160">
                  <c:v>12.962468000000058</c:v>
                </c:pt>
                <c:pt idx="161">
                  <c:v>14.612701000000015</c:v>
                </c:pt>
                <c:pt idx="162">
                  <c:v>15.727058000000056</c:v>
                </c:pt>
                <c:pt idx="163">
                  <c:v>16.460249999999974</c:v>
                </c:pt>
                <c:pt idx="164">
                  <c:v>15.629790000000071</c:v>
                </c:pt>
                <c:pt idx="165">
                  <c:v>14.036224000000061</c:v>
                </c:pt>
                <c:pt idx="166">
                  <c:v>12.776753999999983</c:v>
                </c:pt>
                <c:pt idx="167">
                  <c:v>12.08219500000007</c:v>
                </c:pt>
                <c:pt idx="168">
                  <c:v>11.449760000000083</c:v>
                </c:pt>
                <c:pt idx="169">
                  <c:v>10.910448999999971</c:v>
                </c:pt>
                <c:pt idx="170">
                  <c:v>11.819508000000042</c:v>
                </c:pt>
                <c:pt idx="171">
                  <c:v>11.669310999999993</c:v>
                </c:pt>
                <c:pt idx="172">
                  <c:v>11.021832000000018</c:v>
                </c:pt>
                <c:pt idx="173">
                  <c:v>10.396617999999989</c:v>
                </c:pt>
                <c:pt idx="174">
                  <c:v>9.5585590000000593</c:v>
                </c:pt>
                <c:pt idx="175">
                  <c:v>9.0840940000000501</c:v>
                </c:pt>
                <c:pt idx="176">
                  <c:v>8.9860820000000103</c:v>
                </c:pt>
                <c:pt idx="177">
                  <c:v>8.9160850000000664</c:v>
                </c:pt>
                <c:pt idx="178">
                  <c:v>8.8034670000000688</c:v>
                </c:pt>
                <c:pt idx="179">
                  <c:v>8.8365830000000187</c:v>
                </c:pt>
                <c:pt idx="180">
                  <c:v>8.9574089999999842</c:v>
                </c:pt>
                <c:pt idx="181">
                  <c:v>9.3810310000000072</c:v>
                </c:pt>
                <c:pt idx="182">
                  <c:v>9.7101159999999709</c:v>
                </c:pt>
                <c:pt idx="183">
                  <c:v>10.193262000000004</c:v>
                </c:pt>
                <c:pt idx="184">
                  <c:v>11.202575000000024</c:v>
                </c:pt>
                <c:pt idx="185">
                  <c:v>11.883682000000022</c:v>
                </c:pt>
                <c:pt idx="186">
                  <c:v>12.34072100000003</c:v>
                </c:pt>
                <c:pt idx="187">
                  <c:v>13.342757000000006</c:v>
                </c:pt>
                <c:pt idx="188">
                  <c:v>14.333930000000009</c:v>
                </c:pt>
                <c:pt idx="189">
                  <c:v>15.060840999999982</c:v>
                </c:pt>
                <c:pt idx="190">
                  <c:v>15.765945999999985</c:v>
                </c:pt>
                <c:pt idx="191">
                  <c:v>16.179929000000016</c:v>
                </c:pt>
                <c:pt idx="192">
                  <c:v>16.223824000000036</c:v>
                </c:pt>
                <c:pt idx="193">
                  <c:v>16.059701000000018</c:v>
                </c:pt>
                <c:pt idx="194">
                  <c:v>15.465993000000026</c:v>
                </c:pt>
                <c:pt idx="195">
                  <c:v>15.036370000000034</c:v>
                </c:pt>
                <c:pt idx="196">
                  <c:v>14.72941400000002</c:v>
                </c:pt>
                <c:pt idx="197">
                  <c:v>13.940339999999992</c:v>
                </c:pt>
                <c:pt idx="198">
                  <c:v>12.65342099999998</c:v>
                </c:pt>
                <c:pt idx="199">
                  <c:v>11.263619000000062</c:v>
                </c:pt>
                <c:pt idx="200">
                  <c:v>9.9534190000000535</c:v>
                </c:pt>
                <c:pt idx="201">
                  <c:v>9.1587319999999863</c:v>
                </c:pt>
                <c:pt idx="202">
                  <c:v>8.514897000000019</c:v>
                </c:pt>
                <c:pt idx="203">
                  <c:v>7.9367510000000721</c:v>
                </c:pt>
                <c:pt idx="204">
                  <c:v>8.0721280000000206</c:v>
                </c:pt>
                <c:pt idx="205">
                  <c:v>8.5293730000000778</c:v>
                </c:pt>
                <c:pt idx="206">
                  <c:v>8.8828389999999899</c:v>
                </c:pt>
                <c:pt idx="207">
                  <c:v>9.776204000000007</c:v>
                </c:pt>
                <c:pt idx="208">
                  <c:v>11.273747000000071</c:v>
                </c:pt>
                <c:pt idx="209">
                  <c:v>13.280844000000002</c:v>
                </c:pt>
                <c:pt idx="210">
                  <c:v>14.352791000000025</c:v>
                </c:pt>
                <c:pt idx="211">
                  <c:v>15.256353999999988</c:v>
                </c:pt>
                <c:pt idx="212">
                  <c:v>16.336723000000006</c:v>
                </c:pt>
                <c:pt idx="213">
                  <c:v>17.701530000000048</c:v>
                </c:pt>
                <c:pt idx="214">
                  <c:v>18.167151999999987</c:v>
                </c:pt>
                <c:pt idx="215">
                  <c:v>18.218428000000017</c:v>
                </c:pt>
                <c:pt idx="216">
                  <c:v>18.327278999999976</c:v>
                </c:pt>
                <c:pt idx="217">
                  <c:v>18.423335000000066</c:v>
                </c:pt>
                <c:pt idx="218">
                  <c:v>17.639400000000023</c:v>
                </c:pt>
                <c:pt idx="219">
                  <c:v>16.24490000000003</c:v>
                </c:pt>
                <c:pt idx="220">
                  <c:v>14.840664000000061</c:v>
                </c:pt>
                <c:pt idx="221">
                  <c:v>13.882024999999999</c:v>
                </c:pt>
                <c:pt idx="222">
                  <c:v>12.520937000000004</c:v>
                </c:pt>
                <c:pt idx="223">
                  <c:v>10.816816000000017</c:v>
                </c:pt>
                <c:pt idx="224">
                  <c:v>9.4154280000000199</c:v>
                </c:pt>
                <c:pt idx="225">
                  <c:v>8.7479700000000093</c:v>
                </c:pt>
                <c:pt idx="226">
                  <c:v>8.4293609999999717</c:v>
                </c:pt>
                <c:pt idx="227">
                  <c:v>8.4784429999999702</c:v>
                </c:pt>
                <c:pt idx="228">
                  <c:v>8.3370540000000801</c:v>
                </c:pt>
                <c:pt idx="229">
                  <c:v>9.0628330000000688</c:v>
                </c:pt>
                <c:pt idx="230">
                  <c:v>10.165242000000035</c:v>
                </c:pt>
                <c:pt idx="231">
                  <c:v>11.480442000000039</c:v>
                </c:pt>
                <c:pt idx="232">
                  <c:v>12.634961999999973</c:v>
                </c:pt>
                <c:pt idx="233">
                  <c:v>13.714320000000043</c:v>
                </c:pt>
                <c:pt idx="234">
                  <c:v>14.829771000000051</c:v>
                </c:pt>
                <c:pt idx="235">
                  <c:v>16.146298999999999</c:v>
                </c:pt>
                <c:pt idx="236">
                  <c:v>16.801054000000022</c:v>
                </c:pt>
                <c:pt idx="237">
                  <c:v>17.318313999999987</c:v>
                </c:pt>
                <c:pt idx="238">
                  <c:v>17.825681000000031</c:v>
                </c:pt>
                <c:pt idx="239">
                  <c:v>18.176402000000053</c:v>
                </c:pt>
                <c:pt idx="240">
                  <c:v>18.286522999999988</c:v>
                </c:pt>
                <c:pt idx="241">
                  <c:v>17.763380999999981</c:v>
                </c:pt>
                <c:pt idx="242">
                  <c:v>16.721622000000025</c:v>
                </c:pt>
                <c:pt idx="243">
                  <c:v>15.653533000000039</c:v>
                </c:pt>
                <c:pt idx="244">
                  <c:v>14.493746999999985</c:v>
                </c:pt>
                <c:pt idx="245">
                  <c:v>12.931770000000029</c:v>
                </c:pt>
                <c:pt idx="246">
                  <c:v>10.840356000000043</c:v>
                </c:pt>
                <c:pt idx="247">
                  <c:v>9.3883870000000798</c:v>
                </c:pt>
                <c:pt idx="248">
                  <c:v>8.5469450000000506</c:v>
                </c:pt>
                <c:pt idx="249">
                  <c:v>7.9936050000000023</c:v>
                </c:pt>
                <c:pt idx="250">
                  <c:v>7.7487889999999879</c:v>
                </c:pt>
                <c:pt idx="251">
                  <c:v>7.7923289999999952</c:v>
                </c:pt>
                <c:pt idx="252">
                  <c:v>8.7385440000000472</c:v>
                </c:pt>
                <c:pt idx="253">
                  <c:v>10.362621999999988</c:v>
                </c:pt>
                <c:pt idx="254">
                  <c:v>11.778845000000047</c:v>
                </c:pt>
                <c:pt idx="255">
                  <c:v>12.911561000000006</c:v>
                </c:pt>
                <c:pt idx="256">
                  <c:v>14.522636000000034</c:v>
                </c:pt>
                <c:pt idx="257">
                  <c:v>16.129143999999997</c:v>
                </c:pt>
                <c:pt idx="258">
                  <c:v>17.42322200000001</c:v>
                </c:pt>
                <c:pt idx="259">
                  <c:v>18.539379000000054</c:v>
                </c:pt>
                <c:pt idx="260">
                  <c:v>19.374085000000036</c:v>
                </c:pt>
                <c:pt idx="261">
                  <c:v>20.350315000000023</c:v>
                </c:pt>
                <c:pt idx="262">
                  <c:v>20.416031999999973</c:v>
                </c:pt>
                <c:pt idx="263">
                  <c:v>19.573906000000079</c:v>
                </c:pt>
                <c:pt idx="264">
                  <c:v>18.487058000000047</c:v>
                </c:pt>
                <c:pt idx="265">
                  <c:v>17.74191200000007</c:v>
                </c:pt>
                <c:pt idx="266">
                  <c:v>17.006954000000064</c:v>
                </c:pt>
                <c:pt idx="267">
                  <c:v>15.409711000000016</c:v>
                </c:pt>
                <c:pt idx="268">
                  <c:v>13.383595000000014</c:v>
                </c:pt>
                <c:pt idx="269">
                  <c:v>12.41505200000006</c:v>
                </c:pt>
                <c:pt idx="270">
                  <c:v>11.920752999999991</c:v>
                </c:pt>
                <c:pt idx="271">
                  <c:v>10.778138000000013</c:v>
                </c:pt>
                <c:pt idx="272">
                  <c:v>9.5737189999999828</c:v>
                </c:pt>
                <c:pt idx="273">
                  <c:v>9.0951710000000503</c:v>
                </c:pt>
                <c:pt idx="274">
                  <c:v>9.0787540000000035</c:v>
                </c:pt>
                <c:pt idx="275">
                  <c:v>9.4304250000000138</c:v>
                </c:pt>
                <c:pt idx="276">
                  <c:v>9.7002489999999852</c:v>
                </c:pt>
                <c:pt idx="277">
                  <c:v>10.231063000000063</c:v>
                </c:pt>
                <c:pt idx="278">
                  <c:v>11.439215999999988</c:v>
                </c:pt>
                <c:pt idx="279">
                  <c:v>12.562070000000062</c:v>
                </c:pt>
                <c:pt idx="280">
                  <c:v>13.40124800000001</c:v>
                </c:pt>
                <c:pt idx="281">
                  <c:v>14.078558000000044</c:v>
                </c:pt>
                <c:pt idx="282">
                  <c:v>15.190990000000056</c:v>
                </c:pt>
                <c:pt idx="283">
                  <c:v>16.403051000000005</c:v>
                </c:pt>
                <c:pt idx="284">
                  <c:v>17.10154</c:v>
                </c:pt>
                <c:pt idx="285">
                  <c:v>17.012916000000018</c:v>
                </c:pt>
                <c:pt idx="286">
                  <c:v>16.774487000000022</c:v>
                </c:pt>
                <c:pt idx="287">
                  <c:v>16.466657000000055</c:v>
                </c:pt>
                <c:pt idx="288">
                  <c:v>15.427962999999977</c:v>
                </c:pt>
                <c:pt idx="289">
                  <c:v>13.828320000000076</c:v>
                </c:pt>
                <c:pt idx="290">
                  <c:v>12.84082699999999</c:v>
                </c:pt>
                <c:pt idx="291">
                  <c:v>12.128604999999993</c:v>
                </c:pt>
                <c:pt idx="292">
                  <c:v>11.263570000000072</c:v>
                </c:pt>
                <c:pt idx="293">
                  <c:v>10.411199000000011</c:v>
                </c:pt>
                <c:pt idx="294">
                  <c:v>9.90424100000007</c:v>
                </c:pt>
                <c:pt idx="295">
                  <c:v>9.7038959999999861</c:v>
                </c:pt>
                <c:pt idx="296">
                  <c:v>9.6832170000000133</c:v>
                </c:pt>
                <c:pt idx="297">
                  <c:v>9.8189959999999701</c:v>
                </c:pt>
                <c:pt idx="298">
                  <c:v>10.089449000000059</c:v>
                </c:pt>
                <c:pt idx="299">
                  <c:v>10.753158999999982</c:v>
                </c:pt>
                <c:pt idx="300">
                  <c:v>11.678026000000045</c:v>
                </c:pt>
                <c:pt idx="301">
                  <c:v>12.170952000000057</c:v>
                </c:pt>
                <c:pt idx="302">
                  <c:v>12.85937899999999</c:v>
                </c:pt>
                <c:pt idx="303">
                  <c:v>13.538951999999995</c:v>
                </c:pt>
                <c:pt idx="304">
                  <c:v>13.746209000000022</c:v>
                </c:pt>
                <c:pt idx="305">
                  <c:v>14.368560000000002</c:v>
                </c:pt>
                <c:pt idx="306">
                  <c:v>14.912742999999978</c:v>
                </c:pt>
                <c:pt idx="307">
                  <c:v>15.377730000000042</c:v>
                </c:pt>
                <c:pt idx="308">
                  <c:v>15.511326000000054</c:v>
                </c:pt>
                <c:pt idx="309">
                  <c:v>16.030336000000034</c:v>
                </c:pt>
                <c:pt idx="310">
                  <c:v>16.246699000000035</c:v>
                </c:pt>
                <c:pt idx="311">
                  <c:v>16.204672000000073</c:v>
                </c:pt>
                <c:pt idx="312">
                  <c:v>15.706366000000003</c:v>
                </c:pt>
                <c:pt idx="313">
                  <c:v>15.122158000000013</c:v>
                </c:pt>
                <c:pt idx="314">
                  <c:v>14.66217400000005</c:v>
                </c:pt>
                <c:pt idx="315">
                  <c:v>13.97458400000005</c:v>
                </c:pt>
                <c:pt idx="316">
                  <c:v>13.044619000000012</c:v>
                </c:pt>
                <c:pt idx="317">
                  <c:v>12.391405000000077</c:v>
                </c:pt>
                <c:pt idx="318">
                  <c:v>12.222369000000072</c:v>
                </c:pt>
                <c:pt idx="319">
                  <c:v>12.318827000000056</c:v>
                </c:pt>
                <c:pt idx="320">
                  <c:v>11.818642000000068</c:v>
                </c:pt>
                <c:pt idx="321">
                  <c:v>11.379792000000066</c:v>
                </c:pt>
                <c:pt idx="322">
                  <c:v>11.283532000000037</c:v>
                </c:pt>
                <c:pt idx="323">
                  <c:v>11.278340000000071</c:v>
                </c:pt>
                <c:pt idx="324">
                  <c:v>11.27014500000007</c:v>
                </c:pt>
                <c:pt idx="325">
                  <c:v>11.377712999999972</c:v>
                </c:pt>
                <c:pt idx="326">
                  <c:v>11.602692000000047</c:v>
                </c:pt>
                <c:pt idx="327">
                  <c:v>11.841302000000042</c:v>
                </c:pt>
                <c:pt idx="328">
                  <c:v>11.774550999999974</c:v>
                </c:pt>
                <c:pt idx="329">
                  <c:v>12.15755200000001</c:v>
                </c:pt>
                <c:pt idx="330">
                  <c:v>12.938901999999985</c:v>
                </c:pt>
                <c:pt idx="331">
                  <c:v>13.854133000000047</c:v>
                </c:pt>
                <c:pt idx="332">
                  <c:v>14.537822000000006</c:v>
                </c:pt>
                <c:pt idx="333">
                  <c:v>14.98232100000007</c:v>
                </c:pt>
                <c:pt idx="334">
                  <c:v>15.36869200000001</c:v>
                </c:pt>
                <c:pt idx="335">
                  <c:v>15.576856000000021</c:v>
                </c:pt>
                <c:pt idx="336">
                  <c:v>15.106798000000026</c:v>
                </c:pt>
                <c:pt idx="337">
                  <c:v>14.492796999999996</c:v>
                </c:pt>
                <c:pt idx="338">
                  <c:v>13.866403999999989</c:v>
                </c:pt>
                <c:pt idx="339">
                  <c:v>13.412944000000039</c:v>
                </c:pt>
                <c:pt idx="340">
                  <c:v>12.535160000000019</c:v>
                </c:pt>
                <c:pt idx="341">
                  <c:v>11.542715000000044</c:v>
                </c:pt>
                <c:pt idx="342">
                  <c:v>10.817736000000082</c:v>
                </c:pt>
                <c:pt idx="343">
                  <c:v>10.564184000000068</c:v>
                </c:pt>
                <c:pt idx="344">
                  <c:v>10.557501999999999</c:v>
                </c:pt>
                <c:pt idx="345">
                  <c:v>10.211404000000016</c:v>
                </c:pt>
                <c:pt idx="346">
                  <c:v>9.3074940000000197</c:v>
                </c:pt>
                <c:pt idx="347">
                  <c:v>9.0048719999999776</c:v>
                </c:pt>
                <c:pt idx="348">
                  <c:v>9.0740420000000768</c:v>
                </c:pt>
                <c:pt idx="349">
                  <c:v>9.6768860000000814</c:v>
                </c:pt>
                <c:pt idx="350">
                  <c:v>10.484815000000026</c:v>
                </c:pt>
                <c:pt idx="351">
                  <c:v>11.092674999999986</c:v>
                </c:pt>
                <c:pt idx="352">
                  <c:v>11.787558999999987</c:v>
                </c:pt>
                <c:pt idx="353">
                  <c:v>12.694346999999993</c:v>
                </c:pt>
                <c:pt idx="354">
                  <c:v>13.380332000000067</c:v>
                </c:pt>
                <c:pt idx="355">
                  <c:v>14.020847000000003</c:v>
                </c:pt>
                <c:pt idx="356">
                  <c:v>14.603756999999973</c:v>
                </c:pt>
                <c:pt idx="357">
                  <c:v>14.886912000000052</c:v>
                </c:pt>
                <c:pt idx="358">
                  <c:v>15.100774999999999</c:v>
                </c:pt>
                <c:pt idx="359">
                  <c:v>15.430829000000017</c:v>
                </c:pt>
                <c:pt idx="360">
                  <c:v>15.25001199999997</c:v>
                </c:pt>
                <c:pt idx="361">
                  <c:v>14.913091000000009</c:v>
                </c:pt>
                <c:pt idx="362">
                  <c:v>14.405017000000043</c:v>
                </c:pt>
                <c:pt idx="363">
                  <c:v>13.538845000000038</c:v>
                </c:pt>
                <c:pt idx="364">
                  <c:v>12.475062999999977</c:v>
                </c:pt>
                <c:pt idx="365">
                  <c:v>11.544019000000048</c:v>
                </c:pt>
                <c:pt idx="366">
                  <c:v>10.729826000000003</c:v>
                </c:pt>
                <c:pt idx="367">
                  <c:v>10.006563000000028</c:v>
                </c:pt>
                <c:pt idx="368">
                  <c:v>9.2967310000000225</c:v>
                </c:pt>
                <c:pt idx="369">
                  <c:v>8.6804759999999987</c:v>
                </c:pt>
                <c:pt idx="370">
                  <c:v>8.6490900000000011</c:v>
                </c:pt>
                <c:pt idx="371">
                  <c:v>9.4112380000000257</c:v>
                </c:pt>
                <c:pt idx="372">
                  <c:v>10.102506000000062</c:v>
                </c:pt>
                <c:pt idx="373">
                  <c:v>10.351819999999975</c:v>
                </c:pt>
                <c:pt idx="374">
                  <c:v>11.329561000000012</c:v>
                </c:pt>
                <c:pt idx="375">
                  <c:v>12.829171999999971</c:v>
                </c:pt>
                <c:pt idx="376">
                  <c:v>14.134026000000063</c:v>
                </c:pt>
                <c:pt idx="377">
                  <c:v>14.951366000000007</c:v>
                </c:pt>
                <c:pt idx="378">
                  <c:v>15.888653999999974</c:v>
                </c:pt>
                <c:pt idx="379">
                  <c:v>17.277293999999983</c:v>
                </c:pt>
                <c:pt idx="380">
                  <c:v>18.319324000000051</c:v>
                </c:pt>
                <c:pt idx="381">
                  <c:v>18.397352000000069</c:v>
                </c:pt>
                <c:pt idx="382">
                  <c:v>17.853760000000079</c:v>
                </c:pt>
                <c:pt idx="383">
                  <c:v>17.562539000000015</c:v>
                </c:pt>
                <c:pt idx="384">
                  <c:v>17.391137000000072</c:v>
                </c:pt>
                <c:pt idx="385">
                  <c:v>16.594460000000026</c:v>
                </c:pt>
                <c:pt idx="386">
                  <c:v>15.235239999999976</c:v>
                </c:pt>
                <c:pt idx="387">
                  <c:v>13.627594000000045</c:v>
                </c:pt>
                <c:pt idx="388">
                  <c:v>12.820336999999995</c:v>
                </c:pt>
                <c:pt idx="389">
                  <c:v>12.448755000000006</c:v>
                </c:pt>
                <c:pt idx="390">
                  <c:v>11.52957600000002</c:v>
                </c:pt>
                <c:pt idx="391">
                  <c:v>10.676073999999971</c:v>
                </c:pt>
                <c:pt idx="392">
                  <c:v>10.648818000000006</c:v>
                </c:pt>
                <c:pt idx="393">
                  <c:v>10.737226000000078</c:v>
                </c:pt>
                <c:pt idx="394">
                  <c:v>10.653491000000031</c:v>
                </c:pt>
                <c:pt idx="395">
                  <c:v>10.636349999999993</c:v>
                </c:pt>
                <c:pt idx="396">
                  <c:v>10.888830999999982</c:v>
                </c:pt>
                <c:pt idx="397">
                  <c:v>11.597362999999973</c:v>
                </c:pt>
                <c:pt idx="398">
                  <c:v>12.188562000000047</c:v>
                </c:pt>
                <c:pt idx="399">
                  <c:v>12.90387099999998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CE2E-46E1-AFE6-21DB396D22B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1.8453193350831145E-2"/>
                  <c:y val="-0.5384321230679498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3s(9)'!$D$3:$D$413</c:f>
              <c:numCache>
                <c:formatCode>General</c:formatCode>
                <c:ptCount val="411"/>
                <c:pt idx="0">
                  <c:v>5.0039999999995644E-3</c:v>
                </c:pt>
                <c:pt idx="1">
                  <c:v>1.0008999999999268E-2</c:v>
                </c:pt>
                <c:pt idx="2">
                  <c:v>1.5013999999999861E-2</c:v>
                </c:pt>
                <c:pt idx="3">
                  <c:v>2.0018999999999565E-2</c:v>
                </c:pt>
                <c:pt idx="4">
                  <c:v>2.5023999999999269E-2</c:v>
                </c:pt>
                <c:pt idx="5">
                  <c:v>3.0027999999999722E-2</c:v>
                </c:pt>
                <c:pt idx="6">
                  <c:v>3.5032999999999426E-2</c:v>
                </c:pt>
                <c:pt idx="7">
                  <c:v>4.003799999999913E-2</c:v>
                </c:pt>
                <c:pt idx="8">
                  <c:v>4.5042999999999722E-2</c:v>
                </c:pt>
                <c:pt idx="9">
                  <c:v>5.0047999999999426E-2</c:v>
                </c:pt>
                <c:pt idx="10">
                  <c:v>5.5051999999999879E-2</c:v>
                </c:pt>
                <c:pt idx="11">
                  <c:v>6.0056999999999583E-2</c:v>
                </c:pt>
                <c:pt idx="12">
                  <c:v>6.5061999999999287E-2</c:v>
                </c:pt>
                <c:pt idx="13">
                  <c:v>7.0066999999999879E-2</c:v>
                </c:pt>
                <c:pt idx="14">
                  <c:v>7.5071999999999584E-2</c:v>
                </c:pt>
                <c:pt idx="15">
                  <c:v>8.0075999999999148E-2</c:v>
                </c:pt>
                <c:pt idx="16">
                  <c:v>8.508099999999974E-2</c:v>
                </c:pt>
                <c:pt idx="17">
                  <c:v>9.0085999999999444E-2</c:v>
                </c:pt>
                <c:pt idx="18">
                  <c:v>9.5090999999999148E-2</c:v>
                </c:pt>
                <c:pt idx="19">
                  <c:v>0.10009599999999974</c:v>
                </c:pt>
                <c:pt idx="20">
                  <c:v>0.10509999999999931</c:v>
                </c:pt>
                <c:pt idx="21">
                  <c:v>0.1101049999999999</c:v>
                </c:pt>
                <c:pt idx="22">
                  <c:v>0.1151099999999996</c:v>
                </c:pt>
                <c:pt idx="23">
                  <c:v>0.12011499999999931</c:v>
                </c:pt>
                <c:pt idx="24">
                  <c:v>0.1251199999999999</c:v>
                </c:pt>
                <c:pt idx="25">
                  <c:v>0.13012399999999946</c:v>
                </c:pt>
                <c:pt idx="26">
                  <c:v>0.13512899999999917</c:v>
                </c:pt>
                <c:pt idx="27">
                  <c:v>0.14013399999999976</c:v>
                </c:pt>
                <c:pt idx="28">
                  <c:v>0.14513899999999946</c:v>
                </c:pt>
                <c:pt idx="29">
                  <c:v>0.15014399999999917</c:v>
                </c:pt>
                <c:pt idx="30">
                  <c:v>0.15514799999999962</c:v>
                </c:pt>
                <c:pt idx="31">
                  <c:v>0.16015299999999932</c:v>
                </c:pt>
                <c:pt idx="32">
                  <c:v>0.16515799999999992</c:v>
                </c:pt>
                <c:pt idx="33">
                  <c:v>0.17016299999999962</c:v>
                </c:pt>
                <c:pt idx="34">
                  <c:v>0.17516799999999932</c:v>
                </c:pt>
                <c:pt idx="35">
                  <c:v>0.18017199999999978</c:v>
                </c:pt>
                <c:pt idx="36">
                  <c:v>0.18517699999999948</c:v>
                </c:pt>
                <c:pt idx="37">
                  <c:v>0.19018199999999919</c:v>
                </c:pt>
                <c:pt idx="38">
                  <c:v>0.19518699999999978</c:v>
                </c:pt>
                <c:pt idx="39">
                  <c:v>0.20019199999999948</c:v>
                </c:pt>
                <c:pt idx="40">
                  <c:v>0.20519599999999993</c:v>
                </c:pt>
                <c:pt idx="41">
                  <c:v>0.21020099999999964</c:v>
                </c:pt>
                <c:pt idx="42">
                  <c:v>0.21520599999999934</c:v>
                </c:pt>
                <c:pt idx="43">
                  <c:v>0.22021099999999993</c:v>
                </c:pt>
                <c:pt idx="44">
                  <c:v>0.22521599999999964</c:v>
                </c:pt>
                <c:pt idx="45">
                  <c:v>0.2302199999999992</c:v>
                </c:pt>
                <c:pt idx="46">
                  <c:v>0.2352249999999998</c:v>
                </c:pt>
                <c:pt idx="47">
                  <c:v>0.2402299999999995</c:v>
                </c:pt>
                <c:pt idx="48">
                  <c:v>0.2452349999999992</c:v>
                </c:pt>
                <c:pt idx="49">
                  <c:v>0.2502399999999998</c:v>
                </c:pt>
                <c:pt idx="50">
                  <c:v>0.25524399999999936</c:v>
                </c:pt>
                <c:pt idx="51">
                  <c:v>0.26024899999999995</c:v>
                </c:pt>
                <c:pt idx="52">
                  <c:v>0.26525399999999966</c:v>
                </c:pt>
                <c:pt idx="53">
                  <c:v>0.27025899999999936</c:v>
                </c:pt>
                <c:pt idx="54">
                  <c:v>0.27526399999999995</c:v>
                </c:pt>
                <c:pt idx="55">
                  <c:v>0.28026799999999952</c:v>
                </c:pt>
                <c:pt idx="56">
                  <c:v>0.28527299999999922</c:v>
                </c:pt>
                <c:pt idx="57">
                  <c:v>0.29027799999999981</c:v>
                </c:pt>
                <c:pt idx="58">
                  <c:v>0.29528299999999952</c:v>
                </c:pt>
                <c:pt idx="59">
                  <c:v>0.30028799999999922</c:v>
                </c:pt>
                <c:pt idx="60">
                  <c:v>0.30529199999999967</c:v>
                </c:pt>
                <c:pt idx="61">
                  <c:v>0.31029699999999938</c:v>
                </c:pt>
                <c:pt idx="62">
                  <c:v>0.31530199999999997</c:v>
                </c:pt>
                <c:pt idx="63">
                  <c:v>0.32030699999999968</c:v>
                </c:pt>
                <c:pt idx="64">
                  <c:v>0.32531199999999938</c:v>
                </c:pt>
                <c:pt idx="65">
                  <c:v>0.33031599999999983</c:v>
                </c:pt>
                <c:pt idx="66">
                  <c:v>0.33532099999999954</c:v>
                </c:pt>
                <c:pt idx="67">
                  <c:v>0.34032599999999924</c:v>
                </c:pt>
                <c:pt idx="68">
                  <c:v>0.34533099999999983</c:v>
                </c:pt>
                <c:pt idx="69">
                  <c:v>0.35033599999999954</c:v>
                </c:pt>
                <c:pt idx="70">
                  <c:v>0.35533999999999999</c:v>
                </c:pt>
                <c:pt idx="71">
                  <c:v>0.36034499999999969</c:v>
                </c:pt>
                <c:pt idx="72">
                  <c:v>0.3653499999999994</c:v>
                </c:pt>
                <c:pt idx="73">
                  <c:v>0.37035499999999999</c:v>
                </c:pt>
                <c:pt idx="74">
                  <c:v>0.37535999999999969</c:v>
                </c:pt>
                <c:pt idx="75">
                  <c:v>0.38036399999999926</c:v>
                </c:pt>
                <c:pt idx="76">
                  <c:v>0.38536899999999985</c:v>
                </c:pt>
                <c:pt idx="77">
                  <c:v>0.39037399999999955</c:v>
                </c:pt>
                <c:pt idx="78">
                  <c:v>0.39537899999999926</c:v>
                </c:pt>
                <c:pt idx="79">
                  <c:v>0.40038399999999985</c:v>
                </c:pt>
                <c:pt idx="80">
                  <c:v>0.40538799999999942</c:v>
                </c:pt>
                <c:pt idx="81">
                  <c:v>0.41039300000000001</c:v>
                </c:pt>
                <c:pt idx="82">
                  <c:v>0.41539799999999971</c:v>
                </c:pt>
                <c:pt idx="83">
                  <c:v>0.42040299999999942</c:v>
                </c:pt>
                <c:pt idx="84">
                  <c:v>0.42540800000000001</c:v>
                </c:pt>
                <c:pt idx="85">
                  <c:v>0.43041199999999957</c:v>
                </c:pt>
                <c:pt idx="86">
                  <c:v>0.43541699999999928</c:v>
                </c:pt>
                <c:pt idx="87">
                  <c:v>0.44042199999999987</c:v>
                </c:pt>
                <c:pt idx="88">
                  <c:v>0.44542699999999957</c:v>
                </c:pt>
                <c:pt idx="89">
                  <c:v>0.45043199999999928</c:v>
                </c:pt>
                <c:pt idx="90">
                  <c:v>0.45543599999999973</c:v>
                </c:pt>
                <c:pt idx="91">
                  <c:v>0.46044099999999943</c:v>
                </c:pt>
                <c:pt idx="92">
                  <c:v>0.46544599999999914</c:v>
                </c:pt>
                <c:pt idx="93">
                  <c:v>0.47045099999999973</c:v>
                </c:pt>
                <c:pt idx="94">
                  <c:v>0.47545599999999943</c:v>
                </c:pt>
                <c:pt idx="95">
                  <c:v>0.48045999999999989</c:v>
                </c:pt>
                <c:pt idx="96">
                  <c:v>0.48546499999999959</c:v>
                </c:pt>
                <c:pt idx="97">
                  <c:v>0.4904699999999993</c:v>
                </c:pt>
                <c:pt idx="98">
                  <c:v>0.49547499999999989</c:v>
                </c:pt>
                <c:pt idx="99">
                  <c:v>0.50047999999999959</c:v>
                </c:pt>
                <c:pt idx="100">
                  <c:v>0.50548399999999916</c:v>
                </c:pt>
                <c:pt idx="101">
                  <c:v>0.51048899999999975</c:v>
                </c:pt>
                <c:pt idx="102">
                  <c:v>0.51549399999999945</c:v>
                </c:pt>
                <c:pt idx="103">
                  <c:v>0.52049899999999916</c:v>
                </c:pt>
                <c:pt idx="104">
                  <c:v>0.52550399999999975</c:v>
                </c:pt>
                <c:pt idx="105">
                  <c:v>0.53050799999999931</c:v>
                </c:pt>
                <c:pt idx="106">
                  <c:v>0.53551299999999991</c:v>
                </c:pt>
                <c:pt idx="107">
                  <c:v>0.54051799999999961</c:v>
                </c:pt>
                <c:pt idx="108">
                  <c:v>0.54552299999999931</c:v>
                </c:pt>
                <c:pt idx="109">
                  <c:v>0.55052799999999991</c:v>
                </c:pt>
                <c:pt idx="110">
                  <c:v>0.55553199999999947</c:v>
                </c:pt>
                <c:pt idx="111">
                  <c:v>0.56053699999999917</c:v>
                </c:pt>
                <c:pt idx="112">
                  <c:v>0.56554199999999977</c:v>
                </c:pt>
                <c:pt idx="113">
                  <c:v>0.57054699999999947</c:v>
                </c:pt>
                <c:pt idx="114">
                  <c:v>0.57555199999999918</c:v>
                </c:pt>
                <c:pt idx="115">
                  <c:v>0.58055599999999963</c:v>
                </c:pt>
                <c:pt idx="116">
                  <c:v>0.58556099999999933</c:v>
                </c:pt>
                <c:pt idx="117">
                  <c:v>0.59056599999999992</c:v>
                </c:pt>
                <c:pt idx="118">
                  <c:v>0.59557099999999963</c:v>
                </c:pt>
                <c:pt idx="119">
                  <c:v>0.60057599999999933</c:v>
                </c:pt>
                <c:pt idx="120">
                  <c:v>0.60557999999999979</c:v>
                </c:pt>
                <c:pt idx="121">
                  <c:v>0.61058499999999949</c:v>
                </c:pt>
                <c:pt idx="122">
                  <c:v>0.61558999999999919</c:v>
                </c:pt>
                <c:pt idx="123">
                  <c:v>0.62059499999999979</c:v>
                </c:pt>
                <c:pt idx="124">
                  <c:v>0.62559999999999949</c:v>
                </c:pt>
                <c:pt idx="125">
                  <c:v>0.63060399999999994</c:v>
                </c:pt>
                <c:pt idx="126">
                  <c:v>0.63560899999999965</c:v>
                </c:pt>
                <c:pt idx="127">
                  <c:v>0.64061399999999935</c:v>
                </c:pt>
                <c:pt idx="128">
                  <c:v>0.64561899999999994</c:v>
                </c:pt>
                <c:pt idx="129">
                  <c:v>0.65062399999999965</c:v>
                </c:pt>
                <c:pt idx="130">
                  <c:v>0.65562799999999921</c:v>
                </c:pt>
                <c:pt idx="131">
                  <c:v>0.6606329999999998</c:v>
                </c:pt>
                <c:pt idx="132">
                  <c:v>0.66563799999999951</c:v>
                </c:pt>
                <c:pt idx="133">
                  <c:v>0.67064299999999921</c:v>
                </c:pt>
                <c:pt idx="134">
                  <c:v>0.6756479999999998</c:v>
                </c:pt>
                <c:pt idx="135">
                  <c:v>0.68065199999999937</c:v>
                </c:pt>
                <c:pt idx="136">
                  <c:v>0.68565699999999996</c:v>
                </c:pt>
                <c:pt idx="137">
                  <c:v>0.69066199999999967</c:v>
                </c:pt>
                <c:pt idx="138">
                  <c:v>0.69566699999999937</c:v>
                </c:pt>
                <c:pt idx="139">
                  <c:v>0.70067199999999996</c:v>
                </c:pt>
                <c:pt idx="140">
                  <c:v>0.70567599999999953</c:v>
                </c:pt>
                <c:pt idx="141">
                  <c:v>0.71068099999999923</c:v>
                </c:pt>
                <c:pt idx="142">
                  <c:v>0.71568599999999982</c:v>
                </c:pt>
                <c:pt idx="143">
                  <c:v>0.72069099999999953</c:v>
                </c:pt>
                <c:pt idx="144">
                  <c:v>0.72569599999999923</c:v>
                </c:pt>
                <c:pt idx="145">
                  <c:v>0.73069999999999879</c:v>
                </c:pt>
                <c:pt idx="146">
                  <c:v>0.73570499999999939</c:v>
                </c:pt>
                <c:pt idx="147">
                  <c:v>0.74070999999999998</c:v>
                </c:pt>
                <c:pt idx="148">
                  <c:v>0.7457149999999988</c:v>
                </c:pt>
                <c:pt idx="149">
                  <c:v>0.75071999999999939</c:v>
                </c:pt>
                <c:pt idx="150">
                  <c:v>0.75572399999999895</c:v>
                </c:pt>
                <c:pt idx="151">
                  <c:v>0.76072899999999954</c:v>
                </c:pt>
                <c:pt idx="152">
                  <c:v>0.76573400000000014</c:v>
                </c:pt>
                <c:pt idx="153">
                  <c:v>0.77073899999999895</c:v>
                </c:pt>
                <c:pt idx="154">
                  <c:v>0.77574399999999955</c:v>
                </c:pt>
                <c:pt idx="155">
                  <c:v>0.78074799999999911</c:v>
                </c:pt>
                <c:pt idx="156">
                  <c:v>0.7857529999999997</c:v>
                </c:pt>
                <c:pt idx="157">
                  <c:v>0.79075800000000029</c:v>
                </c:pt>
                <c:pt idx="158">
                  <c:v>0.79576299999999911</c:v>
                </c:pt>
                <c:pt idx="159">
                  <c:v>0.8007679999999997</c:v>
                </c:pt>
                <c:pt idx="160">
                  <c:v>0.80577199999999927</c:v>
                </c:pt>
                <c:pt idx="161">
                  <c:v>0.81077699999999986</c:v>
                </c:pt>
                <c:pt idx="162">
                  <c:v>0.81578200000000045</c:v>
                </c:pt>
                <c:pt idx="163">
                  <c:v>0.82078699999999927</c:v>
                </c:pt>
                <c:pt idx="164">
                  <c:v>0.82579199999999986</c:v>
                </c:pt>
                <c:pt idx="165">
                  <c:v>0.83079599999999942</c:v>
                </c:pt>
                <c:pt idx="166">
                  <c:v>0.83580100000000002</c:v>
                </c:pt>
                <c:pt idx="167">
                  <c:v>0.84080599999999883</c:v>
                </c:pt>
                <c:pt idx="168">
                  <c:v>0.84581099999999942</c:v>
                </c:pt>
                <c:pt idx="169">
                  <c:v>0.85081600000000002</c:v>
                </c:pt>
                <c:pt idx="170">
                  <c:v>0.85581999999999958</c:v>
                </c:pt>
                <c:pt idx="171">
                  <c:v>0.86082500000000017</c:v>
                </c:pt>
                <c:pt idx="172">
                  <c:v>0.86582999999999899</c:v>
                </c:pt>
                <c:pt idx="173">
                  <c:v>0.87083499999999958</c:v>
                </c:pt>
                <c:pt idx="174">
                  <c:v>0.87584000000000017</c:v>
                </c:pt>
                <c:pt idx="175">
                  <c:v>0.88084399999999974</c:v>
                </c:pt>
                <c:pt idx="176">
                  <c:v>0.88584900000000033</c:v>
                </c:pt>
                <c:pt idx="177">
                  <c:v>0.89085399999999915</c:v>
                </c:pt>
                <c:pt idx="178">
                  <c:v>0.89585899999999974</c:v>
                </c:pt>
                <c:pt idx="179">
                  <c:v>0.90086400000000033</c:v>
                </c:pt>
                <c:pt idx="180">
                  <c:v>0.9058679999999999</c:v>
                </c:pt>
                <c:pt idx="181">
                  <c:v>0.91087299999999871</c:v>
                </c:pt>
                <c:pt idx="182">
                  <c:v>0.9158779999999993</c:v>
                </c:pt>
                <c:pt idx="183">
                  <c:v>0.9208829999999999</c:v>
                </c:pt>
                <c:pt idx="184">
                  <c:v>0.92588799999999871</c:v>
                </c:pt>
                <c:pt idx="185">
                  <c:v>0.93089200000000005</c:v>
                </c:pt>
                <c:pt idx="186">
                  <c:v>0.93589699999999887</c:v>
                </c:pt>
                <c:pt idx="187">
                  <c:v>0.94090199999999946</c:v>
                </c:pt>
                <c:pt idx="188">
                  <c:v>0.94590700000000005</c:v>
                </c:pt>
                <c:pt idx="189">
                  <c:v>0.95091199999999887</c:v>
                </c:pt>
                <c:pt idx="190">
                  <c:v>0.95591600000000021</c:v>
                </c:pt>
                <c:pt idx="191">
                  <c:v>0.96092099999999903</c:v>
                </c:pt>
                <c:pt idx="192">
                  <c:v>0.96592599999999962</c:v>
                </c:pt>
                <c:pt idx="193">
                  <c:v>0.97093100000000021</c:v>
                </c:pt>
                <c:pt idx="194">
                  <c:v>0.97593599999999903</c:v>
                </c:pt>
                <c:pt idx="195">
                  <c:v>0.98094000000000037</c:v>
                </c:pt>
                <c:pt idx="196">
                  <c:v>0.98594499999999918</c:v>
                </c:pt>
                <c:pt idx="197">
                  <c:v>0.99094999999999978</c:v>
                </c:pt>
                <c:pt idx="198">
                  <c:v>0.99595500000000037</c:v>
                </c:pt>
                <c:pt idx="199">
                  <c:v>1.0009599999999992</c:v>
                </c:pt>
                <c:pt idx="200">
                  <c:v>1.0059639999999987</c:v>
                </c:pt>
                <c:pt idx="201">
                  <c:v>1.0109689999999993</c:v>
                </c:pt>
                <c:pt idx="202">
                  <c:v>1.0159739999999999</c:v>
                </c:pt>
                <c:pt idx="203">
                  <c:v>1.0209789999999987</c:v>
                </c:pt>
                <c:pt idx="204">
                  <c:v>1.0259839999999993</c:v>
                </c:pt>
                <c:pt idx="205">
                  <c:v>1.0309879999999989</c:v>
                </c:pt>
                <c:pt idx="206">
                  <c:v>1.0359929999999995</c:v>
                </c:pt>
                <c:pt idx="207">
                  <c:v>1.0409980000000001</c:v>
                </c:pt>
                <c:pt idx="208">
                  <c:v>1.0460029999999989</c:v>
                </c:pt>
                <c:pt idx="209">
                  <c:v>1.0510079999999995</c:v>
                </c:pt>
                <c:pt idx="210">
                  <c:v>1.0560119999999991</c:v>
                </c:pt>
                <c:pt idx="211">
                  <c:v>1.0610169999999997</c:v>
                </c:pt>
                <c:pt idx="212">
                  <c:v>1.0660220000000002</c:v>
                </c:pt>
                <c:pt idx="213">
                  <c:v>1.0710269999999991</c:v>
                </c:pt>
                <c:pt idx="214">
                  <c:v>1.0760319999999997</c:v>
                </c:pt>
                <c:pt idx="215">
                  <c:v>1.0810359999999992</c:v>
                </c:pt>
                <c:pt idx="216">
                  <c:v>1.0860409999999998</c:v>
                </c:pt>
                <c:pt idx="217">
                  <c:v>1.0910460000000004</c:v>
                </c:pt>
                <c:pt idx="218">
                  <c:v>1.0960509999999992</c:v>
                </c:pt>
                <c:pt idx="219">
                  <c:v>1.1010559999999998</c:v>
                </c:pt>
                <c:pt idx="220">
                  <c:v>1.1060599999999994</c:v>
                </c:pt>
                <c:pt idx="221">
                  <c:v>1.111065</c:v>
                </c:pt>
                <c:pt idx="222">
                  <c:v>1.1160699999999988</c:v>
                </c:pt>
                <c:pt idx="223">
                  <c:v>1.1210749999999994</c:v>
                </c:pt>
                <c:pt idx="224">
                  <c:v>1.12608</c:v>
                </c:pt>
                <c:pt idx="225">
                  <c:v>1.1310839999999995</c:v>
                </c:pt>
                <c:pt idx="226">
                  <c:v>1.1360890000000001</c:v>
                </c:pt>
                <c:pt idx="227">
                  <c:v>1.1410939999999989</c:v>
                </c:pt>
                <c:pt idx="228">
                  <c:v>1.1460989999999995</c:v>
                </c:pt>
                <c:pt idx="229">
                  <c:v>1.1511040000000001</c:v>
                </c:pt>
                <c:pt idx="230">
                  <c:v>1.1561079999999997</c:v>
                </c:pt>
                <c:pt idx="231">
                  <c:v>1.1611130000000003</c:v>
                </c:pt>
                <c:pt idx="232">
                  <c:v>1.1661179999999991</c:v>
                </c:pt>
                <c:pt idx="233">
                  <c:v>1.1711229999999997</c:v>
                </c:pt>
                <c:pt idx="234">
                  <c:v>1.1761280000000003</c:v>
                </c:pt>
                <c:pt idx="235">
                  <c:v>1.1811319999999998</c:v>
                </c:pt>
                <c:pt idx="236">
                  <c:v>1.1861370000000004</c:v>
                </c:pt>
                <c:pt idx="237">
                  <c:v>1.1911419999999993</c:v>
                </c:pt>
                <c:pt idx="238">
                  <c:v>1.1961469999999998</c:v>
                </c:pt>
                <c:pt idx="239">
                  <c:v>1.2011520000000004</c:v>
                </c:pt>
                <c:pt idx="240">
                  <c:v>1.206156</c:v>
                </c:pt>
                <c:pt idx="241">
                  <c:v>1.2111609999999988</c:v>
                </c:pt>
                <c:pt idx="242">
                  <c:v>1.2161659999999994</c:v>
                </c:pt>
                <c:pt idx="243">
                  <c:v>1.221171</c:v>
                </c:pt>
                <c:pt idx="244">
                  <c:v>1.2261759999999988</c:v>
                </c:pt>
                <c:pt idx="245">
                  <c:v>1.2311800000000002</c:v>
                </c:pt>
                <c:pt idx="246">
                  <c:v>1.236184999999999</c:v>
                </c:pt>
                <c:pt idx="247">
                  <c:v>1.2411899999999996</c:v>
                </c:pt>
                <c:pt idx="248">
                  <c:v>1.2461950000000002</c:v>
                </c:pt>
                <c:pt idx="249">
                  <c:v>1.251199999999999</c:v>
                </c:pt>
                <c:pt idx="250">
                  <c:v>1.2562040000000003</c:v>
                </c:pt>
                <c:pt idx="251">
                  <c:v>1.2612089999999991</c:v>
                </c:pt>
                <c:pt idx="252">
                  <c:v>1.2662139999999997</c:v>
                </c:pt>
                <c:pt idx="253">
                  <c:v>1.2712190000000003</c:v>
                </c:pt>
                <c:pt idx="254">
                  <c:v>1.2762239999999991</c:v>
                </c:pt>
                <c:pt idx="255">
                  <c:v>1.2812279999999987</c:v>
                </c:pt>
                <c:pt idx="256">
                  <c:v>1.2862329999999993</c:v>
                </c:pt>
                <c:pt idx="257">
                  <c:v>1.2912379999999999</c:v>
                </c:pt>
                <c:pt idx="258">
                  <c:v>1.2962429999999987</c:v>
                </c:pt>
                <c:pt idx="259">
                  <c:v>1.3012479999999993</c:v>
                </c:pt>
                <c:pt idx="260">
                  <c:v>1.3062519999999989</c:v>
                </c:pt>
                <c:pt idx="261">
                  <c:v>1.3112569999999995</c:v>
                </c:pt>
                <c:pt idx="262">
                  <c:v>1.316262</c:v>
                </c:pt>
                <c:pt idx="263">
                  <c:v>1.3212669999999989</c:v>
                </c:pt>
                <c:pt idx="264">
                  <c:v>1.3262719999999995</c:v>
                </c:pt>
                <c:pt idx="265">
                  <c:v>1.331275999999999</c:v>
                </c:pt>
                <c:pt idx="266">
                  <c:v>1.3362809999999996</c:v>
                </c:pt>
                <c:pt idx="267">
                  <c:v>1.3412860000000002</c:v>
                </c:pt>
                <c:pt idx="268">
                  <c:v>1.346290999999999</c:v>
                </c:pt>
                <c:pt idx="269">
                  <c:v>1.3512959999999996</c:v>
                </c:pt>
                <c:pt idx="270">
                  <c:v>1.3562999999999992</c:v>
                </c:pt>
                <c:pt idx="271">
                  <c:v>1.3613049999999998</c:v>
                </c:pt>
                <c:pt idx="272">
                  <c:v>1.3663100000000004</c:v>
                </c:pt>
                <c:pt idx="273">
                  <c:v>1.3713149999999992</c:v>
                </c:pt>
                <c:pt idx="274">
                  <c:v>1.3763199999999998</c:v>
                </c:pt>
                <c:pt idx="275">
                  <c:v>1.3813239999999993</c:v>
                </c:pt>
                <c:pt idx="276">
                  <c:v>1.3863289999999999</c:v>
                </c:pt>
                <c:pt idx="277">
                  <c:v>1.3913339999999987</c:v>
                </c:pt>
                <c:pt idx="278">
                  <c:v>1.3963389999999993</c:v>
                </c:pt>
                <c:pt idx="279">
                  <c:v>1.4013439999999999</c:v>
                </c:pt>
                <c:pt idx="280">
                  <c:v>1.4063479999999995</c:v>
                </c:pt>
                <c:pt idx="281">
                  <c:v>1.4113530000000001</c:v>
                </c:pt>
                <c:pt idx="282">
                  <c:v>1.4163579999999989</c:v>
                </c:pt>
                <c:pt idx="283">
                  <c:v>1.4213629999999995</c:v>
                </c:pt>
                <c:pt idx="284">
                  <c:v>1.4263680000000001</c:v>
                </c:pt>
                <c:pt idx="285">
                  <c:v>1.4313719999999996</c:v>
                </c:pt>
                <c:pt idx="286">
                  <c:v>1.4363770000000002</c:v>
                </c:pt>
                <c:pt idx="287">
                  <c:v>1.4413819999999991</c:v>
                </c:pt>
                <c:pt idx="288">
                  <c:v>1.4463869999999996</c:v>
                </c:pt>
                <c:pt idx="289">
                  <c:v>1.4513920000000002</c:v>
                </c:pt>
                <c:pt idx="290">
                  <c:v>1.4563959999999998</c:v>
                </c:pt>
                <c:pt idx="291">
                  <c:v>1.4614010000000004</c:v>
                </c:pt>
                <c:pt idx="292">
                  <c:v>1.4664059999999992</c:v>
                </c:pt>
                <c:pt idx="293">
                  <c:v>1.4714109999999998</c:v>
                </c:pt>
                <c:pt idx="294">
                  <c:v>1.4764160000000004</c:v>
                </c:pt>
                <c:pt idx="295">
                  <c:v>1.48142</c:v>
                </c:pt>
                <c:pt idx="296">
                  <c:v>1.4864249999999988</c:v>
                </c:pt>
                <c:pt idx="297">
                  <c:v>1.4914299999999994</c:v>
                </c:pt>
                <c:pt idx="298">
                  <c:v>1.496435</c:v>
                </c:pt>
                <c:pt idx="299">
                  <c:v>1.5014399999999988</c:v>
                </c:pt>
                <c:pt idx="300">
                  <c:v>1.5064440000000001</c:v>
                </c:pt>
                <c:pt idx="301">
                  <c:v>1.5114489999999989</c:v>
                </c:pt>
                <c:pt idx="302">
                  <c:v>1.5164539999999995</c:v>
                </c:pt>
                <c:pt idx="303">
                  <c:v>1.5214590000000001</c:v>
                </c:pt>
                <c:pt idx="304">
                  <c:v>1.5264639999999989</c:v>
                </c:pt>
                <c:pt idx="305">
                  <c:v>1.5314680000000003</c:v>
                </c:pt>
                <c:pt idx="306">
                  <c:v>1.5364729999999991</c:v>
                </c:pt>
                <c:pt idx="307">
                  <c:v>1.5414779999999997</c:v>
                </c:pt>
                <c:pt idx="308">
                  <c:v>1.5464830000000003</c:v>
                </c:pt>
                <c:pt idx="309">
                  <c:v>1.5514879999999991</c:v>
                </c:pt>
                <c:pt idx="310">
                  <c:v>1.5564920000000004</c:v>
                </c:pt>
                <c:pt idx="311">
                  <c:v>1.5614969999999992</c:v>
                </c:pt>
                <c:pt idx="312">
                  <c:v>1.5665019999999998</c:v>
                </c:pt>
                <c:pt idx="313">
                  <c:v>1.5715070000000004</c:v>
                </c:pt>
                <c:pt idx="314">
                  <c:v>1.5765119999999992</c:v>
                </c:pt>
                <c:pt idx="315">
                  <c:v>1.5815159999999988</c:v>
                </c:pt>
                <c:pt idx="316">
                  <c:v>1.5865209999999994</c:v>
                </c:pt>
                <c:pt idx="317">
                  <c:v>1.591526</c:v>
                </c:pt>
                <c:pt idx="318">
                  <c:v>1.5965309999999988</c:v>
                </c:pt>
                <c:pt idx="319">
                  <c:v>1.6015359999999994</c:v>
                </c:pt>
                <c:pt idx="320">
                  <c:v>1.606539999999999</c:v>
                </c:pt>
                <c:pt idx="321">
                  <c:v>1.6115449999999996</c:v>
                </c:pt>
                <c:pt idx="322">
                  <c:v>1.6165500000000002</c:v>
                </c:pt>
                <c:pt idx="323">
                  <c:v>1.621554999999999</c:v>
                </c:pt>
                <c:pt idx="324">
                  <c:v>1.6265599999999996</c:v>
                </c:pt>
                <c:pt idx="325">
                  <c:v>1.6315639999999991</c:v>
                </c:pt>
                <c:pt idx="326">
                  <c:v>1.6365689999999997</c:v>
                </c:pt>
                <c:pt idx="327">
                  <c:v>1.6415740000000003</c:v>
                </c:pt>
                <c:pt idx="328">
                  <c:v>1.6465789999999991</c:v>
                </c:pt>
                <c:pt idx="329">
                  <c:v>1.6515839999999997</c:v>
                </c:pt>
                <c:pt idx="330">
                  <c:v>1.6565879999999993</c:v>
                </c:pt>
                <c:pt idx="331">
                  <c:v>1.6615929999999999</c:v>
                </c:pt>
                <c:pt idx="332">
                  <c:v>1.6665979999999987</c:v>
                </c:pt>
                <c:pt idx="333">
                  <c:v>1.6716029999999993</c:v>
                </c:pt>
                <c:pt idx="334">
                  <c:v>1.6766079999999999</c:v>
                </c:pt>
                <c:pt idx="335">
                  <c:v>1.6816119999999994</c:v>
                </c:pt>
                <c:pt idx="336">
                  <c:v>1.686617</c:v>
                </c:pt>
                <c:pt idx="337">
                  <c:v>1.6916219999999988</c:v>
                </c:pt>
                <c:pt idx="338">
                  <c:v>1.6966269999999994</c:v>
                </c:pt>
                <c:pt idx="339">
                  <c:v>1.701632</c:v>
                </c:pt>
                <c:pt idx="340">
                  <c:v>1.7066359999999996</c:v>
                </c:pt>
                <c:pt idx="341">
                  <c:v>1.7116410000000002</c:v>
                </c:pt>
                <c:pt idx="342">
                  <c:v>1.716645999999999</c:v>
                </c:pt>
                <c:pt idx="343">
                  <c:v>1.7216509999999996</c:v>
                </c:pt>
                <c:pt idx="344">
                  <c:v>1.7266560000000002</c:v>
                </c:pt>
                <c:pt idx="345">
                  <c:v>1.7316599999999998</c:v>
                </c:pt>
                <c:pt idx="346">
                  <c:v>1.7366650000000003</c:v>
                </c:pt>
                <c:pt idx="347">
                  <c:v>1.7416699999999992</c:v>
                </c:pt>
                <c:pt idx="348">
                  <c:v>1.7466749999999998</c:v>
                </c:pt>
                <c:pt idx="349">
                  <c:v>1.7516800000000003</c:v>
                </c:pt>
                <c:pt idx="350">
                  <c:v>1.7566839999999999</c:v>
                </c:pt>
                <c:pt idx="351">
                  <c:v>1.7616889999999987</c:v>
                </c:pt>
                <c:pt idx="352">
                  <c:v>1.7666939999999993</c:v>
                </c:pt>
                <c:pt idx="353">
                  <c:v>1.7716989999999999</c:v>
                </c:pt>
                <c:pt idx="354">
                  <c:v>1.7767039999999987</c:v>
                </c:pt>
                <c:pt idx="355">
                  <c:v>1.7817080000000001</c:v>
                </c:pt>
                <c:pt idx="356">
                  <c:v>1.7867129999999989</c:v>
                </c:pt>
                <c:pt idx="357">
                  <c:v>1.7917179999999995</c:v>
                </c:pt>
                <c:pt idx="358">
                  <c:v>1.7967230000000001</c:v>
                </c:pt>
                <c:pt idx="359">
                  <c:v>1.8017279999999989</c:v>
                </c:pt>
                <c:pt idx="360">
                  <c:v>1.8067320000000002</c:v>
                </c:pt>
                <c:pt idx="361">
                  <c:v>1.811736999999999</c:v>
                </c:pt>
                <c:pt idx="362">
                  <c:v>1.8167419999999996</c:v>
                </c:pt>
                <c:pt idx="363">
                  <c:v>1.8217470000000002</c:v>
                </c:pt>
                <c:pt idx="364">
                  <c:v>1.826751999999999</c:v>
                </c:pt>
                <c:pt idx="365">
                  <c:v>1.8317560000000004</c:v>
                </c:pt>
                <c:pt idx="366">
                  <c:v>1.8367609999999992</c:v>
                </c:pt>
                <c:pt idx="367">
                  <c:v>1.8417659999999998</c:v>
                </c:pt>
                <c:pt idx="368">
                  <c:v>1.8467710000000004</c:v>
                </c:pt>
                <c:pt idx="369">
                  <c:v>1.8517759999999992</c:v>
                </c:pt>
                <c:pt idx="370">
                  <c:v>1.8567799999999988</c:v>
                </c:pt>
                <c:pt idx="371">
                  <c:v>1.8617849999999994</c:v>
                </c:pt>
                <c:pt idx="372">
                  <c:v>1.8667899999999999</c:v>
                </c:pt>
                <c:pt idx="373">
                  <c:v>1.8717949999999988</c:v>
                </c:pt>
                <c:pt idx="374">
                  <c:v>1.8767999999999994</c:v>
                </c:pt>
                <c:pt idx="375">
                  <c:v>1.8818039999999989</c:v>
                </c:pt>
                <c:pt idx="376">
                  <c:v>1.8868089999999995</c:v>
                </c:pt>
                <c:pt idx="377">
                  <c:v>1.8918140000000001</c:v>
                </c:pt>
                <c:pt idx="378">
                  <c:v>1.8968189999999989</c:v>
                </c:pt>
                <c:pt idx="379">
                  <c:v>1.9018239999999995</c:v>
                </c:pt>
                <c:pt idx="380">
                  <c:v>1.9068279999999991</c:v>
                </c:pt>
                <c:pt idx="381">
                  <c:v>1.9118329999999997</c:v>
                </c:pt>
                <c:pt idx="382">
                  <c:v>1.9168380000000003</c:v>
                </c:pt>
                <c:pt idx="383">
                  <c:v>1.9218429999999991</c:v>
                </c:pt>
                <c:pt idx="384">
                  <c:v>1.9268479999999997</c:v>
                </c:pt>
                <c:pt idx="385">
                  <c:v>1.9318519999999992</c:v>
                </c:pt>
                <c:pt idx="386">
                  <c:v>1.9368569999999998</c:v>
                </c:pt>
                <c:pt idx="387">
                  <c:v>1.9418620000000004</c:v>
                </c:pt>
                <c:pt idx="388">
                  <c:v>1.9468669999999992</c:v>
                </c:pt>
                <c:pt idx="389">
                  <c:v>1.9518719999999998</c:v>
                </c:pt>
                <c:pt idx="390">
                  <c:v>1.9568759999999994</c:v>
                </c:pt>
                <c:pt idx="391">
                  <c:v>1.961881</c:v>
                </c:pt>
                <c:pt idx="392">
                  <c:v>1.9668859999999988</c:v>
                </c:pt>
                <c:pt idx="393">
                  <c:v>1.9718909999999994</c:v>
                </c:pt>
                <c:pt idx="394">
                  <c:v>1.976896</c:v>
                </c:pt>
                <c:pt idx="395">
                  <c:v>1.9818999999999996</c:v>
                </c:pt>
                <c:pt idx="396">
                  <c:v>1.9869050000000001</c:v>
                </c:pt>
                <c:pt idx="397">
                  <c:v>1.991909999999999</c:v>
                </c:pt>
                <c:pt idx="398">
                  <c:v>1.9969149999999996</c:v>
                </c:pt>
              </c:numCache>
            </c:numRef>
          </c:xVal>
          <c:yVal>
            <c:numRef>
              <c:f>'Mono-1200-3s(9)'!$F$3:$F$413</c:f>
              <c:numCache>
                <c:formatCode>General</c:formatCode>
                <c:ptCount val="411"/>
                <c:pt idx="0">
                  <c:v>0.27036932366370353</c:v>
                </c:pt>
                <c:pt idx="1">
                  <c:v>0.24821499486739915</c:v>
                </c:pt>
                <c:pt idx="2">
                  <c:v>0.19824057703798301</c:v>
                </c:pt>
                <c:pt idx="3">
                  <c:v>0.20302683779202932</c:v>
                </c:pt>
                <c:pt idx="4">
                  <c:v>0.23643423747990067</c:v>
                </c:pt>
                <c:pt idx="5">
                  <c:v>0.243231528440087</c:v>
                </c:pt>
                <c:pt idx="6">
                  <c:v>0.22838364877818282</c:v>
                </c:pt>
                <c:pt idx="7">
                  <c:v>0.21758774097110375</c:v>
                </c:pt>
                <c:pt idx="8">
                  <c:v>0.20627385954748823</c:v>
                </c:pt>
                <c:pt idx="9">
                  <c:v>0.18598132998071037</c:v>
                </c:pt>
                <c:pt idx="10">
                  <c:v>0.15338452001652822</c:v>
                </c:pt>
                <c:pt idx="11">
                  <c:v>0.12462148039664421</c:v>
                </c:pt>
                <c:pt idx="12">
                  <c:v>0.10759249463408208</c:v>
                </c:pt>
                <c:pt idx="13">
                  <c:v>9.2148671548778316E-2</c:v>
                </c:pt>
                <c:pt idx="14">
                  <c:v>6.8697935769355026E-2</c:v>
                </c:pt>
                <c:pt idx="15">
                  <c:v>5.3135231225965127E-2</c:v>
                </c:pt>
                <c:pt idx="16">
                  <c:v>5.7030526768171524E-2</c:v>
                </c:pt>
                <c:pt idx="17">
                  <c:v>5.6394963752301394E-2</c:v>
                </c:pt>
                <c:pt idx="18">
                  <c:v>5.0967495819854179E-2</c:v>
                </c:pt>
                <c:pt idx="19">
                  <c:v>5.0539884238825987E-2</c:v>
                </c:pt>
                <c:pt idx="20">
                  <c:v>4.7916247088569307E-2</c:v>
                </c:pt>
                <c:pt idx="21">
                  <c:v>5.7061028153035452E-2</c:v>
                </c:pt>
                <c:pt idx="22">
                  <c:v>5.7367116176222893E-2</c:v>
                </c:pt>
                <c:pt idx="23">
                  <c:v>6.2150962785536341E-2</c:v>
                </c:pt>
                <c:pt idx="24">
                  <c:v>6.8237974689786318E-2</c:v>
                </c:pt>
                <c:pt idx="25">
                  <c:v>7.4746284570138474E-2</c:v>
                </c:pt>
                <c:pt idx="26">
                  <c:v>7.5416716826517863E-2</c:v>
                </c:pt>
                <c:pt idx="27">
                  <c:v>7.3677357997384785E-2</c:v>
                </c:pt>
                <c:pt idx="28">
                  <c:v>7.2081451032394925E-2</c:v>
                </c:pt>
                <c:pt idx="29">
                  <c:v>7.0510268626176847E-2</c:v>
                </c:pt>
                <c:pt idx="30">
                  <c:v>6.479810596646364E-2</c:v>
                </c:pt>
                <c:pt idx="31">
                  <c:v>5.9632450349640979E-2</c:v>
                </c:pt>
                <c:pt idx="32">
                  <c:v>5.6251058873881536E-2</c:v>
                </c:pt>
                <c:pt idx="33">
                  <c:v>5.3234760384916688E-2</c:v>
                </c:pt>
                <c:pt idx="34">
                  <c:v>4.7163718389515878E-2</c:v>
                </c:pt>
                <c:pt idx="35">
                  <c:v>4.2177514287974269E-2</c:v>
                </c:pt>
                <c:pt idx="36">
                  <c:v>3.8814752298871477E-2</c:v>
                </c:pt>
                <c:pt idx="37">
                  <c:v>3.6848865134968413E-2</c:v>
                </c:pt>
                <c:pt idx="38">
                  <c:v>3.5754353232983101E-2</c:v>
                </c:pt>
                <c:pt idx="39">
                  <c:v>3.7502864293033865E-2</c:v>
                </c:pt>
                <c:pt idx="40">
                  <c:v>4.0342716954516127E-2</c:v>
                </c:pt>
                <c:pt idx="41">
                  <c:v>4.2435385309764539E-2</c:v>
                </c:pt>
                <c:pt idx="42">
                  <c:v>4.4348143043899099E-2</c:v>
                </c:pt>
                <c:pt idx="43">
                  <c:v>4.7818087946625745E-2</c:v>
                </c:pt>
                <c:pt idx="44">
                  <c:v>5.1788822173223656E-2</c:v>
                </c:pt>
                <c:pt idx="45">
                  <c:v>5.3394935152006044E-2</c:v>
                </c:pt>
                <c:pt idx="46">
                  <c:v>5.498115342159865E-2</c:v>
                </c:pt>
                <c:pt idx="47">
                  <c:v>5.591010095764367E-2</c:v>
                </c:pt>
                <c:pt idx="48">
                  <c:v>5.5061179082613987E-2</c:v>
                </c:pt>
                <c:pt idx="49">
                  <c:v>5.0890772807120357E-2</c:v>
                </c:pt>
                <c:pt idx="50">
                  <c:v>4.5899190332707791E-2</c:v>
                </c:pt>
                <c:pt idx="51">
                  <c:v>4.0143322345130746E-2</c:v>
                </c:pt>
                <c:pt idx="52">
                  <c:v>3.7600689686147687E-2</c:v>
                </c:pt>
                <c:pt idx="53">
                  <c:v>3.4926199075829265E-2</c:v>
                </c:pt>
                <c:pt idx="54">
                  <c:v>3.3503706948799943E-2</c:v>
                </c:pt>
                <c:pt idx="55">
                  <c:v>3.3833423709344161E-2</c:v>
                </c:pt>
                <c:pt idx="56">
                  <c:v>3.4562488070781397E-2</c:v>
                </c:pt>
                <c:pt idx="57">
                  <c:v>3.2636979502885001E-2</c:v>
                </c:pt>
                <c:pt idx="58">
                  <c:v>3.1252305485531338E-2</c:v>
                </c:pt>
                <c:pt idx="59">
                  <c:v>3.2582487430872442E-2</c:v>
                </c:pt>
                <c:pt idx="60">
                  <c:v>3.5095634307566272E-2</c:v>
                </c:pt>
                <c:pt idx="61">
                  <c:v>3.5495532955553695E-2</c:v>
                </c:pt>
                <c:pt idx="62">
                  <c:v>3.5782277647631242E-2</c:v>
                </c:pt>
                <c:pt idx="63">
                  <c:v>3.6598520883750672E-2</c:v>
                </c:pt>
                <c:pt idx="64">
                  <c:v>3.7611228124571197E-2</c:v>
                </c:pt>
                <c:pt idx="65">
                  <c:v>4.017594367860982E-2</c:v>
                </c:pt>
                <c:pt idx="66">
                  <c:v>4.1032661644578389E-2</c:v>
                </c:pt>
                <c:pt idx="67">
                  <c:v>3.9847408434616073E-2</c:v>
                </c:pt>
                <c:pt idx="68">
                  <c:v>3.9614745182599012E-2</c:v>
                </c:pt>
                <c:pt idx="69">
                  <c:v>3.9116009867323352E-2</c:v>
                </c:pt>
                <c:pt idx="70">
                  <c:v>3.7803418479511061E-2</c:v>
                </c:pt>
                <c:pt idx="71">
                  <c:v>3.5622120948036406E-2</c:v>
                </c:pt>
                <c:pt idx="72">
                  <c:v>3.4421770020420586E-2</c:v>
                </c:pt>
                <c:pt idx="73">
                  <c:v>3.2541266637970509E-2</c:v>
                </c:pt>
                <c:pt idx="74">
                  <c:v>2.8966871182434024E-2</c:v>
                </c:pt>
                <c:pt idx="75">
                  <c:v>2.7071573185762792E-2</c:v>
                </c:pt>
                <c:pt idx="76">
                  <c:v>2.6662244765491519E-2</c:v>
                </c:pt>
                <c:pt idx="77">
                  <c:v>2.6184496588406957E-2</c:v>
                </c:pt>
                <c:pt idx="78">
                  <c:v>2.5944012312059207E-2</c:v>
                </c:pt>
                <c:pt idx="79">
                  <c:v>2.7345580707479201E-2</c:v>
                </c:pt>
                <c:pt idx="80">
                  <c:v>2.9976382295590361E-2</c:v>
                </c:pt>
                <c:pt idx="81">
                  <c:v>3.2309344383632463E-2</c:v>
                </c:pt>
                <c:pt idx="82">
                  <c:v>3.3892656305042894E-2</c:v>
                </c:pt>
                <c:pt idx="83">
                  <c:v>3.3415338144384903E-2</c:v>
                </c:pt>
                <c:pt idx="84">
                  <c:v>3.4193915694526941E-2</c:v>
                </c:pt>
                <c:pt idx="85">
                  <c:v>3.5693892828776462E-2</c:v>
                </c:pt>
                <c:pt idx="86">
                  <c:v>3.5192283218596472E-2</c:v>
                </c:pt>
                <c:pt idx="87">
                  <c:v>3.5758722346148818E-2</c:v>
                </c:pt>
                <c:pt idx="88">
                  <c:v>3.7300300571750766E-2</c:v>
                </c:pt>
                <c:pt idx="89">
                  <c:v>3.6431189367728885E-2</c:v>
                </c:pt>
                <c:pt idx="90">
                  <c:v>3.469785474744029E-2</c:v>
                </c:pt>
                <c:pt idx="91">
                  <c:v>3.1909807952728506E-2</c:v>
                </c:pt>
                <c:pt idx="92">
                  <c:v>3.0295122787994823E-2</c:v>
                </c:pt>
                <c:pt idx="93">
                  <c:v>2.9077851172539904E-2</c:v>
                </c:pt>
                <c:pt idx="94">
                  <c:v>2.722576071555172E-2</c:v>
                </c:pt>
                <c:pt idx="95">
                  <c:v>2.4023614069550541E-2</c:v>
                </c:pt>
                <c:pt idx="96">
                  <c:v>2.1464938602249312E-2</c:v>
                </c:pt>
                <c:pt idx="97">
                  <c:v>2.0440603828905508E-2</c:v>
                </c:pt>
                <c:pt idx="98">
                  <c:v>1.9589662849771948E-2</c:v>
                </c:pt>
                <c:pt idx="99">
                  <c:v>1.9070079725369997E-2</c:v>
                </c:pt>
                <c:pt idx="100">
                  <c:v>1.8671701434028218E-2</c:v>
                </c:pt>
                <c:pt idx="101">
                  <c:v>1.9340216746708504E-2</c:v>
                </c:pt>
                <c:pt idx="102">
                  <c:v>2.019192232366945E-2</c:v>
                </c:pt>
                <c:pt idx="103">
                  <c:v>1.9483540146064536E-2</c:v>
                </c:pt>
                <c:pt idx="104">
                  <c:v>2.0489609268811371E-2</c:v>
                </c:pt>
                <c:pt idx="105">
                  <c:v>2.3231635858002555E-2</c:v>
                </c:pt>
                <c:pt idx="106">
                  <c:v>2.5280974666840889E-2</c:v>
                </c:pt>
                <c:pt idx="107">
                  <c:v>2.548057310603289E-2</c:v>
                </c:pt>
                <c:pt idx="108">
                  <c:v>2.5585487396436034E-2</c:v>
                </c:pt>
                <c:pt idx="109">
                  <c:v>2.7055769410386787E-2</c:v>
                </c:pt>
                <c:pt idx="110">
                  <c:v>2.7618154795170127E-2</c:v>
                </c:pt>
                <c:pt idx="111">
                  <c:v>2.6860833761160274E-2</c:v>
                </c:pt>
                <c:pt idx="112">
                  <c:v>2.6264605555833362E-2</c:v>
                </c:pt>
                <c:pt idx="113">
                  <c:v>2.6292658351796588E-2</c:v>
                </c:pt>
                <c:pt idx="114">
                  <c:v>2.6033654171698669E-2</c:v>
                </c:pt>
                <c:pt idx="115">
                  <c:v>2.384033229275196E-2</c:v>
                </c:pt>
                <c:pt idx="116">
                  <c:v>2.134651266785037E-2</c:v>
                </c:pt>
                <c:pt idx="117">
                  <c:v>2.0758196013531089E-2</c:v>
                </c:pt>
                <c:pt idx="118">
                  <c:v>2.0341920135049422E-2</c:v>
                </c:pt>
                <c:pt idx="119">
                  <c:v>1.9137083438494566E-2</c:v>
                </c:pt>
                <c:pt idx="120">
                  <c:v>1.7533654688771501E-2</c:v>
                </c:pt>
                <c:pt idx="121">
                  <c:v>1.7297560471951294E-2</c:v>
                </c:pt>
                <c:pt idx="122">
                  <c:v>1.9993234086606176E-2</c:v>
                </c:pt>
                <c:pt idx="123">
                  <c:v>2.0169058276455001E-2</c:v>
                </c:pt>
                <c:pt idx="124">
                  <c:v>2.1583077266326911E-2</c:v>
                </c:pt>
                <c:pt idx="125">
                  <c:v>2.1453298368804143E-2</c:v>
                </c:pt>
                <c:pt idx="126">
                  <c:v>2.2680941730760761E-2</c:v>
                </c:pt>
                <c:pt idx="127">
                  <c:v>2.3903594902220011E-2</c:v>
                </c:pt>
                <c:pt idx="128">
                  <c:v>2.306815874259497E-2</c:v>
                </c:pt>
                <c:pt idx="129">
                  <c:v>2.4857532571576153E-2</c:v>
                </c:pt>
                <c:pt idx="130">
                  <c:v>2.8340017845691696E-2</c:v>
                </c:pt>
                <c:pt idx="131">
                  <c:v>2.8041524782045642E-2</c:v>
                </c:pt>
                <c:pt idx="132">
                  <c:v>2.5985367652552292E-2</c:v>
                </c:pt>
                <c:pt idx="133">
                  <c:v>2.5446378422679397E-2</c:v>
                </c:pt>
                <c:pt idx="134">
                  <c:v>2.5291419683524673E-2</c:v>
                </c:pt>
                <c:pt idx="135">
                  <c:v>2.4806160309315005E-2</c:v>
                </c:pt>
                <c:pt idx="136">
                  <c:v>2.3994723319419837E-2</c:v>
                </c:pt>
                <c:pt idx="137">
                  <c:v>2.3488028295646775E-2</c:v>
                </c:pt>
                <c:pt idx="138">
                  <c:v>2.5798487116642663E-2</c:v>
                </c:pt>
                <c:pt idx="139">
                  <c:v>2.483967575799105E-2</c:v>
                </c:pt>
                <c:pt idx="140">
                  <c:v>2.2181102593998039E-2</c:v>
                </c:pt>
                <c:pt idx="141">
                  <c:v>2.0685755767836364E-2</c:v>
                </c:pt>
                <c:pt idx="142">
                  <c:v>1.960345979277411E-2</c:v>
                </c:pt>
                <c:pt idx="143">
                  <c:v>1.9153241269000761E-2</c:v>
                </c:pt>
                <c:pt idx="144">
                  <c:v>1.8107207115136349E-2</c:v>
                </c:pt>
                <c:pt idx="145">
                  <c:v>1.7305958386924909E-2</c:v>
                </c:pt>
                <c:pt idx="146">
                  <c:v>1.6482910621007166E-2</c:v>
                </c:pt>
                <c:pt idx="147">
                  <c:v>1.6256474899324719E-2</c:v>
                </c:pt>
                <c:pt idx="148">
                  <c:v>1.5595870742211448E-2</c:v>
                </c:pt>
                <c:pt idx="149">
                  <c:v>1.596022622713747E-2</c:v>
                </c:pt>
                <c:pt idx="150">
                  <c:v>1.5953475124104815E-2</c:v>
                </c:pt>
                <c:pt idx="151">
                  <c:v>1.6381283732146753E-2</c:v>
                </c:pt>
                <c:pt idx="152">
                  <c:v>1.6386233469986345E-2</c:v>
                </c:pt>
                <c:pt idx="153">
                  <c:v>1.8219648656176181E-2</c:v>
                </c:pt>
                <c:pt idx="154">
                  <c:v>2.0105873379763252E-2</c:v>
                </c:pt>
                <c:pt idx="155">
                  <c:v>2.0452200011394837E-2</c:v>
                </c:pt>
                <c:pt idx="156">
                  <c:v>2.0573615465240627E-2</c:v>
                </c:pt>
                <c:pt idx="157">
                  <c:v>2.1766709999787356E-2</c:v>
                </c:pt>
                <c:pt idx="158">
                  <c:v>2.297961973452119E-2</c:v>
                </c:pt>
                <c:pt idx="159">
                  <c:v>2.4273817578118969E-2</c:v>
                </c:pt>
                <c:pt idx="160">
                  <c:v>2.7127017733916858E-2</c:v>
                </c:pt>
                <c:pt idx="161">
                  <c:v>2.8967197013801994E-2</c:v>
                </c:pt>
                <c:pt idx="162">
                  <c:v>3.0098680747517051E-2</c:v>
                </c:pt>
                <c:pt idx="163">
                  <c:v>2.8441085403611094E-2</c:v>
                </c:pt>
                <c:pt idx="164">
                  <c:v>2.5447082882153915E-2</c:v>
                </c:pt>
                <c:pt idx="165">
                  <c:v>2.3067694639907543E-2</c:v>
                </c:pt>
                <c:pt idx="166">
                  <c:v>2.1705695124967561E-2</c:v>
                </c:pt>
                <c:pt idx="167">
                  <c:v>2.0466516658527074E-2</c:v>
                </c:pt>
                <c:pt idx="168">
                  <c:v>1.9402817957018904E-2</c:v>
                </c:pt>
                <c:pt idx="169">
                  <c:v>2.0867279217079392E-2</c:v>
                </c:pt>
                <c:pt idx="170">
                  <c:v>2.0486268150147431E-2</c:v>
                </c:pt>
                <c:pt idx="171">
                  <c:v>1.9255804822586323E-2</c:v>
                </c:pt>
                <c:pt idx="172">
                  <c:v>1.8075518425436289E-2</c:v>
                </c:pt>
                <c:pt idx="173">
                  <c:v>1.6543831041852305E-2</c:v>
                </c:pt>
                <c:pt idx="174">
                  <c:v>1.5643973352684689E-2</c:v>
                </c:pt>
                <c:pt idx="175">
                  <c:v>1.5389546000519266E-2</c:v>
                </c:pt>
                <c:pt idx="176">
                  <c:v>1.5184999879929767E-2</c:v>
                </c:pt>
                <c:pt idx="177">
                  <c:v>1.4911498653311615E-2</c:v>
                </c:pt>
                <c:pt idx="178">
                  <c:v>1.4883226327130367E-2</c:v>
                </c:pt>
                <c:pt idx="179">
                  <c:v>1.5000177193241485E-2</c:v>
                </c:pt>
                <c:pt idx="180">
                  <c:v>1.5612822106756827E-2</c:v>
                </c:pt>
                <c:pt idx="181">
                  <c:v>1.6063749778037994E-2</c:v>
                </c:pt>
                <c:pt idx="182">
                  <c:v>1.675868084170971E-2</c:v>
                </c:pt>
                <c:pt idx="183">
                  <c:v>1.8290186305261125E-2</c:v>
                </c:pt>
                <c:pt idx="184">
                  <c:v>1.9277591832398893E-2</c:v>
                </c:pt>
                <c:pt idx="185">
                  <c:v>1.9897725158191489E-2</c:v>
                </c:pt>
                <c:pt idx="186">
                  <c:v>2.1366187180334433E-2</c:v>
                </c:pt>
                <c:pt idx="187">
                  <c:v>2.2797422571821088E-2</c:v>
                </c:pt>
                <c:pt idx="188">
                  <c:v>2.3800905524693248E-2</c:v>
                </c:pt>
                <c:pt idx="189">
                  <c:v>2.4757961967016566E-2</c:v>
                </c:pt>
                <c:pt idx="190">
                  <c:v>2.5259437467200073E-2</c:v>
                </c:pt>
                <c:pt idx="191">
                  <c:v>2.5194392307139803E-2</c:v>
                </c:pt>
                <c:pt idx="192">
                  <c:v>2.4816373751883565E-2</c:v>
                </c:pt>
                <c:pt idx="193">
                  <c:v>2.379683469793098E-2</c:v>
                </c:pt>
                <c:pt idx="194">
                  <c:v>2.3031925574262129E-2</c:v>
                </c:pt>
                <c:pt idx="195">
                  <c:v>2.2456958480948547E-2</c:v>
                </c:pt>
                <c:pt idx="196">
                  <c:v>2.1171001850270828E-2</c:v>
                </c:pt>
                <c:pt idx="197">
                  <c:v>1.9156432020309987E-2</c:v>
                </c:pt>
                <c:pt idx="198">
                  <c:v>1.7002121000527309E-2</c:v>
                </c:pt>
                <c:pt idx="199">
                  <c:v>1.4978789207556608E-2</c:v>
                </c:pt>
                <c:pt idx="200">
                  <c:v>1.3730749584730192E-2</c:v>
                </c:pt>
                <c:pt idx="201">
                  <c:v>1.2714661326063621E-2</c:v>
                </c:pt>
                <c:pt idx="202">
                  <c:v>1.1803277110479963E-2</c:v>
                </c:pt>
                <c:pt idx="203">
                  <c:v>1.1943313963170886E-2</c:v>
                </c:pt>
                <c:pt idx="204">
                  <c:v>1.2549611017798154E-2</c:v>
                </c:pt>
                <c:pt idx="205">
                  <c:v>1.2999308664917813E-2</c:v>
                </c:pt>
                <c:pt idx="206">
                  <c:v>1.4218393451970948E-2</c:v>
                </c:pt>
                <c:pt idx="207">
                  <c:v>1.6280833834713643E-2</c:v>
                </c:pt>
                <c:pt idx="208">
                  <c:v>1.9030164905052195E-2</c:v>
                </c:pt>
                <c:pt idx="209">
                  <c:v>2.043539060100294E-2</c:v>
                </c:pt>
                <c:pt idx="210">
                  <c:v>2.1589753912242018E-2</c:v>
                </c:pt>
                <c:pt idx="211">
                  <c:v>2.2972475041112637E-2</c:v>
                </c:pt>
                <c:pt idx="212">
                  <c:v>2.4724435201375579E-2</c:v>
                </c:pt>
                <c:pt idx="213">
                  <c:v>2.5238711783539373E-2</c:v>
                </c:pt>
                <c:pt idx="214">
                  <c:v>2.5190299678382828E-2</c:v>
                </c:pt>
                <c:pt idx="215">
                  <c:v>2.521942188271932E-2</c:v>
                </c:pt>
                <c:pt idx="216">
                  <c:v>2.5231162964158619E-2</c:v>
                </c:pt>
                <c:pt idx="217">
                  <c:v>2.4074798820982863E-2</c:v>
                </c:pt>
                <c:pt idx="218">
                  <c:v>2.2116223334568308E-2</c:v>
                </c:pt>
                <c:pt idx="219">
                  <c:v>2.0154850581717475E-2</c:v>
                </c:pt>
                <c:pt idx="220">
                  <c:v>1.879458720634701E-2</c:v>
                </c:pt>
                <c:pt idx="221">
                  <c:v>1.6909941211861821E-2</c:v>
                </c:pt>
                <c:pt idx="222">
                  <c:v>1.4580240653813194E-2</c:v>
                </c:pt>
                <c:pt idx="223">
                  <c:v>1.2661309828024547E-2</c:v>
                </c:pt>
                <c:pt idx="224">
                  <c:v>1.1723262713729253E-2</c:v>
                </c:pt>
                <c:pt idx="225">
                  <c:v>1.125172510135232E-2</c:v>
                </c:pt>
                <c:pt idx="226">
                  <c:v>1.1266548399221376E-2</c:v>
                </c:pt>
                <c:pt idx="227">
                  <c:v>1.1032426452798502E-2</c:v>
                </c:pt>
                <c:pt idx="228">
                  <c:v>1.1927405784390681E-2</c:v>
                </c:pt>
                <c:pt idx="229">
                  <c:v>1.3297982390093624E-2</c:v>
                </c:pt>
                <c:pt idx="230">
                  <c:v>1.49239411595998E-2</c:v>
                </c:pt>
                <c:pt idx="231">
                  <c:v>1.6325627626882298E-2</c:v>
                </c:pt>
                <c:pt idx="232">
                  <c:v>1.7615684168680285E-2</c:v>
                </c:pt>
                <c:pt idx="233">
                  <c:v>1.8935407975898502E-2</c:v>
                </c:pt>
                <c:pt idx="234">
                  <c:v>2.0488350336560612E-2</c:v>
                </c:pt>
                <c:pt idx="235">
                  <c:v>2.1208136627205366E-2</c:v>
                </c:pt>
                <c:pt idx="236">
                  <c:v>2.1752059037237415E-2</c:v>
                </c:pt>
                <c:pt idx="237">
                  <c:v>2.2278403186536993E-2</c:v>
                </c:pt>
                <c:pt idx="238">
                  <c:v>2.2609873901655635E-2</c:v>
                </c:pt>
                <c:pt idx="239">
                  <c:v>2.2648361642058936E-2</c:v>
                </c:pt>
                <c:pt idx="240">
                  <c:v>2.1926226549924314E-2</c:v>
                </c:pt>
                <c:pt idx="241">
                  <c:v>2.0586967596833164E-2</c:v>
                </c:pt>
                <c:pt idx="242">
                  <c:v>1.9223285126661955E-2</c:v>
                </c:pt>
                <c:pt idx="243">
                  <c:v>1.775682041091636E-2</c:v>
                </c:pt>
                <c:pt idx="244">
                  <c:v>1.5815475323542751E-2</c:v>
                </c:pt>
                <c:pt idx="245">
                  <c:v>1.3245345706035798E-2</c:v>
                </c:pt>
                <c:pt idx="246">
                  <c:v>1.1449814644827734E-2</c:v>
                </c:pt>
                <c:pt idx="247">
                  <c:v>1.0394769589297885E-2</c:v>
                </c:pt>
                <c:pt idx="248">
                  <c:v>9.6908487716009292E-3</c:v>
                </c:pt>
                <c:pt idx="249">
                  <c:v>9.3599363818429194E-3</c:v>
                </c:pt>
                <c:pt idx="250">
                  <c:v>9.3744183029618247E-3</c:v>
                </c:pt>
                <c:pt idx="251">
                  <c:v>1.045607407717288E-2</c:v>
                </c:pt>
                <c:pt idx="252">
                  <c:v>1.2320152279108447E-2</c:v>
                </c:pt>
                <c:pt idx="253">
                  <c:v>1.391909297809159E-2</c:v>
                </c:pt>
                <c:pt idx="254">
                  <c:v>1.517197415140621E-2</c:v>
                </c:pt>
                <c:pt idx="255">
                  <c:v>1.6957478275160542E-2</c:v>
                </c:pt>
                <c:pt idx="256">
                  <c:v>1.8715066774493947E-2</c:v>
                </c:pt>
                <c:pt idx="257">
                  <c:v>2.0099438133487347E-2</c:v>
                </c:pt>
                <c:pt idx="258">
                  <c:v>2.1269096753802442E-2</c:v>
                </c:pt>
                <c:pt idx="259">
                  <c:v>2.2113763577807265E-2</c:v>
                </c:pt>
                <c:pt idx="260">
                  <c:v>2.3105557607510561E-2</c:v>
                </c:pt>
                <c:pt idx="261">
                  <c:v>2.3089444140779167E-2</c:v>
                </c:pt>
                <c:pt idx="262">
                  <c:v>2.2080444811514624E-2</c:v>
                </c:pt>
                <c:pt idx="263">
                  <c:v>2.0809004113022393E-2</c:v>
                </c:pt>
                <c:pt idx="264">
                  <c:v>1.9916978260692577E-2</c:v>
                </c:pt>
                <c:pt idx="265">
                  <c:v>1.9040991209461674E-2</c:v>
                </c:pt>
                <c:pt idx="266">
                  <c:v>1.7229115010956732E-2</c:v>
                </c:pt>
                <c:pt idx="267">
                  <c:v>1.4953206205202445E-2</c:v>
                </c:pt>
                <c:pt idx="268">
                  <c:v>1.3839593768131878E-2</c:v>
                </c:pt>
                <c:pt idx="269">
                  <c:v>1.3249187063663338E-2</c:v>
                </c:pt>
                <c:pt idx="270">
                  <c:v>1.1955560276265225E-2</c:v>
                </c:pt>
                <c:pt idx="271">
                  <c:v>1.0599731143890389E-2</c:v>
                </c:pt>
                <c:pt idx="272">
                  <c:v>1.0040251451457325E-2</c:v>
                </c:pt>
                <c:pt idx="273">
                  <c:v>9.9857972434313474E-3</c:v>
                </c:pt>
                <c:pt idx="274">
                  <c:v>1.032940399178502E-2</c:v>
                </c:pt>
                <c:pt idx="275">
                  <c:v>1.0582155125871188E-2</c:v>
                </c:pt>
                <c:pt idx="276">
                  <c:v>1.1112045255063596E-2</c:v>
                </c:pt>
                <c:pt idx="277">
                  <c:v>1.2357058333343657E-2</c:v>
                </c:pt>
                <c:pt idx="278">
                  <c:v>1.349858578757738E-2</c:v>
                </c:pt>
                <c:pt idx="279">
                  <c:v>1.4330849156161856E-2</c:v>
                </c:pt>
                <c:pt idx="280">
                  <c:v>1.4986362563712271E-2</c:v>
                </c:pt>
                <c:pt idx="281">
                  <c:v>1.6086391687036853E-2</c:v>
                </c:pt>
                <c:pt idx="282">
                  <c:v>1.7277217667704587E-2</c:v>
                </c:pt>
                <c:pt idx="283">
                  <c:v>1.793081831866053E-2</c:v>
                </c:pt>
                <c:pt idx="284">
                  <c:v>1.7777653187319515E-2</c:v>
                </c:pt>
                <c:pt idx="285">
                  <c:v>1.747343760380711E-2</c:v>
                </c:pt>
                <c:pt idx="286">
                  <c:v>1.7100861834230652E-2</c:v>
                </c:pt>
                <c:pt idx="287">
                  <c:v>1.5991305537408979E-2</c:v>
                </c:pt>
                <c:pt idx="288">
                  <c:v>1.4317872651062739E-2</c:v>
                </c:pt>
                <c:pt idx="289">
                  <c:v>1.3269195446053286E-2</c:v>
                </c:pt>
                <c:pt idx="290">
                  <c:v>1.250350742323281E-2</c:v>
                </c:pt>
                <c:pt idx="291">
                  <c:v>1.1587014791635503E-2</c:v>
                </c:pt>
                <c:pt idx="292">
                  <c:v>1.0687307149520715E-2</c:v>
                </c:pt>
                <c:pt idx="293">
                  <c:v>1.0140059874365387E-2</c:v>
                </c:pt>
                <c:pt idx="294">
                  <c:v>9.9042547485859583E-3</c:v>
                </c:pt>
                <c:pt idx="295">
                  <c:v>9.8500720269730987E-3</c:v>
                </c:pt>
                <c:pt idx="296">
                  <c:v>9.952522652058194E-3</c:v>
                </c:pt>
                <c:pt idx="297">
                  <c:v>1.0188183051820841E-2</c:v>
                </c:pt>
                <c:pt idx="298">
                  <c:v>1.0811264348861475E-2</c:v>
                </c:pt>
                <c:pt idx="299">
                  <c:v>1.1685729782140946E-2</c:v>
                </c:pt>
                <c:pt idx="300">
                  <c:v>1.2129542689766567E-2</c:v>
                </c:pt>
                <c:pt idx="301">
                  <c:v>1.2760001807108647E-2</c:v>
                </c:pt>
                <c:pt idx="302">
                  <c:v>1.3376350382457214E-2</c:v>
                </c:pt>
                <c:pt idx="303">
                  <c:v>1.3532239676802208E-2</c:v>
                </c:pt>
                <c:pt idx="304">
                  <c:v>1.4085395166463047E-2</c:v>
                </c:pt>
                <c:pt idx="305">
                  <c:v>1.4559231733061501E-2</c:v>
                </c:pt>
                <c:pt idx="306">
                  <c:v>1.4953894753740414E-2</c:v>
                </c:pt>
                <c:pt idx="307">
                  <c:v>1.5031832764737364E-2</c:v>
                </c:pt>
                <c:pt idx="308">
                  <c:v>1.5472526420302942E-2</c:v>
                </c:pt>
                <c:pt idx="309">
                  <c:v>1.5625727092840071E-2</c:v>
                </c:pt>
                <c:pt idx="310">
                  <c:v>1.5536175191146858E-2</c:v>
                </c:pt>
                <c:pt idx="311">
                  <c:v>1.5021329897469462E-2</c:v>
                </c:pt>
                <c:pt idx="312">
                  <c:v>1.4428982572271926E-2</c:v>
                </c:pt>
                <c:pt idx="313">
                  <c:v>1.395512196020848E-2</c:v>
                </c:pt>
                <c:pt idx="314">
                  <c:v>1.3272113061985216E-2</c:v>
                </c:pt>
                <c:pt idx="315">
                  <c:v>1.2366915930625321E-2</c:v>
                </c:pt>
                <c:pt idx="316">
                  <c:v>1.1722058422957407E-2</c:v>
                </c:pt>
                <c:pt idx="317">
                  <c:v>1.1528717560857445E-2</c:v>
                </c:pt>
                <c:pt idx="318">
                  <c:v>1.158159741046659E-2</c:v>
                </c:pt>
                <c:pt idx="319">
                  <c:v>1.1084944265758043E-2</c:v>
                </c:pt>
                <c:pt idx="320">
                  <c:v>1.0647111566875997E-2</c:v>
                </c:pt>
                <c:pt idx="321">
                  <c:v>1.0525784977351526E-2</c:v>
                </c:pt>
                <c:pt idx="322">
                  <c:v>1.0488449627219716E-2</c:v>
                </c:pt>
                <c:pt idx="323">
                  <c:v>1.0448607764550286E-2</c:v>
                </c:pt>
                <c:pt idx="324">
                  <c:v>1.051417660967853E-2</c:v>
                </c:pt>
                <c:pt idx="325">
                  <c:v>1.0685582240310505E-2</c:v>
                </c:pt>
                <c:pt idx="326">
                  <c:v>1.0868084249852361E-2</c:v>
                </c:pt>
                <c:pt idx="327">
                  <c:v>1.0774950804585055E-2</c:v>
                </c:pt>
                <c:pt idx="328">
                  <c:v>1.1085241789557656E-2</c:v>
                </c:pt>
                <c:pt idx="329">
                  <c:v>1.1748142352503634E-2</c:v>
                </c:pt>
                <c:pt idx="330">
                  <c:v>1.2523959000878661E-2</c:v>
                </c:pt>
                <c:pt idx="331">
                  <c:v>1.3089017999912298E-2</c:v>
                </c:pt>
                <c:pt idx="332">
                  <c:v>1.3439772447253518E-2</c:v>
                </c:pt>
                <c:pt idx="333">
                  <c:v>1.3737150340389132E-2</c:v>
                </c:pt>
                <c:pt idx="334">
                  <c:v>1.3877335903405161E-2</c:v>
                </c:pt>
                <c:pt idx="335">
                  <c:v>1.342794291611682E-2</c:v>
                </c:pt>
                <c:pt idx="336">
                  <c:v>1.285574831709357E-2</c:v>
                </c:pt>
                <c:pt idx="337">
                  <c:v>1.2275221564940221E-2</c:v>
                </c:pt>
                <c:pt idx="338">
                  <c:v>1.1846813849893272E-2</c:v>
                </c:pt>
                <c:pt idx="339">
                  <c:v>1.1053497143433438E-2</c:v>
                </c:pt>
                <c:pt idx="340">
                  <c:v>1.0163651209365347E-2</c:v>
                </c:pt>
                <c:pt idx="341">
                  <c:v>9.5077943854950126E-3</c:v>
                </c:pt>
                <c:pt idx="342">
                  <c:v>9.2614072577780412E-3</c:v>
                </c:pt>
                <c:pt idx="343">
                  <c:v>9.2287353429702634E-3</c:v>
                </c:pt>
                <c:pt idx="344">
                  <c:v>8.904961433344686E-3</c:v>
                </c:pt>
                <c:pt idx="345">
                  <c:v>8.1042727699189888E-3</c:v>
                </c:pt>
                <c:pt idx="346">
                  <c:v>7.8217442809686618E-3</c:v>
                </c:pt>
                <c:pt idx="347">
                  <c:v>7.8583564126387014E-3</c:v>
                </c:pt>
                <c:pt idx="348">
                  <c:v>8.3488298323158502E-3</c:v>
                </c:pt>
                <c:pt idx="349">
                  <c:v>9.0090635338480104E-3</c:v>
                </c:pt>
                <c:pt idx="350">
                  <c:v>9.4955283488632209E-3</c:v>
                </c:pt>
                <c:pt idx="351">
                  <c:v>1.0051191705099303E-2</c:v>
                </c:pt>
                <c:pt idx="352">
                  <c:v>1.0779057139034045E-2</c:v>
                </c:pt>
                <c:pt idx="353">
                  <c:v>1.1317799631237182E-2</c:v>
                </c:pt>
                <c:pt idx="354">
                  <c:v>1.1814832076726981E-2</c:v>
                </c:pt>
                <c:pt idx="355">
                  <c:v>1.2260765986555552E-2</c:v>
                </c:pt>
                <c:pt idx="356">
                  <c:v>1.2458204315757001E-2</c:v>
                </c:pt>
                <c:pt idx="357">
                  <c:v>1.2597847647008834E-2</c:v>
                </c:pt>
                <c:pt idx="358">
                  <c:v>1.2831005718361019E-2</c:v>
                </c:pt>
                <c:pt idx="359">
                  <c:v>1.2648844740260463E-2</c:v>
                </c:pt>
                <c:pt idx="360">
                  <c:v>1.2341346817951199E-2</c:v>
                </c:pt>
                <c:pt idx="361">
                  <c:v>1.1896995187870721E-2</c:v>
                </c:pt>
                <c:pt idx="362">
                  <c:v>1.1165296438831537E-2</c:v>
                </c:pt>
                <c:pt idx="363">
                  <c:v>1.0276123491672E-2</c:v>
                </c:pt>
                <c:pt idx="364">
                  <c:v>9.4964059813806723E-3</c:v>
                </c:pt>
                <c:pt idx="365">
                  <c:v>8.8133005182423584E-3</c:v>
                </c:pt>
                <c:pt idx="366">
                  <c:v>8.2057572437861607E-3</c:v>
                </c:pt>
                <c:pt idx="367">
                  <c:v>7.6110884960148761E-3</c:v>
                </c:pt>
                <c:pt idx="368">
                  <c:v>7.0939020686686914E-3</c:v>
                </c:pt>
                <c:pt idx="369">
                  <c:v>7.0494824198405037E-3</c:v>
                </c:pt>
                <c:pt idx="370">
                  <c:v>7.6412126800146302E-3</c:v>
                </c:pt>
                <c:pt idx="371">
                  <c:v>8.1719032216802431E-3</c:v>
                </c:pt>
                <c:pt idx="372">
                  <c:v>8.3479884309987876E-3</c:v>
                </c:pt>
                <c:pt idx="373">
                  <c:v>9.0986427823874869E-3</c:v>
                </c:pt>
                <c:pt idx="374">
                  <c:v>1.0252376480178528E-2</c:v>
                </c:pt>
                <c:pt idx="375">
                  <c:v>1.1243105817418534E-2</c:v>
                </c:pt>
                <c:pt idx="376">
                  <c:v>1.1847226913026369E-2</c:v>
                </c:pt>
                <c:pt idx="377">
                  <c:v>1.2539039970482372E-2</c:v>
                </c:pt>
                <c:pt idx="378">
                  <c:v>1.3570816891576003E-2</c:v>
                </c:pt>
                <c:pt idx="379">
                  <c:v>1.4329187045265378E-2</c:v>
                </c:pt>
                <c:pt idx="380">
                  <c:v>1.4350790415372509E-2</c:v>
                </c:pt>
                <c:pt idx="381">
                  <c:v>1.3901544450263164E-2</c:v>
                </c:pt>
                <c:pt idx="382">
                  <c:v>1.3644999370947548E-2</c:v>
                </c:pt>
                <c:pt idx="383">
                  <c:v>1.3480083183103869E-2</c:v>
                </c:pt>
                <c:pt idx="384">
                  <c:v>1.2844401770681744E-2</c:v>
                </c:pt>
                <c:pt idx="385">
                  <c:v>1.1785687993974673E-2</c:v>
                </c:pt>
                <c:pt idx="386">
                  <c:v>1.0540125547775994E-2</c:v>
                </c:pt>
                <c:pt idx="387">
                  <c:v>9.9021783848617685E-3</c:v>
                </c:pt>
                <c:pt idx="388">
                  <c:v>9.5958049563293988E-3</c:v>
                </c:pt>
                <c:pt idx="389">
                  <c:v>8.8767351007979622E-3</c:v>
                </c:pt>
                <c:pt idx="390">
                  <c:v>8.2091258849333153E-3</c:v>
                </c:pt>
                <c:pt idx="391">
                  <c:v>8.1676139448174766E-3</c:v>
                </c:pt>
                <c:pt idx="392">
                  <c:v>8.2133738743300592E-3</c:v>
                </c:pt>
                <c:pt idx="393">
                  <c:v>8.1296611324972942E-3</c:v>
                </c:pt>
                <c:pt idx="394">
                  <c:v>8.0962405622151089E-3</c:v>
                </c:pt>
                <c:pt idx="395">
                  <c:v>8.2643586550036341E-3</c:v>
                </c:pt>
                <c:pt idx="396">
                  <c:v>8.7705972268482483E-3</c:v>
                </c:pt>
                <c:pt idx="397">
                  <c:v>9.1863745101928053E-3</c:v>
                </c:pt>
                <c:pt idx="398">
                  <c:v>9.6907121183868496E-3</c:v>
                </c:pt>
              </c:numCache>
            </c:numRef>
          </c:yVal>
          <c:smooth val="1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'Mono-1200-3s(9)'!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7981-4E73-A7EC-2DAFBE636A5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12156592"/>
        <c:axId val="1012155608"/>
      </c:scatterChart>
      <c:valAx>
        <c:axId val="1012156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5608"/>
        <c:crosses val="autoZero"/>
        <c:crossBetween val="midCat"/>
      </c:valAx>
      <c:valAx>
        <c:axId val="10121556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659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7.1204944626358818E-2"/>
                  <c:y val="-0.1589698472602957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3s(10)'!$D$2:$D$2657</c:f>
              <c:numCache>
                <c:formatCode>General</c:formatCode>
                <c:ptCount val="2656"/>
                <c:pt idx="0">
                  <c:v>0</c:v>
                </c:pt>
                <c:pt idx="1">
                  <c:v>5.0050000000005923E-3</c:v>
                </c:pt>
                <c:pt idx="2">
                  <c:v>1.0010000000001185E-2</c:v>
                </c:pt>
                <c:pt idx="3">
                  <c:v>1.5015000000000001E-2</c:v>
                </c:pt>
                <c:pt idx="4">
                  <c:v>2.0020000000000593E-2</c:v>
                </c:pt>
                <c:pt idx="5">
                  <c:v>2.5024000000000157E-2</c:v>
                </c:pt>
                <c:pt idx="6">
                  <c:v>3.002900000000075E-2</c:v>
                </c:pt>
                <c:pt idx="7">
                  <c:v>3.5034000000001342E-2</c:v>
                </c:pt>
                <c:pt idx="8">
                  <c:v>4.0039000000000158E-2</c:v>
                </c:pt>
                <c:pt idx="9">
                  <c:v>4.504400000000075E-2</c:v>
                </c:pt>
                <c:pt idx="10">
                  <c:v>5.0048000000000314E-2</c:v>
                </c:pt>
                <c:pt idx="11">
                  <c:v>5.5053000000000907E-2</c:v>
                </c:pt>
                <c:pt idx="12">
                  <c:v>6.0058000000001499E-2</c:v>
                </c:pt>
                <c:pt idx="13">
                  <c:v>6.5063000000000315E-2</c:v>
                </c:pt>
                <c:pt idx="14">
                  <c:v>7.0068000000000907E-2</c:v>
                </c:pt>
                <c:pt idx="15">
                  <c:v>7.5072000000000472E-2</c:v>
                </c:pt>
                <c:pt idx="16">
                  <c:v>8.0077000000001064E-2</c:v>
                </c:pt>
                <c:pt idx="17">
                  <c:v>8.5082000000001656E-2</c:v>
                </c:pt>
                <c:pt idx="18">
                  <c:v>9.0087000000000472E-2</c:v>
                </c:pt>
                <c:pt idx="19">
                  <c:v>9.5092000000001065E-2</c:v>
                </c:pt>
                <c:pt idx="20">
                  <c:v>0.10009600000000063</c:v>
                </c:pt>
                <c:pt idx="21">
                  <c:v>0.10510100000000122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600000000122</c:v>
                </c:pt>
                <c:pt idx="25">
                  <c:v>0.12512000000000079</c:v>
                </c:pt>
                <c:pt idx="26">
                  <c:v>0.13012500000000138</c:v>
                </c:pt>
                <c:pt idx="27">
                  <c:v>0.13513000000000019</c:v>
                </c:pt>
                <c:pt idx="28">
                  <c:v>0.14013500000000079</c:v>
                </c:pt>
                <c:pt idx="29">
                  <c:v>0.14514000000000138</c:v>
                </c:pt>
                <c:pt idx="30">
                  <c:v>0.15014400000000094</c:v>
                </c:pt>
                <c:pt idx="31">
                  <c:v>0.15514900000000154</c:v>
                </c:pt>
                <c:pt idx="32">
                  <c:v>0.16015400000000035</c:v>
                </c:pt>
                <c:pt idx="33">
                  <c:v>0.16515900000000094</c:v>
                </c:pt>
                <c:pt idx="34">
                  <c:v>0.17016400000000154</c:v>
                </c:pt>
                <c:pt idx="35">
                  <c:v>0.1751680000000011</c:v>
                </c:pt>
                <c:pt idx="36">
                  <c:v>0.18017299999999992</c:v>
                </c:pt>
                <c:pt idx="37">
                  <c:v>0.18517800000000051</c:v>
                </c:pt>
                <c:pt idx="38">
                  <c:v>0.1901830000000011</c:v>
                </c:pt>
                <c:pt idx="39">
                  <c:v>0.19518799999999992</c:v>
                </c:pt>
                <c:pt idx="40">
                  <c:v>0.20019200000000126</c:v>
                </c:pt>
                <c:pt idx="41">
                  <c:v>0.20519700000000007</c:v>
                </c:pt>
                <c:pt idx="42">
                  <c:v>0.21020200000000067</c:v>
                </c:pt>
                <c:pt idx="43">
                  <c:v>0.21520700000000126</c:v>
                </c:pt>
                <c:pt idx="44">
                  <c:v>0.22021200000000007</c:v>
                </c:pt>
                <c:pt idx="45">
                  <c:v>0.22521600000000142</c:v>
                </c:pt>
                <c:pt idx="46">
                  <c:v>0.23022100000000023</c:v>
                </c:pt>
                <c:pt idx="47">
                  <c:v>0.23522600000000082</c:v>
                </c:pt>
                <c:pt idx="48">
                  <c:v>0.24023100000000142</c:v>
                </c:pt>
                <c:pt idx="49">
                  <c:v>0.24523600000000023</c:v>
                </c:pt>
                <c:pt idx="50">
                  <c:v>0.25024000000000157</c:v>
                </c:pt>
                <c:pt idx="51">
                  <c:v>0.25524500000000039</c:v>
                </c:pt>
                <c:pt idx="52">
                  <c:v>0.26025000000000098</c:v>
                </c:pt>
                <c:pt idx="53">
                  <c:v>0.26525500000000157</c:v>
                </c:pt>
                <c:pt idx="54">
                  <c:v>0.27026000000000039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400000000114</c:v>
                </c:pt>
                <c:pt idx="58">
                  <c:v>0.29027899999999995</c:v>
                </c:pt>
                <c:pt idx="59">
                  <c:v>0.29528400000000055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80000000013</c:v>
                </c:pt>
                <c:pt idx="63">
                  <c:v>0.31530300000000011</c:v>
                </c:pt>
                <c:pt idx="64">
                  <c:v>0.3203080000000007</c:v>
                </c:pt>
                <c:pt idx="65">
                  <c:v>0.32531200000000027</c:v>
                </c:pt>
                <c:pt idx="66">
                  <c:v>0.33031700000000086</c:v>
                </c:pt>
                <c:pt idx="67">
                  <c:v>0.33532200000000145</c:v>
                </c:pt>
                <c:pt idx="68">
                  <c:v>0.34032700000000027</c:v>
                </c:pt>
                <c:pt idx="69">
                  <c:v>0.34533200000000086</c:v>
                </c:pt>
                <c:pt idx="70">
                  <c:v>0.35033600000000042</c:v>
                </c:pt>
                <c:pt idx="71">
                  <c:v>0.35534100000000102</c:v>
                </c:pt>
                <c:pt idx="72">
                  <c:v>0.36034600000000161</c:v>
                </c:pt>
                <c:pt idx="73">
                  <c:v>0.36535100000000043</c:v>
                </c:pt>
                <c:pt idx="74">
                  <c:v>0.37035600000000102</c:v>
                </c:pt>
                <c:pt idx="75">
                  <c:v>0.37536000000000058</c:v>
                </c:pt>
                <c:pt idx="76">
                  <c:v>0.38036500000000117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8000000000117</c:v>
                </c:pt>
                <c:pt idx="80">
                  <c:v>0.40038400000000074</c:v>
                </c:pt>
                <c:pt idx="81">
                  <c:v>0.40538900000000133</c:v>
                </c:pt>
                <c:pt idx="82">
                  <c:v>0.41039400000000015</c:v>
                </c:pt>
                <c:pt idx="83">
                  <c:v>0.41539900000000074</c:v>
                </c:pt>
                <c:pt idx="84">
                  <c:v>0.42040400000000133</c:v>
                </c:pt>
                <c:pt idx="85">
                  <c:v>0.4254080000000009</c:v>
                </c:pt>
                <c:pt idx="86">
                  <c:v>0.43041300000000149</c:v>
                </c:pt>
                <c:pt idx="87">
                  <c:v>0.4354180000000003</c:v>
                </c:pt>
                <c:pt idx="88">
                  <c:v>0.4404230000000009</c:v>
                </c:pt>
                <c:pt idx="89">
                  <c:v>0.44542800000000149</c:v>
                </c:pt>
                <c:pt idx="90">
                  <c:v>0.45043200000000105</c:v>
                </c:pt>
                <c:pt idx="91">
                  <c:v>0.45543700000000165</c:v>
                </c:pt>
                <c:pt idx="92">
                  <c:v>0.46044200000000046</c:v>
                </c:pt>
                <c:pt idx="93">
                  <c:v>0.46544700000000105</c:v>
                </c:pt>
                <c:pt idx="94">
                  <c:v>0.47045200000000165</c:v>
                </c:pt>
                <c:pt idx="95">
                  <c:v>0.47545600000000121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121</c:v>
                </c:pt>
                <c:pt idx="99">
                  <c:v>0.49547600000000003</c:v>
                </c:pt>
                <c:pt idx="100">
                  <c:v>0.50048000000000137</c:v>
                </c:pt>
                <c:pt idx="101">
                  <c:v>0.50548500000000018</c:v>
                </c:pt>
                <c:pt idx="102">
                  <c:v>0.51049000000000078</c:v>
                </c:pt>
                <c:pt idx="103">
                  <c:v>0.51549500000000137</c:v>
                </c:pt>
                <c:pt idx="104">
                  <c:v>0.52050000000000018</c:v>
                </c:pt>
                <c:pt idx="105">
                  <c:v>0.52550400000000153</c:v>
                </c:pt>
                <c:pt idx="106">
                  <c:v>0.53050900000000034</c:v>
                </c:pt>
                <c:pt idx="107">
                  <c:v>0.53551400000000093</c:v>
                </c:pt>
                <c:pt idx="108">
                  <c:v>0.54051900000000153</c:v>
                </c:pt>
                <c:pt idx="109">
                  <c:v>0.54552400000000034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800000000109</c:v>
                </c:pt>
                <c:pt idx="113">
                  <c:v>0.56554299999999991</c:v>
                </c:pt>
                <c:pt idx="114">
                  <c:v>0.5705480000000005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125</c:v>
                </c:pt>
                <c:pt idx="118">
                  <c:v>0.59056700000000006</c:v>
                </c:pt>
                <c:pt idx="119">
                  <c:v>0.59557200000000066</c:v>
                </c:pt>
                <c:pt idx="120">
                  <c:v>0.60057600000000022</c:v>
                </c:pt>
                <c:pt idx="121">
                  <c:v>0.60558100000000081</c:v>
                </c:pt>
                <c:pt idx="122">
                  <c:v>0.61058600000000141</c:v>
                </c:pt>
                <c:pt idx="123">
                  <c:v>0.61559100000000022</c:v>
                </c:pt>
                <c:pt idx="124">
                  <c:v>0.62059600000000081</c:v>
                </c:pt>
                <c:pt idx="125">
                  <c:v>0.62560000000000038</c:v>
                </c:pt>
                <c:pt idx="126">
                  <c:v>0.63060500000000097</c:v>
                </c:pt>
                <c:pt idx="127">
                  <c:v>0.63561000000000156</c:v>
                </c:pt>
                <c:pt idx="128">
                  <c:v>0.64061500000000038</c:v>
                </c:pt>
                <c:pt idx="129">
                  <c:v>0.64562000000000097</c:v>
                </c:pt>
                <c:pt idx="130">
                  <c:v>0.65062400000000054</c:v>
                </c:pt>
                <c:pt idx="131">
                  <c:v>0.65562900000000113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400000000113</c:v>
                </c:pt>
                <c:pt idx="135">
                  <c:v>0.67564800000000069</c:v>
                </c:pt>
                <c:pt idx="136">
                  <c:v>0.68065300000000128</c:v>
                </c:pt>
                <c:pt idx="137">
                  <c:v>0.6856580000000001</c:v>
                </c:pt>
                <c:pt idx="138">
                  <c:v>0.69066300000000069</c:v>
                </c:pt>
                <c:pt idx="139">
                  <c:v>0.69566800000000129</c:v>
                </c:pt>
                <c:pt idx="140">
                  <c:v>0.70067200000000085</c:v>
                </c:pt>
                <c:pt idx="141">
                  <c:v>0.70567700000000144</c:v>
                </c:pt>
                <c:pt idx="142">
                  <c:v>0.71068200000000026</c:v>
                </c:pt>
                <c:pt idx="143">
                  <c:v>0.71568700000000085</c:v>
                </c:pt>
                <c:pt idx="144">
                  <c:v>0.72069200000000144</c:v>
                </c:pt>
                <c:pt idx="145">
                  <c:v>0.72569600000000101</c:v>
                </c:pt>
                <c:pt idx="146">
                  <c:v>0.7307010000000016</c:v>
                </c:pt>
                <c:pt idx="147">
                  <c:v>0.73570600000000042</c:v>
                </c:pt>
                <c:pt idx="148">
                  <c:v>0.74071100000000101</c:v>
                </c:pt>
                <c:pt idx="149">
                  <c:v>0.7457160000000016</c:v>
                </c:pt>
                <c:pt idx="150">
                  <c:v>0.75072000000000116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500000000116</c:v>
                </c:pt>
                <c:pt idx="154">
                  <c:v>0.77073999999999998</c:v>
                </c:pt>
                <c:pt idx="155">
                  <c:v>0.77574400000000132</c:v>
                </c:pt>
                <c:pt idx="156">
                  <c:v>0.78074900000000014</c:v>
                </c:pt>
                <c:pt idx="157">
                  <c:v>0.78575400000000073</c:v>
                </c:pt>
                <c:pt idx="158">
                  <c:v>0.79075900000000132</c:v>
                </c:pt>
                <c:pt idx="159">
                  <c:v>0.79576400000000014</c:v>
                </c:pt>
                <c:pt idx="160">
                  <c:v>0.80076800000000148</c:v>
                </c:pt>
                <c:pt idx="161">
                  <c:v>0.80577300000000029</c:v>
                </c:pt>
                <c:pt idx="162">
                  <c:v>0.81077800000000089</c:v>
                </c:pt>
                <c:pt idx="163">
                  <c:v>0.81578300000000148</c:v>
                </c:pt>
                <c:pt idx="164">
                  <c:v>0.8207880000000003</c:v>
                </c:pt>
                <c:pt idx="165">
                  <c:v>0.82579200000000164</c:v>
                </c:pt>
                <c:pt idx="166">
                  <c:v>0.83079700000000045</c:v>
                </c:pt>
                <c:pt idx="167">
                  <c:v>0.83580200000000104</c:v>
                </c:pt>
                <c:pt idx="168">
                  <c:v>0.84080700000000164</c:v>
                </c:pt>
                <c:pt idx="169">
                  <c:v>0.84581200000000045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60000000012</c:v>
                </c:pt>
                <c:pt idx="173">
                  <c:v>0.86583100000000002</c:v>
                </c:pt>
                <c:pt idx="174">
                  <c:v>0.87083600000000061</c:v>
                </c:pt>
                <c:pt idx="175">
                  <c:v>0.87584000000000017</c:v>
                </c:pt>
                <c:pt idx="176">
                  <c:v>0.88084500000000077</c:v>
                </c:pt>
                <c:pt idx="177">
                  <c:v>0.88585000000000136</c:v>
                </c:pt>
                <c:pt idx="178">
                  <c:v>0.89085500000000017</c:v>
                </c:pt>
                <c:pt idx="179">
                  <c:v>0.89586000000000077</c:v>
                </c:pt>
                <c:pt idx="180">
                  <c:v>0.90086400000000033</c:v>
                </c:pt>
                <c:pt idx="181">
                  <c:v>0.90586900000000092</c:v>
                </c:pt>
                <c:pt idx="182">
                  <c:v>0.91087400000000152</c:v>
                </c:pt>
                <c:pt idx="183">
                  <c:v>0.91587900000000033</c:v>
                </c:pt>
                <c:pt idx="184">
                  <c:v>0.92088400000000092</c:v>
                </c:pt>
                <c:pt idx="185">
                  <c:v>0.92588800000000049</c:v>
                </c:pt>
                <c:pt idx="186">
                  <c:v>0.93089300000000108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800000000108</c:v>
                </c:pt>
                <c:pt idx="190">
                  <c:v>0.95091200000000065</c:v>
                </c:pt>
                <c:pt idx="191">
                  <c:v>0.95591700000000124</c:v>
                </c:pt>
                <c:pt idx="192">
                  <c:v>0.96092200000000005</c:v>
                </c:pt>
                <c:pt idx="193">
                  <c:v>0.96592700000000065</c:v>
                </c:pt>
                <c:pt idx="194">
                  <c:v>0.97093200000000124</c:v>
                </c:pt>
                <c:pt idx="195">
                  <c:v>0.9759360000000008</c:v>
                </c:pt>
                <c:pt idx="196">
                  <c:v>0.9809410000000014</c:v>
                </c:pt>
                <c:pt idx="197">
                  <c:v>0.98594600000000021</c:v>
                </c:pt>
                <c:pt idx="198">
                  <c:v>0.9909510000000008</c:v>
                </c:pt>
                <c:pt idx="199">
                  <c:v>0.9959560000000014</c:v>
                </c:pt>
                <c:pt idx="200">
                  <c:v>1.000960000000001</c:v>
                </c:pt>
                <c:pt idx="201">
                  <c:v>1.0059650000000016</c:v>
                </c:pt>
                <c:pt idx="202">
                  <c:v>1.0109700000000004</c:v>
                </c:pt>
                <c:pt idx="203">
                  <c:v>1.015975000000001</c:v>
                </c:pt>
                <c:pt idx="204">
                  <c:v>1.0209800000000016</c:v>
                </c:pt>
                <c:pt idx="205">
                  <c:v>1.0259840000000011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90000000011</c:v>
                </c:pt>
                <c:pt idx="209">
                  <c:v>1.0460039999999999</c:v>
                </c:pt>
                <c:pt idx="210">
                  <c:v>1.0510080000000013</c:v>
                </c:pt>
                <c:pt idx="211">
                  <c:v>1.0560130000000001</c:v>
                </c:pt>
                <c:pt idx="212">
                  <c:v>1.0610180000000007</c:v>
                </c:pt>
                <c:pt idx="213">
                  <c:v>1.0660230000000013</c:v>
                </c:pt>
                <c:pt idx="214">
                  <c:v>1.0710280000000001</c:v>
                </c:pt>
                <c:pt idx="215">
                  <c:v>1.0760320000000014</c:v>
                </c:pt>
                <c:pt idx="216">
                  <c:v>1.0810370000000002</c:v>
                </c:pt>
                <c:pt idx="217">
                  <c:v>1.0860420000000008</c:v>
                </c:pt>
                <c:pt idx="218">
                  <c:v>1.0910470000000014</c:v>
                </c:pt>
                <c:pt idx="219">
                  <c:v>1.0960520000000002</c:v>
                </c:pt>
                <c:pt idx="220">
                  <c:v>1.1010560000000016</c:v>
                </c:pt>
                <c:pt idx="221">
                  <c:v>1.1060610000000004</c:v>
                </c:pt>
                <c:pt idx="222">
                  <c:v>1.111066000000001</c:v>
                </c:pt>
                <c:pt idx="223">
                  <c:v>1.1160710000000016</c:v>
                </c:pt>
                <c:pt idx="224">
                  <c:v>1.1210760000000004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900000000012</c:v>
                </c:pt>
                <c:pt idx="228">
                  <c:v>1.141095</c:v>
                </c:pt>
                <c:pt idx="229">
                  <c:v>1.1461000000000006</c:v>
                </c:pt>
                <c:pt idx="230">
                  <c:v>1.1511040000000001</c:v>
                </c:pt>
                <c:pt idx="231">
                  <c:v>1.1561090000000007</c:v>
                </c:pt>
                <c:pt idx="232">
                  <c:v>1.1611140000000013</c:v>
                </c:pt>
                <c:pt idx="233">
                  <c:v>1.1661190000000001</c:v>
                </c:pt>
                <c:pt idx="234">
                  <c:v>1.1711240000000007</c:v>
                </c:pt>
                <c:pt idx="235">
                  <c:v>1.1761280000000003</c:v>
                </c:pt>
                <c:pt idx="236">
                  <c:v>1.1811330000000009</c:v>
                </c:pt>
                <c:pt idx="237">
                  <c:v>1.1861380000000015</c:v>
                </c:pt>
                <c:pt idx="238">
                  <c:v>1.1911430000000003</c:v>
                </c:pt>
                <c:pt idx="239">
                  <c:v>1.1961480000000009</c:v>
                </c:pt>
                <c:pt idx="240">
                  <c:v>1.2011520000000004</c:v>
                </c:pt>
                <c:pt idx="241">
                  <c:v>1.206157000000001</c:v>
                </c:pt>
                <c:pt idx="242">
                  <c:v>1.2111620000000016</c:v>
                </c:pt>
                <c:pt idx="243">
                  <c:v>1.2161670000000004</c:v>
                </c:pt>
                <c:pt idx="244">
                  <c:v>1.221172000000001</c:v>
                </c:pt>
                <c:pt idx="245">
                  <c:v>1.2261760000000006</c:v>
                </c:pt>
                <c:pt idx="246">
                  <c:v>1.2311810000000012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60000000012</c:v>
                </c:pt>
                <c:pt idx="250">
                  <c:v>1.2512000000000008</c:v>
                </c:pt>
                <c:pt idx="251">
                  <c:v>1.2562050000000013</c:v>
                </c:pt>
                <c:pt idx="252">
                  <c:v>1.2612100000000002</c:v>
                </c:pt>
                <c:pt idx="253">
                  <c:v>1.2662150000000008</c:v>
                </c:pt>
                <c:pt idx="254">
                  <c:v>1.2712200000000013</c:v>
                </c:pt>
                <c:pt idx="255">
                  <c:v>1.2762240000000009</c:v>
                </c:pt>
                <c:pt idx="256">
                  <c:v>1.2812290000000015</c:v>
                </c:pt>
                <c:pt idx="257">
                  <c:v>1.2862340000000003</c:v>
                </c:pt>
                <c:pt idx="258">
                  <c:v>1.2912390000000009</c:v>
                </c:pt>
                <c:pt idx="259">
                  <c:v>1.2962440000000015</c:v>
                </c:pt>
                <c:pt idx="260">
                  <c:v>1.3012480000000011</c:v>
                </c:pt>
                <c:pt idx="261">
                  <c:v>1.3062530000000017</c:v>
                </c:pt>
                <c:pt idx="262">
                  <c:v>1.3112580000000005</c:v>
                </c:pt>
                <c:pt idx="263">
                  <c:v>1.3162630000000011</c:v>
                </c:pt>
                <c:pt idx="264">
                  <c:v>1.3212680000000017</c:v>
                </c:pt>
                <c:pt idx="265">
                  <c:v>1.3262720000000012</c:v>
                </c:pt>
                <c:pt idx="266">
                  <c:v>1.331277</c:v>
                </c:pt>
                <c:pt idx="267">
                  <c:v>1.3362820000000006</c:v>
                </c:pt>
                <c:pt idx="268">
                  <c:v>1.3412870000000012</c:v>
                </c:pt>
                <c:pt idx="269">
                  <c:v>1.346292</c:v>
                </c:pt>
                <c:pt idx="270">
                  <c:v>1.3512960000000014</c:v>
                </c:pt>
                <c:pt idx="271">
                  <c:v>1.3563010000000002</c:v>
                </c:pt>
                <c:pt idx="272">
                  <c:v>1.3613060000000008</c:v>
                </c:pt>
                <c:pt idx="273">
                  <c:v>1.3663110000000014</c:v>
                </c:pt>
                <c:pt idx="274">
                  <c:v>1.3713160000000002</c:v>
                </c:pt>
                <c:pt idx="275">
                  <c:v>1.3763200000000015</c:v>
                </c:pt>
                <c:pt idx="276">
                  <c:v>1.3813250000000004</c:v>
                </c:pt>
                <c:pt idx="277">
                  <c:v>1.386330000000001</c:v>
                </c:pt>
                <c:pt idx="278">
                  <c:v>1.3913350000000015</c:v>
                </c:pt>
                <c:pt idx="279">
                  <c:v>1.3963400000000004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40000000011</c:v>
                </c:pt>
                <c:pt idx="283">
                  <c:v>1.4163589999999999</c:v>
                </c:pt>
                <c:pt idx="284">
                  <c:v>1.4213640000000005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80000000013</c:v>
                </c:pt>
                <c:pt idx="288">
                  <c:v>1.4413830000000001</c:v>
                </c:pt>
                <c:pt idx="289">
                  <c:v>1.4463880000000007</c:v>
                </c:pt>
                <c:pt idx="290">
                  <c:v>1.4513920000000002</c:v>
                </c:pt>
                <c:pt idx="291">
                  <c:v>1.4563970000000008</c:v>
                </c:pt>
                <c:pt idx="292">
                  <c:v>1.4614020000000014</c:v>
                </c:pt>
                <c:pt idx="293">
                  <c:v>1.4664070000000002</c:v>
                </c:pt>
                <c:pt idx="294">
                  <c:v>1.4714120000000008</c:v>
                </c:pt>
                <c:pt idx="295">
                  <c:v>1.4764160000000004</c:v>
                </c:pt>
                <c:pt idx="296">
                  <c:v>1.481421000000001</c:v>
                </c:pt>
                <c:pt idx="297">
                  <c:v>1.4864260000000016</c:v>
                </c:pt>
                <c:pt idx="298">
                  <c:v>1.4914310000000004</c:v>
                </c:pt>
                <c:pt idx="299">
                  <c:v>1.496436000000001</c:v>
                </c:pt>
                <c:pt idx="300">
                  <c:v>1.5014400000000006</c:v>
                </c:pt>
                <c:pt idx="301">
                  <c:v>1.5064450000000011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600000000011</c:v>
                </c:pt>
                <c:pt idx="305">
                  <c:v>1.5264640000000007</c:v>
                </c:pt>
                <c:pt idx="306">
                  <c:v>1.5314690000000013</c:v>
                </c:pt>
                <c:pt idx="307">
                  <c:v>1.5364740000000001</c:v>
                </c:pt>
                <c:pt idx="308">
                  <c:v>1.5414790000000007</c:v>
                </c:pt>
                <c:pt idx="309">
                  <c:v>1.5464840000000013</c:v>
                </c:pt>
                <c:pt idx="310">
                  <c:v>1.5514880000000009</c:v>
                </c:pt>
                <c:pt idx="311">
                  <c:v>1.5564930000000015</c:v>
                </c:pt>
                <c:pt idx="312">
                  <c:v>1.5614980000000003</c:v>
                </c:pt>
                <c:pt idx="313">
                  <c:v>1.5665030000000009</c:v>
                </c:pt>
                <c:pt idx="314">
                  <c:v>1.5715080000000015</c:v>
                </c:pt>
                <c:pt idx="315">
                  <c:v>1.576512000000001</c:v>
                </c:pt>
                <c:pt idx="316">
                  <c:v>1.5815170000000016</c:v>
                </c:pt>
                <c:pt idx="317">
                  <c:v>1.5865220000000004</c:v>
                </c:pt>
                <c:pt idx="318">
                  <c:v>1.591527000000001</c:v>
                </c:pt>
                <c:pt idx="319">
                  <c:v>1.5965320000000016</c:v>
                </c:pt>
                <c:pt idx="320">
                  <c:v>1.6015360000000012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10000000012</c:v>
                </c:pt>
                <c:pt idx="324">
                  <c:v>1.621556</c:v>
                </c:pt>
                <c:pt idx="325">
                  <c:v>1.6265600000000013</c:v>
                </c:pt>
                <c:pt idx="326">
                  <c:v>1.6315650000000002</c:v>
                </c:pt>
                <c:pt idx="327">
                  <c:v>1.6365700000000007</c:v>
                </c:pt>
                <c:pt idx="328">
                  <c:v>1.6415750000000013</c:v>
                </c:pt>
                <c:pt idx="329">
                  <c:v>1.6465800000000002</c:v>
                </c:pt>
                <c:pt idx="330">
                  <c:v>1.6515840000000015</c:v>
                </c:pt>
                <c:pt idx="331">
                  <c:v>1.6565890000000003</c:v>
                </c:pt>
                <c:pt idx="332">
                  <c:v>1.6615940000000009</c:v>
                </c:pt>
                <c:pt idx="333">
                  <c:v>1.6665990000000015</c:v>
                </c:pt>
                <c:pt idx="334">
                  <c:v>1.6716040000000003</c:v>
                </c:pt>
                <c:pt idx="335">
                  <c:v>1.6766080000000017</c:v>
                </c:pt>
                <c:pt idx="336">
                  <c:v>1.6816130000000005</c:v>
                </c:pt>
                <c:pt idx="337">
                  <c:v>1.6866180000000011</c:v>
                </c:pt>
                <c:pt idx="338">
                  <c:v>1.6916230000000017</c:v>
                </c:pt>
                <c:pt idx="339">
                  <c:v>1.6966280000000005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20000000012</c:v>
                </c:pt>
                <c:pt idx="343">
                  <c:v>1.716647</c:v>
                </c:pt>
                <c:pt idx="344">
                  <c:v>1.7216520000000006</c:v>
                </c:pt>
                <c:pt idx="345">
                  <c:v>1.7266560000000002</c:v>
                </c:pt>
                <c:pt idx="346">
                  <c:v>1.7316610000000008</c:v>
                </c:pt>
                <c:pt idx="347">
                  <c:v>1.7366660000000014</c:v>
                </c:pt>
                <c:pt idx="348">
                  <c:v>1.7416710000000002</c:v>
                </c:pt>
                <c:pt idx="349">
                  <c:v>1.7466760000000008</c:v>
                </c:pt>
                <c:pt idx="350">
                  <c:v>1.7516800000000003</c:v>
                </c:pt>
                <c:pt idx="351">
                  <c:v>1.7566850000000009</c:v>
                </c:pt>
                <c:pt idx="352">
                  <c:v>1.7616900000000015</c:v>
                </c:pt>
                <c:pt idx="353">
                  <c:v>1.7666950000000003</c:v>
                </c:pt>
                <c:pt idx="354">
                  <c:v>1.7717000000000009</c:v>
                </c:pt>
                <c:pt idx="355">
                  <c:v>1.7767040000000005</c:v>
                </c:pt>
                <c:pt idx="356">
                  <c:v>1.7817090000000011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40000000011</c:v>
                </c:pt>
                <c:pt idx="360">
                  <c:v>1.8017280000000007</c:v>
                </c:pt>
                <c:pt idx="361">
                  <c:v>1.8067330000000013</c:v>
                </c:pt>
                <c:pt idx="362">
                  <c:v>1.8117380000000001</c:v>
                </c:pt>
                <c:pt idx="363">
                  <c:v>1.8167430000000007</c:v>
                </c:pt>
                <c:pt idx="364">
                  <c:v>1.8217480000000013</c:v>
                </c:pt>
                <c:pt idx="365">
                  <c:v>1.8267520000000008</c:v>
                </c:pt>
                <c:pt idx="366">
                  <c:v>1.8317570000000014</c:v>
                </c:pt>
                <c:pt idx="367">
                  <c:v>1.8367620000000002</c:v>
                </c:pt>
                <c:pt idx="368">
                  <c:v>1.8417670000000008</c:v>
                </c:pt>
                <c:pt idx="369">
                  <c:v>1.8467720000000014</c:v>
                </c:pt>
                <c:pt idx="370">
                  <c:v>1.851776000000001</c:v>
                </c:pt>
                <c:pt idx="371">
                  <c:v>1.8567810000000016</c:v>
                </c:pt>
                <c:pt idx="372">
                  <c:v>1.8617860000000004</c:v>
                </c:pt>
                <c:pt idx="373">
                  <c:v>1.866791000000001</c:v>
                </c:pt>
                <c:pt idx="374">
                  <c:v>1.8717960000000016</c:v>
                </c:pt>
                <c:pt idx="375">
                  <c:v>1.8768000000000011</c:v>
                </c:pt>
                <c:pt idx="376">
                  <c:v>1.8818049999999999</c:v>
                </c:pt>
                <c:pt idx="377">
                  <c:v>1.8868100000000005</c:v>
                </c:pt>
                <c:pt idx="378">
                  <c:v>1.8918150000000011</c:v>
                </c:pt>
                <c:pt idx="379">
                  <c:v>1.89682</c:v>
                </c:pt>
                <c:pt idx="380">
                  <c:v>1.9018240000000013</c:v>
                </c:pt>
                <c:pt idx="381">
                  <c:v>1.9068290000000001</c:v>
                </c:pt>
                <c:pt idx="382">
                  <c:v>1.9118340000000007</c:v>
                </c:pt>
                <c:pt idx="383">
                  <c:v>1.9168390000000013</c:v>
                </c:pt>
                <c:pt idx="384">
                  <c:v>1.9218440000000001</c:v>
                </c:pt>
                <c:pt idx="385">
                  <c:v>1.9268480000000014</c:v>
                </c:pt>
                <c:pt idx="386">
                  <c:v>1.9318530000000003</c:v>
                </c:pt>
                <c:pt idx="387">
                  <c:v>1.9368580000000009</c:v>
                </c:pt>
                <c:pt idx="388">
                  <c:v>1.9418630000000014</c:v>
                </c:pt>
                <c:pt idx="389">
                  <c:v>1.9468680000000003</c:v>
                </c:pt>
                <c:pt idx="390">
                  <c:v>1.9518720000000016</c:v>
                </c:pt>
                <c:pt idx="391">
                  <c:v>1.9568770000000004</c:v>
                </c:pt>
                <c:pt idx="392">
                  <c:v>1.961882000000001</c:v>
                </c:pt>
                <c:pt idx="393">
                  <c:v>1.9668870000000016</c:v>
                </c:pt>
                <c:pt idx="394">
                  <c:v>1.9718920000000004</c:v>
                </c:pt>
                <c:pt idx="395">
                  <c:v>1.976896</c:v>
                </c:pt>
                <c:pt idx="396">
                  <c:v>1.9819010000000006</c:v>
                </c:pt>
              </c:numCache>
            </c:numRef>
          </c:xVal>
          <c:yVal>
            <c:numRef>
              <c:f>'Mono-1200-3s(10)'!$E$2:$E$2657</c:f>
              <c:numCache>
                <c:formatCode>General</c:formatCode>
                <c:ptCount val="2656"/>
                <c:pt idx="0">
                  <c:v>0</c:v>
                </c:pt>
                <c:pt idx="1">
                  <c:v>1.0916950000000725</c:v>
                </c:pt>
                <c:pt idx="2">
                  <c:v>1.0403440000000046</c:v>
                </c:pt>
                <c:pt idx="3">
                  <c:v>0.18820400000004156</c:v>
                </c:pt>
                <c:pt idx="4">
                  <c:v>0.20641499999999269</c:v>
                </c:pt>
                <c:pt idx="5">
                  <c:v>1.1243299999999863</c:v>
                </c:pt>
                <c:pt idx="6">
                  <c:v>1.3809650000000602</c:v>
                </c:pt>
                <c:pt idx="7">
                  <c:v>0.19468000000006214</c:v>
                </c:pt>
                <c:pt idx="8">
                  <c:v>-0.44651799999996911</c:v>
                </c:pt>
                <c:pt idx="9">
                  <c:v>0.20598800000004758</c:v>
                </c:pt>
                <c:pt idx="10">
                  <c:v>0.61351700000000164</c:v>
                </c:pt>
                <c:pt idx="11">
                  <c:v>-0.30382299999996576</c:v>
                </c:pt>
                <c:pt idx="12">
                  <c:v>-1.1912539999999581</c:v>
                </c:pt>
                <c:pt idx="13">
                  <c:v>-1.0871740000000045</c:v>
                </c:pt>
                <c:pt idx="14">
                  <c:v>-0.45581600000002709</c:v>
                </c:pt>
                <c:pt idx="15">
                  <c:v>-0.61571500000002288</c:v>
                </c:pt>
                <c:pt idx="16">
                  <c:v>-0.70230200000003151</c:v>
                </c:pt>
                <c:pt idx="17">
                  <c:v>-2.7148000000011052E-2</c:v>
                </c:pt>
                <c:pt idx="18">
                  <c:v>0.9570929999999862</c:v>
                </c:pt>
                <c:pt idx="19">
                  <c:v>1.2776660000000675</c:v>
                </c:pt>
                <c:pt idx="20">
                  <c:v>1.2136860000000524</c:v>
                </c:pt>
                <c:pt idx="21">
                  <c:v>1.8672950000000128</c:v>
                </c:pt>
                <c:pt idx="22">
                  <c:v>2.8506810000000087</c:v>
                </c:pt>
                <c:pt idx="23">
                  <c:v>3.1806100000000015</c:v>
                </c:pt>
                <c:pt idx="24">
                  <c:v>3.2436880000000201</c:v>
                </c:pt>
                <c:pt idx="25">
                  <c:v>3.4615830000000187</c:v>
                </c:pt>
                <c:pt idx="26">
                  <c:v>3.9381690000000162</c:v>
                </c:pt>
                <c:pt idx="27">
                  <c:v>3.914984000000004</c:v>
                </c:pt>
                <c:pt idx="28">
                  <c:v>3.3150580000000218</c:v>
                </c:pt>
                <c:pt idx="29">
                  <c:v>2.697954999999979</c:v>
                </c:pt>
                <c:pt idx="30">
                  <c:v>2.4158570000000736</c:v>
                </c:pt>
                <c:pt idx="31">
                  <c:v>2.553305000000023</c:v>
                </c:pt>
                <c:pt idx="32">
                  <c:v>2.5953319999999849</c:v>
                </c:pt>
                <c:pt idx="33">
                  <c:v>2.8177030000000514</c:v>
                </c:pt>
                <c:pt idx="34">
                  <c:v>2.7700710000000299</c:v>
                </c:pt>
                <c:pt idx="35">
                  <c:v>2.5164270000000215</c:v>
                </c:pt>
                <c:pt idx="36">
                  <c:v>2.4947260000000142</c:v>
                </c:pt>
                <c:pt idx="37">
                  <c:v>2.7497020000000703</c:v>
                </c:pt>
                <c:pt idx="38">
                  <c:v>3.3882909999999811</c:v>
                </c:pt>
                <c:pt idx="39">
                  <c:v>3.2853250000000571</c:v>
                </c:pt>
                <c:pt idx="40">
                  <c:v>3.1684099999999944</c:v>
                </c:pt>
                <c:pt idx="41">
                  <c:v>3.6057520000000522</c:v>
                </c:pt>
                <c:pt idx="42">
                  <c:v>3.9298989999999776</c:v>
                </c:pt>
                <c:pt idx="43">
                  <c:v>4.2692110000000412</c:v>
                </c:pt>
                <c:pt idx="44">
                  <c:v>4.3842319999999972</c:v>
                </c:pt>
                <c:pt idx="45">
                  <c:v>5.1381330000000389</c:v>
                </c:pt>
                <c:pt idx="46">
                  <c:v>6.1044400000000678</c:v>
                </c:pt>
                <c:pt idx="47">
                  <c:v>6.4731880000000501</c:v>
                </c:pt>
                <c:pt idx="48">
                  <c:v>6.0958560000000261</c:v>
                </c:pt>
                <c:pt idx="49">
                  <c:v>6.1352249999999913</c:v>
                </c:pt>
                <c:pt idx="50">
                  <c:v>6.5573200000000043</c:v>
                </c:pt>
                <c:pt idx="51">
                  <c:v>6.7331209999999828</c:v>
                </c:pt>
                <c:pt idx="52">
                  <c:v>5.6721200000000636</c:v>
                </c:pt>
                <c:pt idx="53">
                  <c:v>5.4661220000000412</c:v>
                </c:pt>
                <c:pt idx="54">
                  <c:v>6.1553460000000086</c:v>
                </c:pt>
                <c:pt idx="55">
                  <c:v>6.1422690000000557</c:v>
                </c:pt>
                <c:pt idx="56">
                  <c:v>5.4779080000000704</c:v>
                </c:pt>
                <c:pt idx="57">
                  <c:v>4.5804190000000062</c:v>
                </c:pt>
                <c:pt idx="58">
                  <c:v>5.2819630000000188</c:v>
                </c:pt>
                <c:pt idx="59">
                  <c:v>5.5788690000000543</c:v>
                </c:pt>
                <c:pt idx="60">
                  <c:v>4.7946809999999687</c:v>
                </c:pt>
                <c:pt idx="61">
                  <c:v>3.736972000000037</c:v>
                </c:pt>
                <c:pt idx="62">
                  <c:v>4.3946879999999737</c:v>
                </c:pt>
                <c:pt idx="63">
                  <c:v>5.4547099999999773</c:v>
                </c:pt>
                <c:pt idx="64">
                  <c:v>5.3210619999999835</c:v>
                </c:pt>
                <c:pt idx="65">
                  <c:v>4.661713000000077</c:v>
                </c:pt>
                <c:pt idx="66">
                  <c:v>4.9819810000000189</c:v>
                </c:pt>
                <c:pt idx="67">
                  <c:v>6.1720840000000408</c:v>
                </c:pt>
                <c:pt idx="68">
                  <c:v>6.1674699999999802</c:v>
                </c:pt>
                <c:pt idx="69">
                  <c:v>5.5163390000000163</c:v>
                </c:pt>
                <c:pt idx="70">
                  <c:v>5.4434539999999743</c:v>
                </c:pt>
                <c:pt idx="71">
                  <c:v>6.3526790000000801</c:v>
                </c:pt>
                <c:pt idx="72">
                  <c:v>6.4944610000000011</c:v>
                </c:pt>
                <c:pt idx="73">
                  <c:v>5.8451810000000251</c:v>
                </c:pt>
                <c:pt idx="74">
                  <c:v>5.4886500000000069</c:v>
                </c:pt>
                <c:pt idx="75">
                  <c:v>5.9256219999999757</c:v>
                </c:pt>
                <c:pt idx="76">
                  <c:v>6.2134230000000343</c:v>
                </c:pt>
                <c:pt idx="77">
                  <c:v>5.6216620000000148</c:v>
                </c:pt>
                <c:pt idx="78">
                  <c:v>5.0626459999999724</c:v>
                </c:pt>
                <c:pt idx="79">
                  <c:v>5.202425000000062</c:v>
                </c:pt>
                <c:pt idx="80">
                  <c:v>5.5487600000000157</c:v>
                </c:pt>
                <c:pt idx="81">
                  <c:v>5.0783790000000408</c:v>
                </c:pt>
                <c:pt idx="82">
                  <c:v>4.5592320000000655</c:v>
                </c:pt>
                <c:pt idx="83">
                  <c:v>4.8973130000000538</c:v>
                </c:pt>
                <c:pt idx="84">
                  <c:v>5.7516180000000077</c:v>
                </c:pt>
                <c:pt idx="85">
                  <c:v>6.119686999999999</c:v>
                </c:pt>
                <c:pt idx="86">
                  <c:v>6.0525420000000167</c:v>
                </c:pt>
                <c:pt idx="87">
                  <c:v>6.0415060000000267</c:v>
                </c:pt>
                <c:pt idx="88">
                  <c:v>6.4131399999999985</c:v>
                </c:pt>
                <c:pt idx="89">
                  <c:v>6.5848770000000059</c:v>
                </c:pt>
                <c:pt idx="90">
                  <c:v>6.5188689999999951</c:v>
                </c:pt>
                <c:pt idx="91">
                  <c:v>6.4316870000000108</c:v>
                </c:pt>
                <c:pt idx="92">
                  <c:v>6.9223590000000286</c:v>
                </c:pt>
                <c:pt idx="93">
                  <c:v>7.8617750000000797</c:v>
                </c:pt>
                <c:pt idx="94">
                  <c:v>8.0050390000000107</c:v>
                </c:pt>
                <c:pt idx="95">
                  <c:v>7.1855140000000119</c:v>
                </c:pt>
                <c:pt idx="96">
                  <c:v>7.1626569999999674</c:v>
                </c:pt>
                <c:pt idx="97">
                  <c:v>7.7099420000000691</c:v>
                </c:pt>
                <c:pt idx="98">
                  <c:v>8.4449359999999842</c:v>
                </c:pt>
                <c:pt idx="99">
                  <c:v>8.339458000000036</c:v>
                </c:pt>
                <c:pt idx="100">
                  <c:v>8.0094800000000532</c:v>
                </c:pt>
                <c:pt idx="101">
                  <c:v>7.9580889999999727</c:v>
                </c:pt>
                <c:pt idx="102">
                  <c:v>8.6332590000000664</c:v>
                </c:pt>
                <c:pt idx="103">
                  <c:v>8.7147089999999707</c:v>
                </c:pt>
                <c:pt idx="104">
                  <c:v>8.2975370000000339</c:v>
                </c:pt>
                <c:pt idx="105">
                  <c:v>7.6514900000000807</c:v>
                </c:pt>
                <c:pt idx="106">
                  <c:v>7.7508690000000797</c:v>
                </c:pt>
                <c:pt idx="107">
                  <c:v>7.7214760000000524</c:v>
                </c:pt>
                <c:pt idx="108">
                  <c:v>7.0757399999999961</c:v>
                </c:pt>
                <c:pt idx="109">
                  <c:v>6.4137070000000449</c:v>
                </c:pt>
                <c:pt idx="110">
                  <c:v>6.6387680000000273</c:v>
                </c:pt>
                <c:pt idx="111">
                  <c:v>7.0678990000000113</c:v>
                </c:pt>
                <c:pt idx="112">
                  <c:v>7.1432140000000572</c:v>
                </c:pt>
                <c:pt idx="113">
                  <c:v>6.82625900000005</c:v>
                </c:pt>
                <c:pt idx="114">
                  <c:v>6.5850669999999809</c:v>
                </c:pt>
                <c:pt idx="115">
                  <c:v>6.7826740000000427</c:v>
                </c:pt>
                <c:pt idx="116">
                  <c:v>6.7552430000000641</c:v>
                </c:pt>
                <c:pt idx="117">
                  <c:v>6.4097790000000714</c:v>
                </c:pt>
                <c:pt idx="118">
                  <c:v>6.4719350000000304</c:v>
                </c:pt>
                <c:pt idx="119">
                  <c:v>7.3497270000000299</c:v>
                </c:pt>
                <c:pt idx="120">
                  <c:v>7.8474120000000767</c:v>
                </c:pt>
                <c:pt idx="121">
                  <c:v>7.7125570000000607</c:v>
                </c:pt>
                <c:pt idx="122">
                  <c:v>7.3914950000000772</c:v>
                </c:pt>
                <c:pt idx="123">
                  <c:v>7.106832000000054</c:v>
                </c:pt>
                <c:pt idx="124">
                  <c:v>7.5233570000000327</c:v>
                </c:pt>
                <c:pt idx="125">
                  <c:v>7.4415520000000015</c:v>
                </c:pt>
                <c:pt idx="126">
                  <c:v>6.7981240000000298</c:v>
                </c:pt>
                <c:pt idx="127">
                  <c:v>6.7901910000000498</c:v>
                </c:pt>
                <c:pt idx="128">
                  <c:v>7.1122070000000122</c:v>
                </c:pt>
                <c:pt idx="129">
                  <c:v>7.3640639999999848</c:v>
                </c:pt>
                <c:pt idx="130">
                  <c:v>7.1235050000000228</c:v>
                </c:pt>
                <c:pt idx="131">
                  <c:v>6.8227900000000545</c:v>
                </c:pt>
                <c:pt idx="132">
                  <c:v>7.3248909999999796</c:v>
                </c:pt>
                <c:pt idx="133">
                  <c:v>7.7544110000000046</c:v>
                </c:pt>
                <c:pt idx="134">
                  <c:v>7.3319260000000668</c:v>
                </c:pt>
                <c:pt idx="135">
                  <c:v>6.9420890000000099</c:v>
                </c:pt>
                <c:pt idx="136">
                  <c:v>6.7991260000000011</c:v>
                </c:pt>
                <c:pt idx="137">
                  <c:v>7.026126999999974</c:v>
                </c:pt>
                <c:pt idx="138">
                  <c:v>6.88575000000003</c:v>
                </c:pt>
                <c:pt idx="139">
                  <c:v>6.8393550000000687</c:v>
                </c:pt>
                <c:pt idx="140">
                  <c:v>7.29668300000003</c:v>
                </c:pt>
                <c:pt idx="141">
                  <c:v>7.5822779999999739</c:v>
                </c:pt>
                <c:pt idx="142">
                  <c:v>7.8191960000000336</c:v>
                </c:pt>
                <c:pt idx="143">
                  <c:v>8.0178359999999884</c:v>
                </c:pt>
                <c:pt idx="144">
                  <c:v>8.165691000000038</c:v>
                </c:pt>
                <c:pt idx="145">
                  <c:v>8.4066240000000789</c:v>
                </c:pt>
                <c:pt idx="146">
                  <c:v>8.5421880000000101</c:v>
                </c:pt>
                <c:pt idx="147">
                  <c:v>8.4603650000000243</c:v>
                </c:pt>
                <c:pt idx="148">
                  <c:v>8.6585129999999708</c:v>
                </c:pt>
                <c:pt idx="149">
                  <c:v>8.9438810000000331</c:v>
                </c:pt>
                <c:pt idx="150">
                  <c:v>9.1622650000000476</c:v>
                </c:pt>
                <c:pt idx="151">
                  <c:v>9.3804770000000417</c:v>
                </c:pt>
                <c:pt idx="152">
                  <c:v>9.3291970000000219</c:v>
                </c:pt>
                <c:pt idx="153">
                  <c:v>9.2517229999999699</c:v>
                </c:pt>
                <c:pt idx="154">
                  <c:v>8.5877330000000711</c:v>
                </c:pt>
                <c:pt idx="155">
                  <c:v>8.2973779999999806</c:v>
                </c:pt>
                <c:pt idx="156">
                  <c:v>8.2243480000000773</c:v>
                </c:pt>
                <c:pt idx="157">
                  <c:v>7.9247370000000501</c:v>
                </c:pt>
                <c:pt idx="158">
                  <c:v>7.0301510000000462</c:v>
                </c:pt>
                <c:pt idx="159">
                  <c:v>6.3590269999999691</c:v>
                </c:pt>
                <c:pt idx="160">
                  <c:v>6.3625110000000404</c:v>
                </c:pt>
                <c:pt idx="161">
                  <c:v>6.3798679999999877</c:v>
                </c:pt>
                <c:pt idx="162">
                  <c:v>5.9479250000000548</c:v>
                </c:pt>
                <c:pt idx="163">
                  <c:v>5.7146940000000086</c:v>
                </c:pt>
                <c:pt idx="164">
                  <c:v>6.0573669999999993</c:v>
                </c:pt>
                <c:pt idx="165">
                  <c:v>6.7903350000000273</c:v>
                </c:pt>
                <c:pt idx="166">
                  <c:v>7.0232090000000653</c:v>
                </c:pt>
                <c:pt idx="167">
                  <c:v>7.2179630000000543</c:v>
                </c:pt>
                <c:pt idx="168">
                  <c:v>8.1633330000000797</c:v>
                </c:pt>
                <c:pt idx="169">
                  <c:v>9.7978080000000318</c:v>
                </c:pt>
                <c:pt idx="170">
                  <c:v>10.526718000000074</c:v>
                </c:pt>
                <c:pt idx="171">
                  <c:v>10.821426999999971</c:v>
                </c:pt>
                <c:pt idx="172">
                  <c:v>11.240435000000048</c:v>
                </c:pt>
                <c:pt idx="173">
                  <c:v>11.743155999999999</c:v>
                </c:pt>
                <c:pt idx="174">
                  <c:v>11.795794000000001</c:v>
                </c:pt>
                <c:pt idx="175">
                  <c:v>11.329555000000028</c:v>
                </c:pt>
                <c:pt idx="176">
                  <c:v>11.018425999999977</c:v>
                </c:pt>
                <c:pt idx="177">
                  <c:v>11.238607000000002</c:v>
                </c:pt>
                <c:pt idx="178">
                  <c:v>11.284625000000005</c:v>
                </c:pt>
                <c:pt idx="179">
                  <c:v>10.646824000000038</c:v>
                </c:pt>
                <c:pt idx="180">
                  <c:v>10.023896000000036</c:v>
                </c:pt>
                <c:pt idx="181">
                  <c:v>10.158716000000027</c:v>
                </c:pt>
                <c:pt idx="182">
                  <c:v>10.141614000000004</c:v>
                </c:pt>
                <c:pt idx="183">
                  <c:v>9.2990990000000693</c:v>
                </c:pt>
                <c:pt idx="184">
                  <c:v>8.3784050000000434</c:v>
                </c:pt>
                <c:pt idx="185">
                  <c:v>8.3368540000000166</c:v>
                </c:pt>
                <c:pt idx="186">
                  <c:v>8.3012949999999819</c:v>
                </c:pt>
                <c:pt idx="187">
                  <c:v>7.3412080000000515</c:v>
                </c:pt>
                <c:pt idx="188">
                  <c:v>6.1971780000000081</c:v>
                </c:pt>
                <c:pt idx="189">
                  <c:v>6.099427999999989</c:v>
                </c:pt>
                <c:pt idx="190">
                  <c:v>6.2716800000000603</c:v>
                </c:pt>
                <c:pt idx="191">
                  <c:v>6.388398000000052</c:v>
                </c:pt>
                <c:pt idx="192">
                  <c:v>6.3616560000000391</c:v>
                </c:pt>
                <c:pt idx="193">
                  <c:v>7.0329020000000355</c:v>
                </c:pt>
                <c:pt idx="194">
                  <c:v>8.1153370000000677</c:v>
                </c:pt>
                <c:pt idx="195">
                  <c:v>9.027074999999968</c:v>
                </c:pt>
                <c:pt idx="196">
                  <c:v>9.5027979999999843</c:v>
                </c:pt>
                <c:pt idx="197">
                  <c:v>9.8380650000000287</c:v>
                </c:pt>
                <c:pt idx="198">
                  <c:v>10.740669000000025</c:v>
                </c:pt>
                <c:pt idx="199">
                  <c:v>11.395939999999996</c:v>
                </c:pt>
                <c:pt idx="200">
                  <c:v>11.724122000000079</c:v>
                </c:pt>
                <c:pt idx="201">
                  <c:v>11.883382999999981</c:v>
                </c:pt>
                <c:pt idx="202">
                  <c:v>11.610516000000075</c:v>
                </c:pt>
                <c:pt idx="203">
                  <c:v>11.421052000000032</c:v>
                </c:pt>
                <c:pt idx="204">
                  <c:v>10.756349</c:v>
                </c:pt>
                <c:pt idx="205">
                  <c:v>10.206410000000005</c:v>
                </c:pt>
                <c:pt idx="206">
                  <c:v>9.4998450000000503</c:v>
                </c:pt>
                <c:pt idx="207">
                  <c:v>8.8488810000000058</c:v>
                </c:pt>
                <c:pt idx="208">
                  <c:v>8.9750360000000455</c:v>
                </c:pt>
                <c:pt idx="209">
                  <c:v>8.9258160000000544</c:v>
                </c:pt>
                <c:pt idx="210">
                  <c:v>8.5600319999999783</c:v>
                </c:pt>
                <c:pt idx="211">
                  <c:v>7.9033600000000206</c:v>
                </c:pt>
                <c:pt idx="212">
                  <c:v>7.6583500000000413</c:v>
                </c:pt>
                <c:pt idx="213">
                  <c:v>7.9620409999999993</c:v>
                </c:pt>
                <c:pt idx="214">
                  <c:v>8.1534810000000562</c:v>
                </c:pt>
                <c:pt idx="215">
                  <c:v>8.2761780000000726</c:v>
                </c:pt>
                <c:pt idx="216">
                  <c:v>8.5845560000000205</c:v>
                </c:pt>
                <c:pt idx="217">
                  <c:v>9.6111640000000307</c:v>
                </c:pt>
                <c:pt idx="218">
                  <c:v>10.509776999999985</c:v>
                </c:pt>
                <c:pt idx="219">
                  <c:v>10.562704000000053</c:v>
                </c:pt>
                <c:pt idx="220">
                  <c:v>10.802009999999996</c:v>
                </c:pt>
                <c:pt idx="221">
                  <c:v>11.498109999999997</c:v>
                </c:pt>
                <c:pt idx="222">
                  <c:v>11.934292000000028</c:v>
                </c:pt>
                <c:pt idx="223">
                  <c:v>11.91695900000002</c:v>
                </c:pt>
                <c:pt idx="224">
                  <c:v>11.911878000000002</c:v>
                </c:pt>
                <c:pt idx="225">
                  <c:v>12.711031000000048</c:v>
                </c:pt>
                <c:pt idx="226">
                  <c:v>13.16918499999997</c:v>
                </c:pt>
                <c:pt idx="227">
                  <c:v>12.739315000000033</c:v>
                </c:pt>
                <c:pt idx="228">
                  <c:v>11.934628999999973</c:v>
                </c:pt>
                <c:pt idx="229">
                  <c:v>11.836337000000071</c:v>
                </c:pt>
                <c:pt idx="230">
                  <c:v>11.890649000000053</c:v>
                </c:pt>
                <c:pt idx="231">
                  <c:v>11.411933999999974</c:v>
                </c:pt>
                <c:pt idx="232">
                  <c:v>10.324305999999979</c:v>
                </c:pt>
                <c:pt idx="233">
                  <c:v>9.9648570000000518</c:v>
                </c:pt>
                <c:pt idx="234">
                  <c:v>10.116106000000059</c:v>
                </c:pt>
                <c:pt idx="235">
                  <c:v>10.05277000000001</c:v>
                </c:pt>
                <c:pt idx="236">
                  <c:v>9.436800000000062</c:v>
                </c:pt>
                <c:pt idx="237">
                  <c:v>9.3330630000000383</c:v>
                </c:pt>
                <c:pt idx="238">
                  <c:v>10.000827000000072</c:v>
                </c:pt>
                <c:pt idx="239">
                  <c:v>9.9101040000000467</c:v>
                </c:pt>
                <c:pt idx="240">
                  <c:v>9.5247209999999995</c:v>
                </c:pt>
                <c:pt idx="241">
                  <c:v>9.7884169999999813</c:v>
                </c:pt>
                <c:pt idx="242">
                  <c:v>10.690429999999992</c:v>
                </c:pt>
                <c:pt idx="243">
                  <c:v>11.056694999999991</c:v>
                </c:pt>
                <c:pt idx="244">
                  <c:v>10.954946000000064</c:v>
                </c:pt>
                <c:pt idx="245">
                  <c:v>11.029188999999974</c:v>
                </c:pt>
                <c:pt idx="246">
                  <c:v>11.448885000000018</c:v>
                </c:pt>
                <c:pt idx="247">
                  <c:v>11.88046200000008</c:v>
                </c:pt>
                <c:pt idx="248">
                  <c:v>11.935091000000057</c:v>
                </c:pt>
                <c:pt idx="249">
                  <c:v>12.009577000000036</c:v>
                </c:pt>
                <c:pt idx="250">
                  <c:v>12.084759000000076</c:v>
                </c:pt>
                <c:pt idx="251">
                  <c:v>12.266957000000048</c:v>
                </c:pt>
                <c:pt idx="252">
                  <c:v>12.303428000000054</c:v>
                </c:pt>
                <c:pt idx="253">
                  <c:v>12.308179999999993</c:v>
                </c:pt>
                <c:pt idx="254">
                  <c:v>12.159267</c:v>
                </c:pt>
                <c:pt idx="255">
                  <c:v>11.139169000000038</c:v>
                </c:pt>
                <c:pt idx="256">
                  <c:v>9.8639160000000174</c:v>
                </c:pt>
                <c:pt idx="257">
                  <c:v>9.543749000000048</c:v>
                </c:pt>
                <c:pt idx="258">
                  <c:v>9.6940500000000611</c:v>
                </c:pt>
                <c:pt idx="259">
                  <c:v>9.7494699999999739</c:v>
                </c:pt>
                <c:pt idx="260">
                  <c:v>9.2304090000000087</c:v>
                </c:pt>
                <c:pt idx="261">
                  <c:v>9.0133420000000797</c:v>
                </c:pt>
                <c:pt idx="262">
                  <c:v>9.6389850000000479</c:v>
                </c:pt>
                <c:pt idx="263">
                  <c:v>10.259291000000076</c:v>
                </c:pt>
                <c:pt idx="264">
                  <c:v>10.144992000000002</c:v>
                </c:pt>
                <c:pt idx="265">
                  <c:v>10.619431000000077</c:v>
                </c:pt>
                <c:pt idx="266">
                  <c:v>11.469788999999992</c:v>
                </c:pt>
                <c:pt idx="267">
                  <c:v>12.335790999999972</c:v>
                </c:pt>
                <c:pt idx="268">
                  <c:v>12.47366599999998</c:v>
                </c:pt>
                <c:pt idx="269">
                  <c:v>12.604017999999996</c:v>
                </c:pt>
                <c:pt idx="270">
                  <c:v>13.453614000000016</c:v>
                </c:pt>
                <c:pt idx="271">
                  <c:v>14.190062000000012</c:v>
                </c:pt>
                <c:pt idx="272">
                  <c:v>13.959260999999969</c:v>
                </c:pt>
                <c:pt idx="273">
                  <c:v>13.586245000000076</c:v>
                </c:pt>
                <c:pt idx="274">
                  <c:v>13.32325800000001</c:v>
                </c:pt>
                <c:pt idx="275">
                  <c:v>13.270215000000007</c:v>
                </c:pt>
                <c:pt idx="276">
                  <c:v>12.24942800000008</c:v>
                </c:pt>
                <c:pt idx="277">
                  <c:v>11.250945999999999</c:v>
                </c:pt>
                <c:pt idx="278">
                  <c:v>10.721677999999997</c:v>
                </c:pt>
                <c:pt idx="279">
                  <c:v>10.891387000000009</c:v>
                </c:pt>
                <c:pt idx="280">
                  <c:v>10.630428000000052</c:v>
                </c:pt>
                <c:pt idx="281">
                  <c:v>9.8869680000000244</c:v>
                </c:pt>
                <c:pt idx="282">
                  <c:v>9.6435270000000628</c:v>
                </c:pt>
                <c:pt idx="283">
                  <c:v>10.100664000000052</c:v>
                </c:pt>
                <c:pt idx="284">
                  <c:v>10.245377000000076</c:v>
                </c:pt>
                <c:pt idx="285">
                  <c:v>10.491388000000029</c:v>
                </c:pt>
                <c:pt idx="286">
                  <c:v>10.594671000000062</c:v>
                </c:pt>
                <c:pt idx="287">
                  <c:v>11.183028000000036</c:v>
                </c:pt>
                <c:pt idx="288">
                  <c:v>11.624234999999999</c:v>
                </c:pt>
                <c:pt idx="289">
                  <c:v>12.175606000000016</c:v>
                </c:pt>
                <c:pt idx="290">
                  <c:v>12.55613100000005</c:v>
                </c:pt>
                <c:pt idx="291">
                  <c:v>13.174477000000024</c:v>
                </c:pt>
                <c:pt idx="292">
                  <c:v>13.691046000000028</c:v>
                </c:pt>
                <c:pt idx="293">
                  <c:v>13.800471000000016</c:v>
                </c:pt>
                <c:pt idx="294">
                  <c:v>13.089453000000049</c:v>
                </c:pt>
                <c:pt idx="295">
                  <c:v>12.542268000000035</c:v>
                </c:pt>
                <c:pt idx="296">
                  <c:v>12.378251999999975</c:v>
                </c:pt>
                <c:pt idx="297">
                  <c:v>12.118704999999977</c:v>
                </c:pt>
                <c:pt idx="298">
                  <c:v>11.867941999999971</c:v>
                </c:pt>
                <c:pt idx="299">
                  <c:v>11.732054000000062</c:v>
                </c:pt>
                <c:pt idx="300">
                  <c:v>11.311365000000023</c:v>
                </c:pt>
                <c:pt idx="301">
                  <c:v>11.271004000000062</c:v>
                </c:pt>
                <c:pt idx="302">
                  <c:v>11.356550999999968</c:v>
                </c:pt>
                <c:pt idx="303">
                  <c:v>11.520277000000078</c:v>
                </c:pt>
                <c:pt idx="304">
                  <c:v>11.644653000000062</c:v>
                </c:pt>
                <c:pt idx="305">
                  <c:v>11.804149000000052</c:v>
                </c:pt>
                <c:pt idx="306">
                  <c:v>12.288039000000026</c:v>
                </c:pt>
                <c:pt idx="307">
                  <c:v>12.805987000000073</c:v>
                </c:pt>
                <c:pt idx="308">
                  <c:v>13.078716999999983</c:v>
                </c:pt>
                <c:pt idx="309">
                  <c:v>13.410425000000032</c:v>
                </c:pt>
                <c:pt idx="310">
                  <c:v>13.953230000000076</c:v>
                </c:pt>
                <c:pt idx="311">
                  <c:v>14.365114000000062</c:v>
                </c:pt>
                <c:pt idx="312">
                  <c:v>14.035349999999994</c:v>
                </c:pt>
                <c:pt idx="313">
                  <c:v>13.234672000000046</c:v>
                </c:pt>
                <c:pt idx="314">
                  <c:v>12.811773000000017</c:v>
                </c:pt>
                <c:pt idx="315">
                  <c:v>12.707161000000042</c:v>
                </c:pt>
                <c:pt idx="316">
                  <c:v>12.092145000000073</c:v>
                </c:pt>
                <c:pt idx="317">
                  <c:v>11.309843000000001</c:v>
                </c:pt>
                <c:pt idx="318">
                  <c:v>10.597803999999996</c:v>
                </c:pt>
                <c:pt idx="319">
                  <c:v>10.310998000000041</c:v>
                </c:pt>
                <c:pt idx="320">
                  <c:v>9.4899669999999787</c:v>
                </c:pt>
                <c:pt idx="321">
                  <c:v>8.5644839999999931</c:v>
                </c:pt>
                <c:pt idx="322">
                  <c:v>8.1578010000000631</c:v>
                </c:pt>
                <c:pt idx="323">
                  <c:v>8.4454040000000532</c:v>
                </c:pt>
                <c:pt idx="324">
                  <c:v>8.394514000000072</c:v>
                </c:pt>
                <c:pt idx="325">
                  <c:v>8.4156330000000708</c:v>
                </c:pt>
                <c:pt idx="326">
                  <c:v>8.5003510000000233</c:v>
                </c:pt>
                <c:pt idx="327">
                  <c:v>9.1690600000000586</c:v>
                </c:pt>
                <c:pt idx="328">
                  <c:v>9.9565569999999752</c:v>
                </c:pt>
                <c:pt idx="329">
                  <c:v>10.683042</c:v>
                </c:pt>
                <c:pt idx="330">
                  <c:v>10.934677000000079</c:v>
                </c:pt>
                <c:pt idx="331">
                  <c:v>11.794623999999999</c:v>
                </c:pt>
                <c:pt idx="332">
                  <c:v>12.837399000000005</c:v>
                </c:pt>
                <c:pt idx="333">
                  <c:v>13.506248000000028</c:v>
                </c:pt>
                <c:pt idx="334">
                  <c:v>13.472698000000037</c:v>
                </c:pt>
                <c:pt idx="335">
                  <c:v>14.087630999999988</c:v>
                </c:pt>
                <c:pt idx="336">
                  <c:v>14.651833000000011</c:v>
                </c:pt>
                <c:pt idx="337">
                  <c:v>14.147852000000057</c:v>
                </c:pt>
                <c:pt idx="338">
                  <c:v>13.138884000000076</c:v>
                </c:pt>
                <c:pt idx="339">
                  <c:v>12.380632999999989</c:v>
                </c:pt>
                <c:pt idx="340">
                  <c:v>11.61044000000004</c:v>
                </c:pt>
                <c:pt idx="341">
                  <c:v>10.894320999999991</c:v>
                </c:pt>
                <c:pt idx="342">
                  <c:v>9.7600140000000692</c:v>
                </c:pt>
                <c:pt idx="343">
                  <c:v>8.8082520000000386</c:v>
                </c:pt>
                <c:pt idx="344">
                  <c:v>8.1260050000000774</c:v>
                </c:pt>
                <c:pt idx="345">
                  <c:v>8.048795000000041</c:v>
                </c:pt>
                <c:pt idx="346">
                  <c:v>8.042803000000049</c:v>
                </c:pt>
                <c:pt idx="347">
                  <c:v>8.047943000000032</c:v>
                </c:pt>
                <c:pt idx="348">
                  <c:v>8.3272600000000239</c:v>
                </c:pt>
                <c:pt idx="349">
                  <c:v>8.9987919999999804</c:v>
                </c:pt>
                <c:pt idx="350">
                  <c:v>10.026327000000038</c:v>
                </c:pt>
                <c:pt idx="351">
                  <c:v>10.980549999999994</c:v>
                </c:pt>
                <c:pt idx="352">
                  <c:v>11.554784000000041</c:v>
                </c:pt>
                <c:pt idx="353">
                  <c:v>12.372292000000016</c:v>
                </c:pt>
                <c:pt idx="354">
                  <c:v>13.012690000000021</c:v>
                </c:pt>
                <c:pt idx="355">
                  <c:v>13.390431000000035</c:v>
                </c:pt>
                <c:pt idx="356">
                  <c:v>13.826424999999972</c:v>
                </c:pt>
                <c:pt idx="357">
                  <c:v>14.800329000000033</c:v>
                </c:pt>
                <c:pt idx="358">
                  <c:v>15.406240000000025</c:v>
                </c:pt>
                <c:pt idx="359">
                  <c:v>15.188222999999994</c:v>
                </c:pt>
                <c:pt idx="360">
                  <c:v>14.437617000000046</c:v>
                </c:pt>
                <c:pt idx="361">
                  <c:v>13.645368000000076</c:v>
                </c:pt>
                <c:pt idx="362">
                  <c:v>12.88412500000004</c:v>
                </c:pt>
                <c:pt idx="363">
                  <c:v>11.841922000000068</c:v>
                </c:pt>
                <c:pt idx="364">
                  <c:v>10.370789000000059</c:v>
                </c:pt>
                <c:pt idx="365">
                  <c:v>9.3972580000000789</c:v>
                </c:pt>
                <c:pt idx="366">
                  <c:v>8.5941720000000714</c:v>
                </c:pt>
                <c:pt idx="367">
                  <c:v>8.1706950000000234</c:v>
                </c:pt>
                <c:pt idx="368">
                  <c:v>7.8848000000000411</c:v>
                </c:pt>
                <c:pt idx="369">
                  <c:v>7.9679419999999936</c:v>
                </c:pt>
                <c:pt idx="370">
                  <c:v>8.3709119999999757</c:v>
                </c:pt>
                <c:pt idx="371">
                  <c:v>9.1493940000000293</c:v>
                </c:pt>
                <c:pt idx="372">
                  <c:v>9.5577400000000807</c:v>
                </c:pt>
                <c:pt idx="373">
                  <c:v>9.8673650000000634</c:v>
                </c:pt>
                <c:pt idx="374">
                  <c:v>10.778671000000031</c:v>
                </c:pt>
                <c:pt idx="375">
                  <c:v>11.917313000000036</c:v>
                </c:pt>
                <c:pt idx="376">
                  <c:v>12.755273999999986</c:v>
                </c:pt>
                <c:pt idx="377">
                  <c:v>13.173483000000033</c:v>
                </c:pt>
                <c:pt idx="378">
                  <c:v>13.603085000000078</c:v>
                </c:pt>
                <c:pt idx="379">
                  <c:v>14.440816000000041</c:v>
                </c:pt>
                <c:pt idx="380">
                  <c:v>14.887473</c:v>
                </c:pt>
                <c:pt idx="381">
                  <c:v>15.038073000000054</c:v>
                </c:pt>
                <c:pt idx="382">
                  <c:v>14.881954000000064</c:v>
                </c:pt>
                <c:pt idx="383">
                  <c:v>14.794451999999978</c:v>
                </c:pt>
                <c:pt idx="384">
                  <c:v>14.062025000000062</c:v>
                </c:pt>
                <c:pt idx="385">
                  <c:v>13.353158000000008</c:v>
                </c:pt>
                <c:pt idx="386">
                  <c:v>12.553162000000043</c:v>
                </c:pt>
                <c:pt idx="387">
                  <c:v>11.940674000000058</c:v>
                </c:pt>
                <c:pt idx="388">
                  <c:v>11.082362999999987</c:v>
                </c:pt>
                <c:pt idx="389">
                  <c:v>10.26683700000001</c:v>
                </c:pt>
                <c:pt idx="390">
                  <c:v>9.3446589999999787</c:v>
                </c:pt>
                <c:pt idx="391">
                  <c:v>8.8481199999999944</c:v>
                </c:pt>
                <c:pt idx="392">
                  <c:v>8.8655559999999696</c:v>
                </c:pt>
                <c:pt idx="393">
                  <c:v>9.1082149999999729</c:v>
                </c:pt>
                <c:pt idx="394">
                  <c:v>9.1461900000000469</c:v>
                </c:pt>
                <c:pt idx="395">
                  <c:v>9.6930869999999913</c:v>
                </c:pt>
                <c:pt idx="396">
                  <c:v>10.565291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126-417B-A332-AF9403D2E2F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9.823349942679252E-2"/>
                  <c:y val="-0.21661827162298927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20-3s(16)'!$D$2:$D$2664</c:f>
              <c:numCache>
                <c:formatCode>General</c:formatCode>
                <c:ptCount val="2663"/>
                <c:pt idx="0">
                  <c:v>0</c:v>
                </c:pt>
                <c:pt idx="1">
                  <c:v>5.0050000000005923E-3</c:v>
                </c:pt>
                <c:pt idx="2">
                  <c:v>1.0010000000000296E-2</c:v>
                </c:pt>
                <c:pt idx="3">
                  <c:v>1.5015000000000001E-2</c:v>
                </c:pt>
                <c:pt idx="4">
                  <c:v>2.0020000000000593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4000000000454E-2</c:v>
                </c:pt>
                <c:pt idx="8">
                  <c:v>4.0039000000000158E-2</c:v>
                </c:pt>
                <c:pt idx="9">
                  <c:v>4.5043999999999862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8000000000611E-2</c:v>
                </c:pt>
                <c:pt idx="13">
                  <c:v>6.5063000000000315E-2</c:v>
                </c:pt>
                <c:pt idx="14">
                  <c:v>7.0068000000000019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199999999988E-2</c:v>
                </c:pt>
                <c:pt idx="18">
                  <c:v>9.0087000000000472E-2</c:v>
                </c:pt>
                <c:pt idx="19">
                  <c:v>9.5092000000000176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600000000033</c:v>
                </c:pt>
                <c:pt idx="25">
                  <c:v>0.1251199999999999</c:v>
                </c:pt>
                <c:pt idx="26">
                  <c:v>0.13012500000000049</c:v>
                </c:pt>
                <c:pt idx="27">
                  <c:v>0.13513000000000019</c:v>
                </c:pt>
                <c:pt idx="28">
                  <c:v>0.1401349999999999</c:v>
                </c:pt>
                <c:pt idx="29">
                  <c:v>0.14514000000000049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400000000035</c:v>
                </c:pt>
                <c:pt idx="33">
                  <c:v>0.16515900000000006</c:v>
                </c:pt>
                <c:pt idx="34">
                  <c:v>0.17016400000000065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800000000051</c:v>
                </c:pt>
                <c:pt idx="38">
                  <c:v>0.19018300000000021</c:v>
                </c:pt>
                <c:pt idx="39">
                  <c:v>0.19518799999999992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199999999978</c:v>
                </c:pt>
                <c:pt idx="43">
                  <c:v>0.21520700000000037</c:v>
                </c:pt>
                <c:pt idx="44">
                  <c:v>0.22021200000000007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599999999994</c:v>
                </c:pt>
                <c:pt idx="48">
                  <c:v>0.24023100000000053</c:v>
                </c:pt>
                <c:pt idx="49">
                  <c:v>0.24523600000000023</c:v>
                </c:pt>
                <c:pt idx="50">
                  <c:v>0.2502399999999998</c:v>
                </c:pt>
                <c:pt idx="51">
                  <c:v>0.25524500000000039</c:v>
                </c:pt>
                <c:pt idx="52">
                  <c:v>0.26025000000000009</c:v>
                </c:pt>
                <c:pt idx="53">
                  <c:v>0.2652549999999998</c:v>
                </c:pt>
                <c:pt idx="54">
                  <c:v>0.27026000000000039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400000000025</c:v>
                </c:pt>
                <c:pt idx="58">
                  <c:v>0.29027899999999995</c:v>
                </c:pt>
                <c:pt idx="59">
                  <c:v>0.29528400000000055</c:v>
                </c:pt>
                <c:pt idx="60">
                  <c:v>0.30028800000000011</c:v>
                </c:pt>
                <c:pt idx="61">
                  <c:v>0.30529299999999981</c:v>
                </c:pt>
                <c:pt idx="62">
                  <c:v>0.31029800000000041</c:v>
                </c:pt>
                <c:pt idx="63">
                  <c:v>0.31530300000000011</c:v>
                </c:pt>
                <c:pt idx="64">
                  <c:v>0.32030799999999982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200000000056</c:v>
                </c:pt>
                <c:pt idx="68">
                  <c:v>0.34032700000000027</c:v>
                </c:pt>
                <c:pt idx="69">
                  <c:v>0.34533199999999997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599999999983</c:v>
                </c:pt>
                <c:pt idx="73">
                  <c:v>0.36535100000000043</c:v>
                </c:pt>
                <c:pt idx="74">
                  <c:v>0.37035600000000013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8000000000029</c:v>
                </c:pt>
                <c:pt idx="80">
                  <c:v>0.40038399999999985</c:v>
                </c:pt>
                <c:pt idx="81">
                  <c:v>0.40538900000000044</c:v>
                </c:pt>
                <c:pt idx="82">
                  <c:v>0.41039400000000015</c:v>
                </c:pt>
                <c:pt idx="83">
                  <c:v>0.41539899999999985</c:v>
                </c:pt>
                <c:pt idx="84">
                  <c:v>0.42040400000000044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80000000003</c:v>
                </c:pt>
                <c:pt idx="88">
                  <c:v>0.44042300000000001</c:v>
                </c:pt>
                <c:pt idx="89">
                  <c:v>0.4454280000000006</c:v>
                </c:pt>
                <c:pt idx="90">
                  <c:v>0.45043200000000017</c:v>
                </c:pt>
                <c:pt idx="91">
                  <c:v>0.45543699999999987</c:v>
                </c:pt>
                <c:pt idx="92">
                  <c:v>0.46044200000000046</c:v>
                </c:pt>
                <c:pt idx="93">
                  <c:v>0.46544700000000017</c:v>
                </c:pt>
                <c:pt idx="94">
                  <c:v>0.47045199999999987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032</c:v>
                </c:pt>
                <c:pt idx="99">
                  <c:v>0.49547600000000003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8999999999989</c:v>
                </c:pt>
                <c:pt idx="103">
                  <c:v>0.51549500000000048</c:v>
                </c:pt>
                <c:pt idx="104">
                  <c:v>0.52050000000000018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400000000005</c:v>
                </c:pt>
                <c:pt idx="108">
                  <c:v>0.54051900000000064</c:v>
                </c:pt>
                <c:pt idx="109">
                  <c:v>0.54552400000000034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80000000002</c:v>
                </c:pt>
                <c:pt idx="113">
                  <c:v>0.56554299999999991</c:v>
                </c:pt>
                <c:pt idx="114">
                  <c:v>0.5705480000000005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036</c:v>
                </c:pt>
                <c:pt idx="118">
                  <c:v>0.59056700000000006</c:v>
                </c:pt>
                <c:pt idx="119">
                  <c:v>0.59557200000000066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600000000052</c:v>
                </c:pt>
                <c:pt idx="123">
                  <c:v>0.61559100000000022</c:v>
                </c:pt>
                <c:pt idx="124">
                  <c:v>0.62059599999999993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0999999999979</c:v>
                </c:pt>
                <c:pt idx="128">
                  <c:v>0.64061500000000038</c:v>
                </c:pt>
                <c:pt idx="129">
                  <c:v>0.64562000000000008</c:v>
                </c:pt>
                <c:pt idx="130">
                  <c:v>0.65062400000000054</c:v>
                </c:pt>
                <c:pt idx="131">
                  <c:v>0.65562900000000024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400000000024</c:v>
                </c:pt>
                <c:pt idx="135">
                  <c:v>0.6756479999999998</c:v>
                </c:pt>
                <c:pt idx="136">
                  <c:v>0.6806530000000004</c:v>
                </c:pt>
                <c:pt idx="137">
                  <c:v>0.6856580000000001</c:v>
                </c:pt>
                <c:pt idx="138">
                  <c:v>0.6906629999999998</c:v>
                </c:pt>
                <c:pt idx="139">
                  <c:v>0.6956680000000004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200000000026</c:v>
                </c:pt>
                <c:pt idx="143">
                  <c:v>0.71568699999999996</c:v>
                </c:pt>
                <c:pt idx="144">
                  <c:v>0.72069200000000055</c:v>
                </c:pt>
                <c:pt idx="145">
                  <c:v>0.72569600000000012</c:v>
                </c:pt>
                <c:pt idx="146">
                  <c:v>0.73070099999999982</c:v>
                </c:pt>
                <c:pt idx="147">
                  <c:v>0.73570600000000042</c:v>
                </c:pt>
                <c:pt idx="148">
                  <c:v>0.74071100000000012</c:v>
                </c:pt>
                <c:pt idx="149">
                  <c:v>0.74571599999999982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500000000028</c:v>
                </c:pt>
                <c:pt idx="154">
                  <c:v>0.77073999999999998</c:v>
                </c:pt>
                <c:pt idx="155">
                  <c:v>0.77574400000000043</c:v>
                </c:pt>
                <c:pt idx="156">
                  <c:v>0.78074900000000014</c:v>
                </c:pt>
                <c:pt idx="157">
                  <c:v>0.78575399999999984</c:v>
                </c:pt>
                <c:pt idx="158">
                  <c:v>0.79075900000000043</c:v>
                </c:pt>
                <c:pt idx="159">
                  <c:v>0.79576400000000014</c:v>
                </c:pt>
                <c:pt idx="160">
                  <c:v>0.80076800000000059</c:v>
                </c:pt>
                <c:pt idx="161">
                  <c:v>0.80577300000000029</c:v>
                </c:pt>
                <c:pt idx="162">
                  <c:v>0.810778</c:v>
                </c:pt>
                <c:pt idx="163">
                  <c:v>0.81578300000000059</c:v>
                </c:pt>
                <c:pt idx="164">
                  <c:v>0.8207880000000003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200000000016</c:v>
                </c:pt>
                <c:pt idx="168">
                  <c:v>0.84080699999999986</c:v>
                </c:pt>
                <c:pt idx="169">
                  <c:v>0.84581200000000045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600000000031</c:v>
                </c:pt>
                <c:pt idx="173">
                  <c:v>0.86583100000000002</c:v>
                </c:pt>
                <c:pt idx="174">
                  <c:v>0.87083600000000061</c:v>
                </c:pt>
                <c:pt idx="175">
                  <c:v>0.87584000000000017</c:v>
                </c:pt>
                <c:pt idx="176">
                  <c:v>0.88084499999999988</c:v>
                </c:pt>
                <c:pt idx="177">
                  <c:v>0.88585000000000047</c:v>
                </c:pt>
                <c:pt idx="178">
                  <c:v>0.89085500000000017</c:v>
                </c:pt>
                <c:pt idx="179">
                  <c:v>0.89585999999999988</c:v>
                </c:pt>
                <c:pt idx="180">
                  <c:v>0.90086400000000033</c:v>
                </c:pt>
                <c:pt idx="181">
                  <c:v>0.90586900000000004</c:v>
                </c:pt>
                <c:pt idx="182">
                  <c:v>0.91087400000000063</c:v>
                </c:pt>
                <c:pt idx="183">
                  <c:v>0.91587900000000033</c:v>
                </c:pt>
                <c:pt idx="184">
                  <c:v>0.92088400000000004</c:v>
                </c:pt>
                <c:pt idx="185">
                  <c:v>0.92588800000000049</c:v>
                </c:pt>
                <c:pt idx="186">
                  <c:v>0.93089300000000019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800000000019</c:v>
                </c:pt>
                <c:pt idx="190">
                  <c:v>0.95091200000000065</c:v>
                </c:pt>
                <c:pt idx="191">
                  <c:v>0.95591700000000035</c:v>
                </c:pt>
                <c:pt idx="192">
                  <c:v>0.96092200000000005</c:v>
                </c:pt>
                <c:pt idx="193">
                  <c:v>0.96592700000000065</c:v>
                </c:pt>
                <c:pt idx="194">
                  <c:v>0.97093200000000035</c:v>
                </c:pt>
                <c:pt idx="195">
                  <c:v>0.97593599999999991</c:v>
                </c:pt>
                <c:pt idx="196">
                  <c:v>0.98094100000000051</c:v>
                </c:pt>
                <c:pt idx="197">
                  <c:v>0.98594600000000021</c:v>
                </c:pt>
                <c:pt idx="198">
                  <c:v>0.99095099999999992</c:v>
                </c:pt>
                <c:pt idx="199">
                  <c:v>0.99595600000000051</c:v>
                </c:pt>
                <c:pt idx="200">
                  <c:v>1.0009600000000001</c:v>
                </c:pt>
                <c:pt idx="201">
                  <c:v>1.0059649999999998</c:v>
                </c:pt>
                <c:pt idx="202">
                  <c:v>1.0109700000000004</c:v>
                </c:pt>
                <c:pt idx="203">
                  <c:v>1.0159750000000001</c:v>
                </c:pt>
                <c:pt idx="204">
                  <c:v>1.0209799999999998</c:v>
                </c:pt>
                <c:pt idx="205">
                  <c:v>1.0259840000000002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90000000002</c:v>
                </c:pt>
                <c:pt idx="209">
                  <c:v>1.0460039999999999</c:v>
                </c:pt>
                <c:pt idx="210">
                  <c:v>1.0510080000000004</c:v>
                </c:pt>
                <c:pt idx="211">
                  <c:v>1.0560130000000001</c:v>
                </c:pt>
                <c:pt idx="212">
                  <c:v>1.0610179999999998</c:v>
                </c:pt>
                <c:pt idx="213">
                  <c:v>1.0660230000000004</c:v>
                </c:pt>
                <c:pt idx="214">
                  <c:v>1.0710280000000001</c:v>
                </c:pt>
                <c:pt idx="215">
                  <c:v>1.0760320000000005</c:v>
                </c:pt>
                <c:pt idx="216">
                  <c:v>1.0810370000000002</c:v>
                </c:pt>
                <c:pt idx="217">
                  <c:v>1.086042</c:v>
                </c:pt>
                <c:pt idx="218">
                  <c:v>1.0910470000000005</c:v>
                </c:pt>
                <c:pt idx="219">
                  <c:v>1.0960520000000002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60000000001</c:v>
                </c:pt>
                <c:pt idx="223">
                  <c:v>1.1160709999999998</c:v>
                </c:pt>
                <c:pt idx="224">
                  <c:v>1.1210760000000004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900000000003</c:v>
                </c:pt>
                <c:pt idx="228">
                  <c:v>1.141095</c:v>
                </c:pt>
                <c:pt idx="229">
                  <c:v>1.1461000000000006</c:v>
                </c:pt>
                <c:pt idx="230">
                  <c:v>1.1511040000000001</c:v>
                </c:pt>
                <c:pt idx="231">
                  <c:v>1.1561089999999998</c:v>
                </c:pt>
                <c:pt idx="232">
                  <c:v>1.1611140000000004</c:v>
                </c:pt>
                <c:pt idx="233">
                  <c:v>1.1661190000000001</c:v>
                </c:pt>
                <c:pt idx="234">
                  <c:v>1.1711239999999998</c:v>
                </c:pt>
                <c:pt idx="235">
                  <c:v>1.1761280000000003</c:v>
                </c:pt>
                <c:pt idx="236">
                  <c:v>1.181133</c:v>
                </c:pt>
                <c:pt idx="237">
                  <c:v>1.1861380000000006</c:v>
                </c:pt>
                <c:pt idx="238">
                  <c:v>1.1911430000000003</c:v>
                </c:pt>
                <c:pt idx="239">
                  <c:v>1.196148</c:v>
                </c:pt>
                <c:pt idx="240">
                  <c:v>1.2011520000000004</c:v>
                </c:pt>
                <c:pt idx="241">
                  <c:v>1.2061570000000001</c:v>
                </c:pt>
                <c:pt idx="242">
                  <c:v>1.2111619999999998</c:v>
                </c:pt>
                <c:pt idx="243">
                  <c:v>1.2161670000000004</c:v>
                </c:pt>
                <c:pt idx="244">
                  <c:v>1.2211720000000001</c:v>
                </c:pt>
                <c:pt idx="245">
                  <c:v>1.2261760000000006</c:v>
                </c:pt>
                <c:pt idx="246">
                  <c:v>1.2311810000000003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60000000003</c:v>
                </c:pt>
                <c:pt idx="250">
                  <c:v>1.2511999999999999</c:v>
                </c:pt>
                <c:pt idx="251">
                  <c:v>1.2562050000000005</c:v>
                </c:pt>
                <c:pt idx="252">
                  <c:v>1.2612100000000002</c:v>
                </c:pt>
                <c:pt idx="253">
                  <c:v>1.2662149999999999</c:v>
                </c:pt>
                <c:pt idx="254">
                  <c:v>1.2712200000000005</c:v>
                </c:pt>
                <c:pt idx="255">
                  <c:v>1.276224</c:v>
                </c:pt>
                <c:pt idx="256">
                  <c:v>1.2812290000000006</c:v>
                </c:pt>
                <c:pt idx="257">
                  <c:v>1.2862340000000003</c:v>
                </c:pt>
                <c:pt idx="258">
                  <c:v>1.291239</c:v>
                </c:pt>
                <c:pt idx="259">
                  <c:v>1.2962440000000006</c:v>
                </c:pt>
                <c:pt idx="260">
                  <c:v>1.3012480000000002</c:v>
                </c:pt>
                <c:pt idx="261">
                  <c:v>1.3062529999999999</c:v>
                </c:pt>
                <c:pt idx="262">
                  <c:v>1.3112580000000005</c:v>
                </c:pt>
                <c:pt idx="263">
                  <c:v>1.3162630000000002</c:v>
                </c:pt>
                <c:pt idx="264">
                  <c:v>1.3212679999999999</c:v>
                </c:pt>
                <c:pt idx="265">
                  <c:v>1.3262720000000003</c:v>
                </c:pt>
                <c:pt idx="266">
                  <c:v>1.331277</c:v>
                </c:pt>
                <c:pt idx="267">
                  <c:v>1.3362820000000006</c:v>
                </c:pt>
                <c:pt idx="268">
                  <c:v>1.3412870000000003</c:v>
                </c:pt>
                <c:pt idx="269">
                  <c:v>1.346292</c:v>
                </c:pt>
                <c:pt idx="270">
                  <c:v>1.3512960000000005</c:v>
                </c:pt>
                <c:pt idx="271">
                  <c:v>1.3563010000000002</c:v>
                </c:pt>
                <c:pt idx="272">
                  <c:v>1.3613059999999999</c:v>
                </c:pt>
                <c:pt idx="273">
                  <c:v>1.3663110000000005</c:v>
                </c:pt>
                <c:pt idx="274">
                  <c:v>1.3713160000000002</c:v>
                </c:pt>
                <c:pt idx="275">
                  <c:v>1.3763200000000007</c:v>
                </c:pt>
                <c:pt idx="276">
                  <c:v>1.3813250000000004</c:v>
                </c:pt>
                <c:pt idx="277">
                  <c:v>1.3863300000000001</c:v>
                </c:pt>
                <c:pt idx="278">
                  <c:v>1.3913350000000007</c:v>
                </c:pt>
                <c:pt idx="279">
                  <c:v>1.3963400000000004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40000000002</c:v>
                </c:pt>
                <c:pt idx="283">
                  <c:v>1.4163589999999999</c:v>
                </c:pt>
                <c:pt idx="284">
                  <c:v>1.4213640000000005</c:v>
                </c:pt>
                <c:pt idx="285">
                  <c:v>1.4263680000000001</c:v>
                </c:pt>
                <c:pt idx="286">
                  <c:v>1.4313729999999998</c:v>
                </c:pt>
                <c:pt idx="287">
                  <c:v>1.4363780000000004</c:v>
                </c:pt>
                <c:pt idx="288">
                  <c:v>1.4413830000000001</c:v>
                </c:pt>
                <c:pt idx="289">
                  <c:v>1.4463879999999998</c:v>
                </c:pt>
                <c:pt idx="290">
                  <c:v>1.4513920000000002</c:v>
                </c:pt>
                <c:pt idx="291">
                  <c:v>1.4563969999999999</c:v>
                </c:pt>
                <c:pt idx="292">
                  <c:v>1.4614020000000005</c:v>
                </c:pt>
                <c:pt idx="293">
                  <c:v>1.4664070000000002</c:v>
                </c:pt>
                <c:pt idx="294">
                  <c:v>1.4714119999999999</c:v>
                </c:pt>
                <c:pt idx="295">
                  <c:v>1.4764160000000004</c:v>
                </c:pt>
                <c:pt idx="296">
                  <c:v>1.4814210000000001</c:v>
                </c:pt>
                <c:pt idx="297">
                  <c:v>1.4864259999999998</c:v>
                </c:pt>
                <c:pt idx="298">
                  <c:v>1.4914310000000004</c:v>
                </c:pt>
                <c:pt idx="299">
                  <c:v>1.4964360000000001</c:v>
                </c:pt>
                <c:pt idx="300">
                  <c:v>1.5014400000000006</c:v>
                </c:pt>
                <c:pt idx="301">
                  <c:v>1.5064450000000003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600000000003</c:v>
                </c:pt>
                <c:pt idx="305">
                  <c:v>1.5264639999999998</c:v>
                </c:pt>
                <c:pt idx="306">
                  <c:v>1.5314690000000004</c:v>
                </c:pt>
                <c:pt idx="307">
                  <c:v>1.5364740000000001</c:v>
                </c:pt>
                <c:pt idx="308">
                  <c:v>1.5414789999999998</c:v>
                </c:pt>
                <c:pt idx="309">
                  <c:v>1.5464840000000004</c:v>
                </c:pt>
                <c:pt idx="310">
                  <c:v>1.551488</c:v>
                </c:pt>
                <c:pt idx="311">
                  <c:v>1.5564930000000006</c:v>
                </c:pt>
                <c:pt idx="312">
                  <c:v>1.5614980000000003</c:v>
                </c:pt>
                <c:pt idx="313">
                  <c:v>1.566503</c:v>
                </c:pt>
                <c:pt idx="314">
                  <c:v>1.5715080000000006</c:v>
                </c:pt>
                <c:pt idx="315">
                  <c:v>1.5765120000000001</c:v>
                </c:pt>
                <c:pt idx="316">
                  <c:v>1.5815169999999998</c:v>
                </c:pt>
                <c:pt idx="317">
                  <c:v>1.5865220000000004</c:v>
                </c:pt>
                <c:pt idx="318">
                  <c:v>1.5915270000000001</c:v>
                </c:pt>
                <c:pt idx="319">
                  <c:v>1.5965319999999998</c:v>
                </c:pt>
                <c:pt idx="320">
                  <c:v>1.6015360000000003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10000000003</c:v>
                </c:pt>
                <c:pt idx="324">
                  <c:v>1.621556</c:v>
                </c:pt>
                <c:pt idx="325">
                  <c:v>1.6265600000000004</c:v>
                </c:pt>
                <c:pt idx="326">
                  <c:v>1.6315650000000002</c:v>
                </c:pt>
                <c:pt idx="327">
                  <c:v>1.6365699999999999</c:v>
                </c:pt>
                <c:pt idx="328">
                  <c:v>1.6415750000000005</c:v>
                </c:pt>
                <c:pt idx="329">
                  <c:v>1.6465800000000002</c:v>
                </c:pt>
                <c:pt idx="330">
                  <c:v>1.6515840000000006</c:v>
                </c:pt>
                <c:pt idx="331">
                  <c:v>1.6565890000000003</c:v>
                </c:pt>
                <c:pt idx="332">
                  <c:v>1.661594</c:v>
                </c:pt>
                <c:pt idx="333">
                  <c:v>1.6665990000000006</c:v>
                </c:pt>
                <c:pt idx="334">
                  <c:v>1.6716040000000003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80000000002</c:v>
                </c:pt>
                <c:pt idx="338">
                  <c:v>1.6916229999999999</c:v>
                </c:pt>
                <c:pt idx="339">
                  <c:v>1.6966280000000005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20000000003</c:v>
                </c:pt>
                <c:pt idx="343">
                  <c:v>1.716647</c:v>
                </c:pt>
                <c:pt idx="344">
                  <c:v>1.7216520000000006</c:v>
                </c:pt>
                <c:pt idx="345">
                  <c:v>1.7266560000000002</c:v>
                </c:pt>
                <c:pt idx="346">
                  <c:v>1.7316609999999999</c:v>
                </c:pt>
                <c:pt idx="347">
                  <c:v>1.7366660000000005</c:v>
                </c:pt>
                <c:pt idx="348">
                  <c:v>1.7416710000000002</c:v>
                </c:pt>
                <c:pt idx="349">
                  <c:v>1.7466759999999999</c:v>
                </c:pt>
                <c:pt idx="350">
                  <c:v>1.7516800000000003</c:v>
                </c:pt>
                <c:pt idx="351">
                  <c:v>1.7566850000000001</c:v>
                </c:pt>
                <c:pt idx="352">
                  <c:v>1.7616900000000006</c:v>
                </c:pt>
                <c:pt idx="353">
                  <c:v>1.7666950000000003</c:v>
                </c:pt>
                <c:pt idx="354">
                  <c:v>1.7717000000000001</c:v>
                </c:pt>
                <c:pt idx="355">
                  <c:v>1.7767040000000005</c:v>
                </c:pt>
                <c:pt idx="356">
                  <c:v>1.7817090000000002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40000000002</c:v>
                </c:pt>
                <c:pt idx="360">
                  <c:v>1.8017279999999998</c:v>
                </c:pt>
                <c:pt idx="361">
                  <c:v>1.8067330000000004</c:v>
                </c:pt>
                <c:pt idx="362">
                  <c:v>1.8117380000000001</c:v>
                </c:pt>
                <c:pt idx="363">
                  <c:v>1.8167429999999998</c:v>
                </c:pt>
                <c:pt idx="364">
                  <c:v>1.8217480000000004</c:v>
                </c:pt>
                <c:pt idx="365">
                  <c:v>1.8267519999999999</c:v>
                </c:pt>
                <c:pt idx="366">
                  <c:v>1.8317570000000005</c:v>
                </c:pt>
                <c:pt idx="367">
                  <c:v>1.8367620000000002</c:v>
                </c:pt>
                <c:pt idx="368">
                  <c:v>1.8417669999999999</c:v>
                </c:pt>
                <c:pt idx="369">
                  <c:v>1.8467720000000005</c:v>
                </c:pt>
                <c:pt idx="370">
                  <c:v>1.8517760000000001</c:v>
                </c:pt>
                <c:pt idx="371">
                  <c:v>1.8567809999999998</c:v>
                </c:pt>
                <c:pt idx="372">
                  <c:v>1.8617860000000004</c:v>
                </c:pt>
                <c:pt idx="373">
                  <c:v>1.8667910000000001</c:v>
                </c:pt>
                <c:pt idx="374">
                  <c:v>1.8717960000000007</c:v>
                </c:pt>
                <c:pt idx="375">
                  <c:v>1.8768000000000002</c:v>
                </c:pt>
                <c:pt idx="376">
                  <c:v>1.8818050000000008</c:v>
                </c:pt>
                <c:pt idx="377">
                  <c:v>1.8868099999999997</c:v>
                </c:pt>
                <c:pt idx="378">
                  <c:v>1.8918150000000002</c:v>
                </c:pt>
                <c:pt idx="379">
                  <c:v>1.8968200000000008</c:v>
                </c:pt>
                <c:pt idx="380">
                  <c:v>1.9018240000000004</c:v>
                </c:pt>
                <c:pt idx="381">
                  <c:v>1.906829000000001</c:v>
                </c:pt>
                <c:pt idx="382">
                  <c:v>1.9118339999999998</c:v>
                </c:pt>
                <c:pt idx="383">
                  <c:v>1.9168390000000004</c:v>
                </c:pt>
                <c:pt idx="384">
                  <c:v>1.921844000000001</c:v>
                </c:pt>
                <c:pt idx="385">
                  <c:v>1.9268480000000006</c:v>
                </c:pt>
                <c:pt idx="386">
                  <c:v>1.9318529999999994</c:v>
                </c:pt>
                <c:pt idx="387">
                  <c:v>1.936858</c:v>
                </c:pt>
                <c:pt idx="388">
                  <c:v>1.9418630000000006</c:v>
                </c:pt>
                <c:pt idx="389">
                  <c:v>1.9468679999999994</c:v>
                </c:pt>
                <c:pt idx="390">
                  <c:v>1.9518720000000007</c:v>
                </c:pt>
                <c:pt idx="391">
                  <c:v>1.9568769999999995</c:v>
                </c:pt>
                <c:pt idx="392">
                  <c:v>1.9618820000000001</c:v>
                </c:pt>
                <c:pt idx="393">
                  <c:v>1.9668870000000007</c:v>
                </c:pt>
                <c:pt idx="394">
                  <c:v>1.9718919999999995</c:v>
                </c:pt>
                <c:pt idx="395">
                  <c:v>1.9768960000000009</c:v>
                </c:pt>
                <c:pt idx="396">
                  <c:v>1.9819009999999997</c:v>
                </c:pt>
                <c:pt idx="397">
                  <c:v>1.9869060000000003</c:v>
                </c:pt>
                <c:pt idx="398">
                  <c:v>1.9919110000000009</c:v>
                </c:pt>
                <c:pt idx="399">
                  <c:v>1.9969159999999997</c:v>
                </c:pt>
                <c:pt idx="400">
                  <c:v>2.001920000000001</c:v>
                </c:pt>
                <c:pt idx="401">
                  <c:v>2.0069249999999998</c:v>
                </c:pt>
                <c:pt idx="402">
                  <c:v>2.0119300000000004</c:v>
                </c:pt>
                <c:pt idx="403">
                  <c:v>2.016935000000001</c:v>
                </c:pt>
                <c:pt idx="404">
                  <c:v>2.0219399999999998</c:v>
                </c:pt>
                <c:pt idx="405">
                  <c:v>2.0269439999999994</c:v>
                </c:pt>
                <c:pt idx="406">
                  <c:v>2.031949</c:v>
                </c:pt>
              </c:numCache>
            </c:numRef>
          </c:xVal>
          <c:yVal>
            <c:numRef>
              <c:f>'Multi-20-3s(16)'!$E$2:$E$2664</c:f>
              <c:numCache>
                <c:formatCode>General</c:formatCode>
                <c:ptCount val="2663"/>
                <c:pt idx="0">
                  <c:v>0</c:v>
                </c:pt>
                <c:pt idx="1">
                  <c:v>1.6072460000000319</c:v>
                </c:pt>
                <c:pt idx="2">
                  <c:v>3.0392610000003515</c:v>
                </c:pt>
                <c:pt idx="3">
                  <c:v>3.7125770000002376</c:v>
                </c:pt>
                <c:pt idx="4">
                  <c:v>4.2781700000000455</c:v>
                </c:pt>
                <c:pt idx="5">
                  <c:v>5.1998340000000098</c:v>
                </c:pt>
                <c:pt idx="6">
                  <c:v>5.8272940000001654</c:v>
                </c:pt>
                <c:pt idx="7">
                  <c:v>6.8904410000000098</c:v>
                </c:pt>
                <c:pt idx="8">
                  <c:v>8.2880160000004253</c:v>
                </c:pt>
                <c:pt idx="9">
                  <c:v>9.7106340000000273</c:v>
                </c:pt>
                <c:pt idx="10">
                  <c:v>10.3683860000001</c:v>
                </c:pt>
                <c:pt idx="11">
                  <c:v>11.224697999999989</c:v>
                </c:pt>
                <c:pt idx="12">
                  <c:v>11.7683320000001</c:v>
                </c:pt>
                <c:pt idx="13">
                  <c:v>12.741035000000011</c:v>
                </c:pt>
                <c:pt idx="14">
                  <c:v>14.061887000000297</c:v>
                </c:pt>
                <c:pt idx="15">
                  <c:v>14.561284000000342</c:v>
                </c:pt>
                <c:pt idx="16">
                  <c:v>14.612914000000274</c:v>
                </c:pt>
                <c:pt idx="17">
                  <c:v>14.72869400000036</c:v>
                </c:pt>
                <c:pt idx="18">
                  <c:v>15.266863000000285</c:v>
                </c:pt>
                <c:pt idx="19">
                  <c:v>16.511670000000322</c:v>
                </c:pt>
                <c:pt idx="20">
                  <c:v>17.46882800000003</c:v>
                </c:pt>
                <c:pt idx="21">
                  <c:v>18.752192000000377</c:v>
                </c:pt>
                <c:pt idx="22">
                  <c:v>20.238590000000386</c:v>
                </c:pt>
                <c:pt idx="23">
                  <c:v>21.548583000000235</c:v>
                </c:pt>
                <c:pt idx="24">
                  <c:v>22.530635000000075</c:v>
                </c:pt>
                <c:pt idx="25">
                  <c:v>23.476946000000225</c:v>
                </c:pt>
                <c:pt idx="26">
                  <c:v>24.551691000000119</c:v>
                </c:pt>
                <c:pt idx="27">
                  <c:v>26.08744999999999</c:v>
                </c:pt>
                <c:pt idx="28">
                  <c:v>27.51003400000036</c:v>
                </c:pt>
                <c:pt idx="29">
                  <c:v>28.465757000000394</c:v>
                </c:pt>
                <c:pt idx="30">
                  <c:v>29.497731000000385</c:v>
                </c:pt>
                <c:pt idx="31">
                  <c:v>30.994580000000042</c:v>
                </c:pt>
                <c:pt idx="32">
                  <c:v>31.709044000000176</c:v>
                </c:pt>
                <c:pt idx="33">
                  <c:v>31.973030999999992</c:v>
                </c:pt>
                <c:pt idx="34">
                  <c:v>32.351736000000074</c:v>
                </c:pt>
                <c:pt idx="35">
                  <c:v>32.90537600000016</c:v>
                </c:pt>
                <c:pt idx="36">
                  <c:v>31.947790000000168</c:v>
                </c:pt>
                <c:pt idx="37">
                  <c:v>30.947156000000177</c:v>
                </c:pt>
                <c:pt idx="38">
                  <c:v>30.965996000000359</c:v>
                </c:pt>
                <c:pt idx="39">
                  <c:v>31.109108000000106</c:v>
                </c:pt>
                <c:pt idx="40">
                  <c:v>31.153042000000369</c:v>
                </c:pt>
                <c:pt idx="41">
                  <c:v>30.588642000000164</c:v>
                </c:pt>
                <c:pt idx="42">
                  <c:v>29.750706000000264</c:v>
                </c:pt>
                <c:pt idx="43">
                  <c:v>29.215856000000258</c:v>
                </c:pt>
                <c:pt idx="44">
                  <c:v>28.362427000000025</c:v>
                </c:pt>
                <c:pt idx="45">
                  <c:v>28.306919000000107</c:v>
                </c:pt>
                <c:pt idx="46">
                  <c:v>28.500870000000305</c:v>
                </c:pt>
                <c:pt idx="47">
                  <c:v>29.217849000000115</c:v>
                </c:pt>
                <c:pt idx="48">
                  <c:v>30.034351000000242</c:v>
                </c:pt>
                <c:pt idx="49">
                  <c:v>30.427576000000045</c:v>
                </c:pt>
                <c:pt idx="50">
                  <c:v>32.031002000000171</c:v>
                </c:pt>
                <c:pt idx="51">
                  <c:v>33.980515000000196</c:v>
                </c:pt>
                <c:pt idx="52">
                  <c:v>35.633782000000338</c:v>
                </c:pt>
                <c:pt idx="53">
                  <c:v>37.16197000000011</c:v>
                </c:pt>
                <c:pt idx="54">
                  <c:v>39.308600000000297</c:v>
                </c:pt>
                <c:pt idx="55">
                  <c:v>41.681154000000333</c:v>
                </c:pt>
                <c:pt idx="56">
                  <c:v>43.117482000000109</c:v>
                </c:pt>
                <c:pt idx="57">
                  <c:v>44.197913000000426</c:v>
                </c:pt>
                <c:pt idx="58">
                  <c:v>45.679892999999993</c:v>
                </c:pt>
                <c:pt idx="59">
                  <c:v>46.845747000000301</c:v>
                </c:pt>
                <c:pt idx="60">
                  <c:v>46.809840000000349</c:v>
                </c:pt>
                <c:pt idx="61">
                  <c:v>46.628262000000177</c:v>
                </c:pt>
                <c:pt idx="62">
                  <c:v>46.325676000000385</c:v>
                </c:pt>
                <c:pt idx="63">
                  <c:v>46.088396999999986</c:v>
                </c:pt>
                <c:pt idx="64">
                  <c:v>45.405126000000109</c:v>
                </c:pt>
                <c:pt idx="65">
                  <c:v>44.401119000000108</c:v>
                </c:pt>
                <c:pt idx="66">
                  <c:v>43.086632000000009</c:v>
                </c:pt>
                <c:pt idx="67">
                  <c:v>42.03468600000042</c:v>
                </c:pt>
                <c:pt idx="68">
                  <c:v>41.455101000000013</c:v>
                </c:pt>
                <c:pt idx="69">
                  <c:v>41.698627000000215</c:v>
                </c:pt>
                <c:pt idx="70">
                  <c:v>41.640401999999995</c:v>
                </c:pt>
                <c:pt idx="71">
                  <c:v>41.835054000000127</c:v>
                </c:pt>
                <c:pt idx="72">
                  <c:v>41.412504000000354</c:v>
                </c:pt>
                <c:pt idx="73">
                  <c:v>40.86462900000015</c:v>
                </c:pt>
                <c:pt idx="74">
                  <c:v>40.724838000000091</c:v>
                </c:pt>
                <c:pt idx="75">
                  <c:v>41.177746000000297</c:v>
                </c:pt>
                <c:pt idx="76">
                  <c:v>41.495527000000038</c:v>
                </c:pt>
                <c:pt idx="77">
                  <c:v>42.598010000000158</c:v>
                </c:pt>
                <c:pt idx="78">
                  <c:v>43.968698000000131</c:v>
                </c:pt>
                <c:pt idx="79">
                  <c:v>45.076725000000351</c:v>
                </c:pt>
                <c:pt idx="80">
                  <c:v>45.960439000000406</c:v>
                </c:pt>
                <c:pt idx="81">
                  <c:v>46.937055000000328</c:v>
                </c:pt>
                <c:pt idx="82">
                  <c:v>47.475100999999995</c:v>
                </c:pt>
                <c:pt idx="83">
                  <c:v>47.851216000000022</c:v>
                </c:pt>
                <c:pt idx="84">
                  <c:v>48.268311000000267</c:v>
                </c:pt>
                <c:pt idx="85">
                  <c:v>49.443392000000131</c:v>
                </c:pt>
                <c:pt idx="86">
                  <c:v>49.852519000000029</c:v>
                </c:pt>
                <c:pt idx="87">
                  <c:v>50.224587000000156</c:v>
                </c:pt>
                <c:pt idx="88">
                  <c:v>50.1149190000001</c:v>
                </c:pt>
                <c:pt idx="89">
                  <c:v>49.955875999999989</c:v>
                </c:pt>
                <c:pt idx="90">
                  <c:v>49.854661000000306</c:v>
                </c:pt>
                <c:pt idx="91">
                  <c:v>49.845849000000271</c:v>
                </c:pt>
                <c:pt idx="92">
                  <c:v>49.395842000000357</c:v>
                </c:pt>
                <c:pt idx="93">
                  <c:v>49.236245000000054</c:v>
                </c:pt>
                <c:pt idx="94">
                  <c:v>49.075980000000072</c:v>
                </c:pt>
                <c:pt idx="95">
                  <c:v>49.311656000000312</c:v>
                </c:pt>
                <c:pt idx="96">
                  <c:v>49.176007000000027</c:v>
                </c:pt>
                <c:pt idx="97">
                  <c:v>49.382407000000057</c:v>
                </c:pt>
                <c:pt idx="98">
                  <c:v>49.965632000000369</c:v>
                </c:pt>
                <c:pt idx="99">
                  <c:v>50.370992000000115</c:v>
                </c:pt>
                <c:pt idx="100">
                  <c:v>50.810559000000012</c:v>
                </c:pt>
                <c:pt idx="101">
                  <c:v>51.815073000000211</c:v>
                </c:pt>
                <c:pt idx="102">
                  <c:v>52.859769000000142</c:v>
                </c:pt>
                <c:pt idx="103">
                  <c:v>53.905351000000337</c:v>
                </c:pt>
                <c:pt idx="104">
                  <c:v>54.114656000000195</c:v>
                </c:pt>
                <c:pt idx="105">
                  <c:v>54.177286999999978</c:v>
                </c:pt>
                <c:pt idx="106">
                  <c:v>54.730336000000079</c:v>
                </c:pt>
                <c:pt idx="107">
                  <c:v>54.838877000000139</c:v>
                </c:pt>
                <c:pt idx="108">
                  <c:v>55.053095000000212</c:v>
                </c:pt>
                <c:pt idx="109">
                  <c:v>55.127521000000343</c:v>
                </c:pt>
                <c:pt idx="110">
                  <c:v>55.905742000000373</c:v>
                </c:pt>
                <c:pt idx="111">
                  <c:v>55.821698000000197</c:v>
                </c:pt>
                <c:pt idx="112">
                  <c:v>55.070410000000265</c:v>
                </c:pt>
                <c:pt idx="113">
                  <c:v>54.382612000000336</c:v>
                </c:pt>
                <c:pt idx="114">
                  <c:v>54.270434000000023</c:v>
                </c:pt>
                <c:pt idx="115">
                  <c:v>54.184488000000329</c:v>
                </c:pt>
                <c:pt idx="116">
                  <c:v>54.505542000000332</c:v>
                </c:pt>
                <c:pt idx="117">
                  <c:v>54.991967000000386</c:v>
                </c:pt>
                <c:pt idx="118">
                  <c:v>55.989872000000105</c:v>
                </c:pt>
                <c:pt idx="119">
                  <c:v>57.381409000000076</c:v>
                </c:pt>
                <c:pt idx="120">
                  <c:v>58.500295000000278</c:v>
                </c:pt>
                <c:pt idx="121">
                  <c:v>59.37910200000033</c:v>
                </c:pt>
                <c:pt idx="122">
                  <c:v>60.589195000000018</c:v>
                </c:pt>
                <c:pt idx="123">
                  <c:v>61.185829000000012</c:v>
                </c:pt>
                <c:pt idx="124">
                  <c:v>62.213165000000117</c:v>
                </c:pt>
                <c:pt idx="125">
                  <c:v>62.804740000000038</c:v>
                </c:pt>
                <c:pt idx="126">
                  <c:v>63.471767</c:v>
                </c:pt>
                <c:pt idx="127">
                  <c:v>63.769091000000117</c:v>
                </c:pt>
                <c:pt idx="128">
                  <c:v>63.457506000000194</c:v>
                </c:pt>
                <c:pt idx="129">
                  <c:v>62.540552000000389</c:v>
                </c:pt>
                <c:pt idx="130">
                  <c:v>61.376310000000103</c:v>
                </c:pt>
                <c:pt idx="131">
                  <c:v>60.552362000000358</c:v>
                </c:pt>
                <c:pt idx="132">
                  <c:v>60.221138000000337</c:v>
                </c:pt>
                <c:pt idx="133">
                  <c:v>59.031875000000127</c:v>
                </c:pt>
                <c:pt idx="134">
                  <c:v>58.100359000000026</c:v>
                </c:pt>
                <c:pt idx="135">
                  <c:v>57.458151000000271</c:v>
                </c:pt>
                <c:pt idx="136">
                  <c:v>57.086377000000084</c:v>
                </c:pt>
                <c:pt idx="137">
                  <c:v>56.870844000000034</c:v>
                </c:pt>
                <c:pt idx="138">
                  <c:v>57.274181000000226</c:v>
                </c:pt>
                <c:pt idx="139">
                  <c:v>57.991847000000234</c:v>
                </c:pt>
                <c:pt idx="140">
                  <c:v>58.934772000000066</c:v>
                </c:pt>
                <c:pt idx="141">
                  <c:v>59.968399000000318</c:v>
                </c:pt>
                <c:pt idx="142">
                  <c:v>60.981720000000223</c:v>
                </c:pt>
                <c:pt idx="143">
                  <c:v>62.038738000000194</c:v>
                </c:pt>
                <c:pt idx="144">
                  <c:v>63.017859000000044</c:v>
                </c:pt>
                <c:pt idx="145">
                  <c:v>63.775943000000098</c:v>
                </c:pt>
                <c:pt idx="146">
                  <c:v>64.53836100000035</c:v>
                </c:pt>
                <c:pt idx="147">
                  <c:v>65.179011000000173</c:v>
                </c:pt>
                <c:pt idx="148">
                  <c:v>66.351587999999992</c:v>
                </c:pt>
                <c:pt idx="149">
                  <c:v>67.545628000000306</c:v>
                </c:pt>
                <c:pt idx="150">
                  <c:v>68.484756000000289</c:v>
                </c:pt>
                <c:pt idx="151">
                  <c:v>69.355501000000004</c:v>
                </c:pt>
                <c:pt idx="152">
                  <c:v>69.026260000000093</c:v>
                </c:pt>
                <c:pt idx="153">
                  <c:v>68.534951000000092</c:v>
                </c:pt>
                <c:pt idx="154">
                  <c:v>68.813043999999991</c:v>
                </c:pt>
                <c:pt idx="155">
                  <c:v>69.294429000000036</c:v>
                </c:pt>
                <c:pt idx="156">
                  <c:v>69.994819000000007</c:v>
                </c:pt>
                <c:pt idx="157">
                  <c:v>70.667997000000014</c:v>
                </c:pt>
                <c:pt idx="158">
                  <c:v>71.4723740000004</c:v>
                </c:pt>
                <c:pt idx="159">
                  <c:v>71.39745000000039</c:v>
                </c:pt>
                <c:pt idx="160">
                  <c:v>70.952217000000019</c:v>
                </c:pt>
                <c:pt idx="161">
                  <c:v>70.983674000000065</c:v>
                </c:pt>
                <c:pt idx="162">
                  <c:v>70.966899000000012</c:v>
                </c:pt>
                <c:pt idx="163">
                  <c:v>70.850475000000188</c:v>
                </c:pt>
                <c:pt idx="164">
                  <c:v>70.484038000000055</c:v>
                </c:pt>
                <c:pt idx="165">
                  <c:v>70.430976999999984</c:v>
                </c:pt>
                <c:pt idx="166">
                  <c:v>70.30118500000026</c:v>
                </c:pt>
                <c:pt idx="167">
                  <c:v>70.430835999999999</c:v>
                </c:pt>
                <c:pt idx="168">
                  <c:v>70.270670000000337</c:v>
                </c:pt>
                <c:pt idx="169">
                  <c:v>70.247832000000017</c:v>
                </c:pt>
                <c:pt idx="170">
                  <c:v>69.807174000000032</c:v>
                </c:pt>
                <c:pt idx="171">
                  <c:v>69.380923000000166</c:v>
                </c:pt>
                <c:pt idx="172">
                  <c:v>68.512769000000389</c:v>
                </c:pt>
                <c:pt idx="173">
                  <c:v>68.120570000000043</c:v>
                </c:pt>
                <c:pt idx="174">
                  <c:v>67.366243000000395</c:v>
                </c:pt>
                <c:pt idx="175">
                  <c:v>66.871101000000181</c:v>
                </c:pt>
                <c:pt idx="176">
                  <c:v>66.522778000000017</c:v>
                </c:pt>
                <c:pt idx="177">
                  <c:v>66.575844000000416</c:v>
                </c:pt>
                <c:pt idx="178">
                  <c:v>67.156883000000107</c:v>
                </c:pt>
                <c:pt idx="179">
                  <c:v>68.200670000000173</c:v>
                </c:pt>
                <c:pt idx="180">
                  <c:v>69.683758000000125</c:v>
                </c:pt>
                <c:pt idx="181">
                  <c:v>71.298715000000357</c:v>
                </c:pt>
                <c:pt idx="182">
                  <c:v>72.432211000000279</c:v>
                </c:pt>
                <c:pt idx="183">
                  <c:v>73.020148000000063</c:v>
                </c:pt>
                <c:pt idx="184">
                  <c:v>73.323726000000079</c:v>
                </c:pt>
                <c:pt idx="185">
                  <c:v>73.710080000000289</c:v>
                </c:pt>
                <c:pt idx="186">
                  <c:v>74.334004000000277</c:v>
                </c:pt>
                <c:pt idx="187">
                  <c:v>75.289234000000306</c:v>
                </c:pt>
                <c:pt idx="188">
                  <c:v>75.408849000000373</c:v>
                </c:pt>
                <c:pt idx="189">
                  <c:v>75.383073000000422</c:v>
                </c:pt>
                <c:pt idx="190">
                  <c:v>74.985520000000179</c:v>
                </c:pt>
                <c:pt idx="191">
                  <c:v>74.372756000000209</c:v>
                </c:pt>
                <c:pt idx="192">
                  <c:v>73.23698400000012</c:v>
                </c:pt>
                <c:pt idx="193">
                  <c:v>72.344005000000379</c:v>
                </c:pt>
                <c:pt idx="194">
                  <c:v>70.935651000000234</c:v>
                </c:pt>
                <c:pt idx="195">
                  <c:v>69.754315000000133</c:v>
                </c:pt>
                <c:pt idx="196">
                  <c:v>67.915931</c:v>
                </c:pt>
                <c:pt idx="197">
                  <c:v>67.162572000000182</c:v>
                </c:pt>
                <c:pt idx="198">
                  <c:v>66.700936000000183</c:v>
                </c:pt>
                <c:pt idx="199">
                  <c:v>66.194136000000071</c:v>
                </c:pt>
                <c:pt idx="200">
                  <c:v>65.63692600000013</c:v>
                </c:pt>
                <c:pt idx="201">
                  <c:v>65.429041000000325</c:v>
                </c:pt>
                <c:pt idx="202">
                  <c:v>65.412465000000338</c:v>
                </c:pt>
                <c:pt idx="203">
                  <c:v>65.800459000000046</c:v>
                </c:pt>
                <c:pt idx="204">
                  <c:v>66.501811999999973</c:v>
                </c:pt>
                <c:pt idx="205">
                  <c:v>67.713951000000179</c:v>
                </c:pt>
                <c:pt idx="206">
                  <c:v>69.620978000000378</c:v>
                </c:pt>
                <c:pt idx="207">
                  <c:v>71.122033999999985</c:v>
                </c:pt>
                <c:pt idx="208">
                  <c:v>72.015910000000076</c:v>
                </c:pt>
                <c:pt idx="209">
                  <c:v>72.936305000000175</c:v>
                </c:pt>
                <c:pt idx="210">
                  <c:v>73.750597000000198</c:v>
                </c:pt>
                <c:pt idx="211">
                  <c:v>75.103202000000238</c:v>
                </c:pt>
                <c:pt idx="212">
                  <c:v>76.622229000000061</c:v>
                </c:pt>
                <c:pt idx="213">
                  <c:v>77.778761000000031</c:v>
                </c:pt>
                <c:pt idx="214">
                  <c:v>77.844477999999981</c:v>
                </c:pt>
                <c:pt idx="215">
                  <c:v>77.462183000000095</c:v>
                </c:pt>
                <c:pt idx="216">
                  <c:v>76.855064000000311</c:v>
                </c:pt>
                <c:pt idx="217">
                  <c:v>76.06805200000008</c:v>
                </c:pt>
                <c:pt idx="218">
                  <c:v>75.465127000000393</c:v>
                </c:pt>
                <c:pt idx="219">
                  <c:v>74.85340000000042</c:v>
                </c:pt>
                <c:pt idx="220">
                  <c:v>74.131550000000061</c:v>
                </c:pt>
                <c:pt idx="221">
                  <c:v>73.314615000000231</c:v>
                </c:pt>
                <c:pt idx="222">
                  <c:v>71.663412000000335</c:v>
                </c:pt>
                <c:pt idx="223">
                  <c:v>70.01653400000032</c:v>
                </c:pt>
                <c:pt idx="224">
                  <c:v>68.740975000000162</c:v>
                </c:pt>
                <c:pt idx="225">
                  <c:v>68.068539000000328</c:v>
                </c:pt>
                <c:pt idx="226">
                  <c:v>67.859126000000288</c:v>
                </c:pt>
                <c:pt idx="227">
                  <c:v>67.855733000000328</c:v>
                </c:pt>
                <c:pt idx="228">
                  <c:v>67.859740000000329</c:v>
                </c:pt>
                <c:pt idx="229">
                  <c:v>69.084824000000026</c:v>
                </c:pt>
                <c:pt idx="230">
                  <c:v>71.104535000000396</c:v>
                </c:pt>
                <c:pt idx="231">
                  <c:v>73.363529000000199</c:v>
                </c:pt>
                <c:pt idx="232">
                  <c:v>75.132304000000204</c:v>
                </c:pt>
                <c:pt idx="233">
                  <c:v>77.24225800000022</c:v>
                </c:pt>
                <c:pt idx="234">
                  <c:v>79.829121000000214</c:v>
                </c:pt>
                <c:pt idx="235">
                  <c:v>81.760275999999976</c:v>
                </c:pt>
                <c:pt idx="236">
                  <c:v>83.139861999999994</c:v>
                </c:pt>
                <c:pt idx="237">
                  <c:v>83.843341000000237</c:v>
                </c:pt>
                <c:pt idx="238">
                  <c:v>84.865720000000238</c:v>
                </c:pt>
                <c:pt idx="239">
                  <c:v>85.446612000000187</c:v>
                </c:pt>
                <c:pt idx="240">
                  <c:v>84.647546000000148</c:v>
                </c:pt>
                <c:pt idx="241">
                  <c:v>82.94140600000037</c:v>
                </c:pt>
                <c:pt idx="242">
                  <c:v>81.097678000000087</c:v>
                </c:pt>
                <c:pt idx="243">
                  <c:v>78.772660000000087</c:v>
                </c:pt>
                <c:pt idx="244">
                  <c:v>76.665116000000125</c:v>
                </c:pt>
                <c:pt idx="245">
                  <c:v>74.866701000000376</c:v>
                </c:pt>
                <c:pt idx="246">
                  <c:v>73.526053000000047</c:v>
                </c:pt>
                <c:pt idx="247">
                  <c:v>71.799780000000283</c:v>
                </c:pt>
                <c:pt idx="248">
                  <c:v>70.387009000000035</c:v>
                </c:pt>
                <c:pt idx="249">
                  <c:v>70.237795000000006</c:v>
                </c:pt>
                <c:pt idx="250">
                  <c:v>70.333503000000292</c:v>
                </c:pt>
                <c:pt idx="251">
                  <c:v>71.074316000000181</c:v>
                </c:pt>
                <c:pt idx="252">
                  <c:v>72.42248600000039</c:v>
                </c:pt>
                <c:pt idx="253">
                  <c:v>73.905136000000311</c:v>
                </c:pt>
                <c:pt idx="254">
                  <c:v>76.410349000000224</c:v>
                </c:pt>
                <c:pt idx="255">
                  <c:v>78.748711000000185</c:v>
                </c:pt>
                <c:pt idx="256">
                  <c:v>80.831869999999981</c:v>
                </c:pt>
                <c:pt idx="257">
                  <c:v>83.329497000000174</c:v>
                </c:pt>
                <c:pt idx="258">
                  <c:v>85.267931000000317</c:v>
                </c:pt>
                <c:pt idx="259">
                  <c:v>86.300198000000364</c:v>
                </c:pt>
                <c:pt idx="260">
                  <c:v>86.812155000000075</c:v>
                </c:pt>
                <c:pt idx="261">
                  <c:v>86.327000000000226</c:v>
                </c:pt>
                <c:pt idx="262">
                  <c:v>85.369504000000234</c:v>
                </c:pt>
                <c:pt idx="263">
                  <c:v>84.018284000000222</c:v>
                </c:pt>
                <c:pt idx="264">
                  <c:v>82.996139000000312</c:v>
                </c:pt>
                <c:pt idx="265">
                  <c:v>81.708417000000281</c:v>
                </c:pt>
                <c:pt idx="266">
                  <c:v>79.041980000000422</c:v>
                </c:pt>
                <c:pt idx="267">
                  <c:v>76.167832000000089</c:v>
                </c:pt>
                <c:pt idx="268">
                  <c:v>73.560389000000214</c:v>
                </c:pt>
                <c:pt idx="269">
                  <c:v>72.279500999999982</c:v>
                </c:pt>
                <c:pt idx="270">
                  <c:v>71.895220000000336</c:v>
                </c:pt>
                <c:pt idx="271">
                  <c:v>72.216602000000421</c:v>
                </c:pt>
                <c:pt idx="272">
                  <c:v>73.194643000000269</c:v>
                </c:pt>
                <c:pt idx="273">
                  <c:v>74.459157000000232</c:v>
                </c:pt>
                <c:pt idx="274">
                  <c:v>76.121741000000384</c:v>
                </c:pt>
                <c:pt idx="275">
                  <c:v>78.008524000000307</c:v>
                </c:pt>
                <c:pt idx="276">
                  <c:v>80.144282000000203</c:v>
                </c:pt>
                <c:pt idx="277">
                  <c:v>82.777113000000099</c:v>
                </c:pt>
                <c:pt idx="278">
                  <c:v>85.002309000000423</c:v>
                </c:pt>
                <c:pt idx="279">
                  <c:v>86.997829000000365</c:v>
                </c:pt>
                <c:pt idx="280">
                  <c:v>88.260698000000048</c:v>
                </c:pt>
                <c:pt idx="281">
                  <c:v>89.24810000000025</c:v>
                </c:pt>
                <c:pt idx="282">
                  <c:v>89.988995000000159</c:v>
                </c:pt>
                <c:pt idx="283">
                  <c:v>89.666234000000259</c:v>
                </c:pt>
                <c:pt idx="284">
                  <c:v>89.119787000000088</c:v>
                </c:pt>
                <c:pt idx="285">
                  <c:v>88.655775000000176</c:v>
                </c:pt>
                <c:pt idx="286">
                  <c:v>87.737603000000036</c:v>
                </c:pt>
                <c:pt idx="287">
                  <c:v>86.314189000000169</c:v>
                </c:pt>
                <c:pt idx="288">
                  <c:v>84.330434000000423</c:v>
                </c:pt>
                <c:pt idx="289">
                  <c:v>81.883764000000156</c:v>
                </c:pt>
                <c:pt idx="290">
                  <c:v>79.44342000000006</c:v>
                </c:pt>
                <c:pt idx="291">
                  <c:v>77.017062000000351</c:v>
                </c:pt>
                <c:pt idx="292">
                  <c:v>74.856385000000046</c:v>
                </c:pt>
                <c:pt idx="293">
                  <c:v>73.665783000000374</c:v>
                </c:pt>
                <c:pt idx="294">
                  <c:v>73.197458999999981</c:v>
                </c:pt>
                <c:pt idx="295">
                  <c:v>73.63053600000012</c:v>
                </c:pt>
                <c:pt idx="296">
                  <c:v>75.282969000000321</c:v>
                </c:pt>
                <c:pt idx="297">
                  <c:v>77.117277000000286</c:v>
                </c:pt>
                <c:pt idx="298">
                  <c:v>79.190353000000414</c:v>
                </c:pt>
                <c:pt idx="299">
                  <c:v>80.732347000000118</c:v>
                </c:pt>
                <c:pt idx="300">
                  <c:v>82.884021000000303</c:v>
                </c:pt>
                <c:pt idx="301">
                  <c:v>85.022345000000314</c:v>
                </c:pt>
                <c:pt idx="302">
                  <c:v>86.93418500000007</c:v>
                </c:pt>
                <c:pt idx="303">
                  <c:v>88.642093000000386</c:v>
                </c:pt>
                <c:pt idx="304">
                  <c:v>90.4290960000003</c:v>
                </c:pt>
                <c:pt idx="305">
                  <c:v>91.75400400000035</c:v>
                </c:pt>
                <c:pt idx="306">
                  <c:v>92.109318000000258</c:v>
                </c:pt>
                <c:pt idx="307">
                  <c:v>91.769278000000213</c:v>
                </c:pt>
                <c:pt idx="308">
                  <c:v>91.288023000000067</c:v>
                </c:pt>
                <c:pt idx="309">
                  <c:v>90.016607000000022</c:v>
                </c:pt>
                <c:pt idx="310">
                  <c:v>87.766215999999986</c:v>
                </c:pt>
                <c:pt idx="311">
                  <c:v>85.3041860000003</c:v>
                </c:pt>
                <c:pt idx="312">
                  <c:v>82.969825000000128</c:v>
                </c:pt>
                <c:pt idx="313">
                  <c:v>80.314984999999979</c:v>
                </c:pt>
                <c:pt idx="314">
                  <c:v>77.585308000000168</c:v>
                </c:pt>
                <c:pt idx="315">
                  <c:v>74.920473000000129</c:v>
                </c:pt>
                <c:pt idx="316">
                  <c:v>73.376536000000215</c:v>
                </c:pt>
                <c:pt idx="317">
                  <c:v>72.49489500000027</c:v>
                </c:pt>
                <c:pt idx="318">
                  <c:v>72.945806000000175</c:v>
                </c:pt>
                <c:pt idx="319">
                  <c:v>73.968008000000282</c:v>
                </c:pt>
                <c:pt idx="320">
                  <c:v>75.749776999999995</c:v>
                </c:pt>
                <c:pt idx="321">
                  <c:v>78.06037600000036</c:v>
                </c:pt>
                <c:pt idx="322">
                  <c:v>79.999893000000156</c:v>
                </c:pt>
                <c:pt idx="323">
                  <c:v>81.97248800000034</c:v>
                </c:pt>
                <c:pt idx="324">
                  <c:v>83.99651700000004</c:v>
                </c:pt>
                <c:pt idx="325">
                  <c:v>86.4053100000001</c:v>
                </c:pt>
                <c:pt idx="326">
                  <c:v>89.111470000000281</c:v>
                </c:pt>
                <c:pt idx="327">
                  <c:v>90.43928300000016</c:v>
                </c:pt>
                <c:pt idx="328">
                  <c:v>90.964153000000351</c:v>
                </c:pt>
                <c:pt idx="329">
                  <c:v>91.744344000000183</c:v>
                </c:pt>
                <c:pt idx="330">
                  <c:v>92.069118000000344</c:v>
                </c:pt>
                <c:pt idx="331">
                  <c:v>92.075812000000042</c:v>
                </c:pt>
                <c:pt idx="332">
                  <c:v>91.324618999999984</c:v>
                </c:pt>
                <c:pt idx="333">
                  <c:v>90.228204000000005</c:v>
                </c:pt>
                <c:pt idx="334">
                  <c:v>87.971408000000338</c:v>
                </c:pt>
                <c:pt idx="335">
                  <c:v>85.674353000000337</c:v>
                </c:pt>
                <c:pt idx="336">
                  <c:v>84.222520000000259</c:v>
                </c:pt>
                <c:pt idx="337">
                  <c:v>82.461493000000246</c:v>
                </c:pt>
                <c:pt idx="338">
                  <c:v>80.655292000000372</c:v>
                </c:pt>
                <c:pt idx="339">
                  <c:v>78.812970000000405</c:v>
                </c:pt>
                <c:pt idx="340">
                  <c:v>77.091020000000299</c:v>
                </c:pt>
                <c:pt idx="341">
                  <c:v>75.960230000000138</c:v>
                </c:pt>
                <c:pt idx="342">
                  <c:v>75.550192000000152</c:v>
                </c:pt>
                <c:pt idx="343">
                  <c:v>76.345221000000038</c:v>
                </c:pt>
                <c:pt idx="344">
                  <c:v>77.286666000000423</c:v>
                </c:pt>
                <c:pt idx="345">
                  <c:v>78.084267000000182</c:v>
                </c:pt>
                <c:pt idx="346">
                  <c:v>79.376996000000418</c:v>
                </c:pt>
                <c:pt idx="347">
                  <c:v>81.230654000000413</c:v>
                </c:pt>
                <c:pt idx="348">
                  <c:v>83.680619000000206</c:v>
                </c:pt>
                <c:pt idx="349">
                  <c:v>86.274212000000261</c:v>
                </c:pt>
                <c:pt idx="350">
                  <c:v>88.154631000000336</c:v>
                </c:pt>
                <c:pt idx="351">
                  <c:v>89.668792000000394</c:v>
                </c:pt>
                <c:pt idx="352">
                  <c:v>90.789569000000029</c:v>
                </c:pt>
                <c:pt idx="353">
                  <c:v>91.133426000000327</c:v>
                </c:pt>
                <c:pt idx="354">
                  <c:v>91.101127000000361</c:v>
                </c:pt>
                <c:pt idx="355">
                  <c:v>90.737657000000127</c:v>
                </c:pt>
                <c:pt idx="356">
                  <c:v>90.309977000000345</c:v>
                </c:pt>
                <c:pt idx="357">
                  <c:v>89.813830000000053</c:v>
                </c:pt>
                <c:pt idx="358">
                  <c:v>88.717033000000356</c:v>
                </c:pt>
                <c:pt idx="359">
                  <c:v>87.100500000000011</c:v>
                </c:pt>
                <c:pt idx="360">
                  <c:v>85.204051000000163</c:v>
                </c:pt>
                <c:pt idx="361">
                  <c:v>83.882283000000371</c:v>
                </c:pt>
                <c:pt idx="362">
                  <c:v>83.445854000000054</c:v>
                </c:pt>
                <c:pt idx="363">
                  <c:v>83.758348000000296</c:v>
                </c:pt>
                <c:pt idx="364">
                  <c:v>84.01117400000021</c:v>
                </c:pt>
                <c:pt idx="365">
                  <c:v>83.545262000000093</c:v>
                </c:pt>
                <c:pt idx="366">
                  <c:v>83.32727900000009</c:v>
                </c:pt>
                <c:pt idx="367">
                  <c:v>83.181297000000086</c:v>
                </c:pt>
                <c:pt idx="368">
                  <c:v>83.716704000000391</c:v>
                </c:pt>
                <c:pt idx="369">
                  <c:v>84.691518000000087</c:v>
                </c:pt>
                <c:pt idx="370">
                  <c:v>84.896862000000056</c:v>
                </c:pt>
                <c:pt idx="371">
                  <c:v>85.038420000000315</c:v>
                </c:pt>
                <c:pt idx="372">
                  <c:v>85.106301000000258</c:v>
                </c:pt>
                <c:pt idx="373">
                  <c:v>83.819527999999991</c:v>
                </c:pt>
                <c:pt idx="374">
                  <c:v>82.857534000000214</c:v>
                </c:pt>
                <c:pt idx="375">
                  <c:v>82.855109000000084</c:v>
                </c:pt>
                <c:pt idx="376">
                  <c:v>83.69546100000025</c:v>
                </c:pt>
                <c:pt idx="377">
                  <c:v>84.0996540000001</c:v>
                </c:pt>
                <c:pt idx="378">
                  <c:v>83.606575000000248</c:v>
                </c:pt>
                <c:pt idx="379">
                  <c:v>83.146478999999999</c:v>
                </c:pt>
                <c:pt idx="380">
                  <c:v>83.264454999999998</c:v>
                </c:pt>
                <c:pt idx="381">
                  <c:v>83.410143000000062</c:v>
                </c:pt>
                <c:pt idx="382">
                  <c:v>83.728395999999975</c:v>
                </c:pt>
                <c:pt idx="383">
                  <c:v>84.196192000000337</c:v>
                </c:pt>
                <c:pt idx="384">
                  <c:v>84.353284000000258</c:v>
                </c:pt>
                <c:pt idx="385">
                  <c:v>84.163494000000355</c:v>
                </c:pt>
                <c:pt idx="386">
                  <c:v>84.221028000000388</c:v>
                </c:pt>
                <c:pt idx="387">
                  <c:v>84.591618000000381</c:v>
                </c:pt>
                <c:pt idx="388">
                  <c:v>85.06436100000019</c:v>
                </c:pt>
                <c:pt idx="389">
                  <c:v>85.948267000000214</c:v>
                </c:pt>
                <c:pt idx="390">
                  <c:v>86.829987000000074</c:v>
                </c:pt>
                <c:pt idx="391">
                  <c:v>86.584545000000162</c:v>
                </c:pt>
                <c:pt idx="392">
                  <c:v>86.5473920000004</c:v>
                </c:pt>
                <c:pt idx="393">
                  <c:v>86.869550000000345</c:v>
                </c:pt>
                <c:pt idx="394">
                  <c:v>87.931484000000182</c:v>
                </c:pt>
                <c:pt idx="395">
                  <c:v>88.220418000000336</c:v>
                </c:pt>
                <c:pt idx="396">
                  <c:v>88.20666300000039</c:v>
                </c:pt>
                <c:pt idx="397">
                  <c:v>88.459683000000041</c:v>
                </c:pt>
                <c:pt idx="398">
                  <c:v>87.848477000000003</c:v>
                </c:pt>
                <c:pt idx="399">
                  <c:v>86.564653000000362</c:v>
                </c:pt>
                <c:pt idx="400">
                  <c:v>85.52389200000016</c:v>
                </c:pt>
                <c:pt idx="401">
                  <c:v>84.728583000000071</c:v>
                </c:pt>
                <c:pt idx="402">
                  <c:v>84.40190900000016</c:v>
                </c:pt>
                <c:pt idx="403">
                  <c:v>83.391879000000245</c:v>
                </c:pt>
                <c:pt idx="404">
                  <c:v>82.149541000000227</c:v>
                </c:pt>
                <c:pt idx="405">
                  <c:v>81.718400000000202</c:v>
                </c:pt>
                <c:pt idx="406">
                  <c:v>81.15923900000007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06C-48EC-A55D-7DE44793CD5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ono-1200-3s(10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1.8453193350831145E-2"/>
                  <c:y val="-0.5384321230679498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3s(10)'!$D$2:$D$410</c:f>
              <c:numCache>
                <c:formatCode>General</c:formatCode>
                <c:ptCount val="409"/>
                <c:pt idx="0">
                  <c:v>0</c:v>
                </c:pt>
                <c:pt idx="1">
                  <c:v>5.0050000000005923E-3</c:v>
                </c:pt>
                <c:pt idx="2">
                  <c:v>1.0010000000001185E-2</c:v>
                </c:pt>
                <c:pt idx="3">
                  <c:v>1.5015000000000001E-2</c:v>
                </c:pt>
                <c:pt idx="4">
                  <c:v>2.0020000000000593E-2</c:v>
                </c:pt>
                <c:pt idx="5">
                  <c:v>2.5024000000000157E-2</c:v>
                </c:pt>
                <c:pt idx="6">
                  <c:v>3.002900000000075E-2</c:v>
                </c:pt>
                <c:pt idx="7">
                  <c:v>3.5034000000001342E-2</c:v>
                </c:pt>
                <c:pt idx="8">
                  <c:v>4.0039000000000158E-2</c:v>
                </c:pt>
                <c:pt idx="9">
                  <c:v>4.504400000000075E-2</c:v>
                </c:pt>
                <c:pt idx="10">
                  <c:v>5.0048000000000314E-2</c:v>
                </c:pt>
                <c:pt idx="11">
                  <c:v>5.5053000000000907E-2</c:v>
                </c:pt>
                <c:pt idx="12">
                  <c:v>6.0058000000001499E-2</c:v>
                </c:pt>
                <c:pt idx="13">
                  <c:v>6.5063000000000315E-2</c:v>
                </c:pt>
                <c:pt idx="14">
                  <c:v>7.0068000000000907E-2</c:v>
                </c:pt>
                <c:pt idx="15">
                  <c:v>7.5072000000000472E-2</c:v>
                </c:pt>
                <c:pt idx="16">
                  <c:v>8.0077000000001064E-2</c:v>
                </c:pt>
                <c:pt idx="17">
                  <c:v>8.5082000000001656E-2</c:v>
                </c:pt>
                <c:pt idx="18">
                  <c:v>9.0087000000000472E-2</c:v>
                </c:pt>
                <c:pt idx="19">
                  <c:v>9.5092000000001065E-2</c:v>
                </c:pt>
                <c:pt idx="20">
                  <c:v>0.10009600000000063</c:v>
                </c:pt>
                <c:pt idx="21">
                  <c:v>0.10510100000000122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600000000122</c:v>
                </c:pt>
                <c:pt idx="25">
                  <c:v>0.12512000000000079</c:v>
                </c:pt>
                <c:pt idx="26">
                  <c:v>0.13012500000000138</c:v>
                </c:pt>
                <c:pt idx="27">
                  <c:v>0.13513000000000019</c:v>
                </c:pt>
                <c:pt idx="28">
                  <c:v>0.14013500000000079</c:v>
                </c:pt>
                <c:pt idx="29">
                  <c:v>0.14514000000000138</c:v>
                </c:pt>
                <c:pt idx="30">
                  <c:v>0.15014400000000094</c:v>
                </c:pt>
                <c:pt idx="31">
                  <c:v>0.15514900000000154</c:v>
                </c:pt>
                <c:pt idx="32">
                  <c:v>0.16015400000000035</c:v>
                </c:pt>
                <c:pt idx="33">
                  <c:v>0.16515900000000094</c:v>
                </c:pt>
                <c:pt idx="34">
                  <c:v>0.17016400000000154</c:v>
                </c:pt>
                <c:pt idx="35">
                  <c:v>0.1751680000000011</c:v>
                </c:pt>
                <c:pt idx="36">
                  <c:v>0.18017299999999992</c:v>
                </c:pt>
                <c:pt idx="37">
                  <c:v>0.18517800000000051</c:v>
                </c:pt>
                <c:pt idx="38">
                  <c:v>0.1901830000000011</c:v>
                </c:pt>
                <c:pt idx="39">
                  <c:v>0.19518799999999992</c:v>
                </c:pt>
                <c:pt idx="40">
                  <c:v>0.20019200000000126</c:v>
                </c:pt>
                <c:pt idx="41">
                  <c:v>0.20519700000000007</c:v>
                </c:pt>
                <c:pt idx="42">
                  <c:v>0.21020200000000067</c:v>
                </c:pt>
                <c:pt idx="43">
                  <c:v>0.21520700000000126</c:v>
                </c:pt>
                <c:pt idx="44">
                  <c:v>0.22021200000000007</c:v>
                </c:pt>
                <c:pt idx="45">
                  <c:v>0.22521600000000142</c:v>
                </c:pt>
                <c:pt idx="46">
                  <c:v>0.23022100000000023</c:v>
                </c:pt>
                <c:pt idx="47">
                  <c:v>0.23522600000000082</c:v>
                </c:pt>
                <c:pt idx="48">
                  <c:v>0.24023100000000142</c:v>
                </c:pt>
                <c:pt idx="49">
                  <c:v>0.24523600000000023</c:v>
                </c:pt>
                <c:pt idx="50">
                  <c:v>0.25024000000000157</c:v>
                </c:pt>
                <c:pt idx="51">
                  <c:v>0.25524500000000039</c:v>
                </c:pt>
                <c:pt idx="52">
                  <c:v>0.26025000000000098</c:v>
                </c:pt>
                <c:pt idx="53">
                  <c:v>0.26525500000000157</c:v>
                </c:pt>
                <c:pt idx="54">
                  <c:v>0.27026000000000039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400000000114</c:v>
                </c:pt>
                <c:pt idx="58">
                  <c:v>0.29027899999999995</c:v>
                </c:pt>
                <c:pt idx="59">
                  <c:v>0.29528400000000055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80000000013</c:v>
                </c:pt>
                <c:pt idx="63">
                  <c:v>0.31530300000000011</c:v>
                </c:pt>
                <c:pt idx="64">
                  <c:v>0.3203080000000007</c:v>
                </c:pt>
                <c:pt idx="65">
                  <c:v>0.32531200000000027</c:v>
                </c:pt>
                <c:pt idx="66">
                  <c:v>0.33031700000000086</c:v>
                </c:pt>
                <c:pt idx="67">
                  <c:v>0.33532200000000145</c:v>
                </c:pt>
                <c:pt idx="68">
                  <c:v>0.34032700000000027</c:v>
                </c:pt>
                <c:pt idx="69">
                  <c:v>0.34533200000000086</c:v>
                </c:pt>
                <c:pt idx="70">
                  <c:v>0.35033600000000042</c:v>
                </c:pt>
                <c:pt idx="71">
                  <c:v>0.35534100000000102</c:v>
                </c:pt>
                <c:pt idx="72">
                  <c:v>0.36034600000000161</c:v>
                </c:pt>
                <c:pt idx="73">
                  <c:v>0.36535100000000043</c:v>
                </c:pt>
                <c:pt idx="74">
                  <c:v>0.37035600000000102</c:v>
                </c:pt>
                <c:pt idx="75">
                  <c:v>0.37536000000000058</c:v>
                </c:pt>
                <c:pt idx="76">
                  <c:v>0.38036500000000117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8000000000117</c:v>
                </c:pt>
                <c:pt idx="80">
                  <c:v>0.40038400000000074</c:v>
                </c:pt>
                <c:pt idx="81">
                  <c:v>0.40538900000000133</c:v>
                </c:pt>
                <c:pt idx="82">
                  <c:v>0.41039400000000015</c:v>
                </c:pt>
                <c:pt idx="83">
                  <c:v>0.41539900000000074</c:v>
                </c:pt>
                <c:pt idx="84">
                  <c:v>0.42040400000000133</c:v>
                </c:pt>
                <c:pt idx="85">
                  <c:v>0.4254080000000009</c:v>
                </c:pt>
                <c:pt idx="86">
                  <c:v>0.43041300000000149</c:v>
                </c:pt>
                <c:pt idx="87">
                  <c:v>0.4354180000000003</c:v>
                </c:pt>
                <c:pt idx="88">
                  <c:v>0.4404230000000009</c:v>
                </c:pt>
                <c:pt idx="89">
                  <c:v>0.44542800000000149</c:v>
                </c:pt>
                <c:pt idx="90">
                  <c:v>0.45043200000000105</c:v>
                </c:pt>
                <c:pt idx="91">
                  <c:v>0.45543700000000165</c:v>
                </c:pt>
                <c:pt idx="92">
                  <c:v>0.46044200000000046</c:v>
                </c:pt>
                <c:pt idx="93">
                  <c:v>0.46544700000000105</c:v>
                </c:pt>
                <c:pt idx="94">
                  <c:v>0.47045200000000165</c:v>
                </c:pt>
                <c:pt idx="95">
                  <c:v>0.47545600000000121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121</c:v>
                </c:pt>
                <c:pt idx="99">
                  <c:v>0.49547600000000003</c:v>
                </c:pt>
                <c:pt idx="100">
                  <c:v>0.50048000000000137</c:v>
                </c:pt>
                <c:pt idx="101">
                  <c:v>0.50548500000000018</c:v>
                </c:pt>
                <c:pt idx="102">
                  <c:v>0.51049000000000078</c:v>
                </c:pt>
                <c:pt idx="103">
                  <c:v>0.51549500000000137</c:v>
                </c:pt>
                <c:pt idx="104">
                  <c:v>0.52050000000000018</c:v>
                </c:pt>
                <c:pt idx="105">
                  <c:v>0.52550400000000153</c:v>
                </c:pt>
                <c:pt idx="106">
                  <c:v>0.53050900000000034</c:v>
                </c:pt>
                <c:pt idx="107">
                  <c:v>0.53551400000000093</c:v>
                </c:pt>
                <c:pt idx="108">
                  <c:v>0.54051900000000153</c:v>
                </c:pt>
                <c:pt idx="109">
                  <c:v>0.54552400000000034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800000000109</c:v>
                </c:pt>
                <c:pt idx="113">
                  <c:v>0.56554299999999991</c:v>
                </c:pt>
                <c:pt idx="114">
                  <c:v>0.5705480000000005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125</c:v>
                </c:pt>
                <c:pt idx="118">
                  <c:v>0.59056700000000006</c:v>
                </c:pt>
                <c:pt idx="119">
                  <c:v>0.59557200000000066</c:v>
                </c:pt>
                <c:pt idx="120">
                  <c:v>0.60057600000000022</c:v>
                </c:pt>
                <c:pt idx="121">
                  <c:v>0.60558100000000081</c:v>
                </c:pt>
                <c:pt idx="122">
                  <c:v>0.61058600000000141</c:v>
                </c:pt>
                <c:pt idx="123">
                  <c:v>0.61559100000000022</c:v>
                </c:pt>
                <c:pt idx="124">
                  <c:v>0.62059600000000081</c:v>
                </c:pt>
                <c:pt idx="125">
                  <c:v>0.62560000000000038</c:v>
                </c:pt>
                <c:pt idx="126">
                  <c:v>0.63060500000000097</c:v>
                </c:pt>
                <c:pt idx="127">
                  <c:v>0.63561000000000156</c:v>
                </c:pt>
                <c:pt idx="128">
                  <c:v>0.64061500000000038</c:v>
                </c:pt>
                <c:pt idx="129">
                  <c:v>0.64562000000000097</c:v>
                </c:pt>
                <c:pt idx="130">
                  <c:v>0.65062400000000054</c:v>
                </c:pt>
                <c:pt idx="131">
                  <c:v>0.65562900000000113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400000000113</c:v>
                </c:pt>
                <c:pt idx="135">
                  <c:v>0.67564800000000069</c:v>
                </c:pt>
                <c:pt idx="136">
                  <c:v>0.68065300000000128</c:v>
                </c:pt>
                <c:pt idx="137">
                  <c:v>0.6856580000000001</c:v>
                </c:pt>
                <c:pt idx="138">
                  <c:v>0.69066300000000069</c:v>
                </c:pt>
                <c:pt idx="139">
                  <c:v>0.69566800000000129</c:v>
                </c:pt>
                <c:pt idx="140">
                  <c:v>0.70067200000000085</c:v>
                </c:pt>
                <c:pt idx="141">
                  <c:v>0.70567700000000144</c:v>
                </c:pt>
                <c:pt idx="142">
                  <c:v>0.71068200000000026</c:v>
                </c:pt>
                <c:pt idx="143">
                  <c:v>0.71568700000000085</c:v>
                </c:pt>
                <c:pt idx="144">
                  <c:v>0.72069200000000144</c:v>
                </c:pt>
                <c:pt idx="145">
                  <c:v>0.72569600000000101</c:v>
                </c:pt>
                <c:pt idx="146">
                  <c:v>0.7307010000000016</c:v>
                </c:pt>
                <c:pt idx="147">
                  <c:v>0.73570600000000042</c:v>
                </c:pt>
                <c:pt idx="148">
                  <c:v>0.74071100000000101</c:v>
                </c:pt>
                <c:pt idx="149">
                  <c:v>0.7457160000000016</c:v>
                </c:pt>
                <c:pt idx="150">
                  <c:v>0.75072000000000116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500000000116</c:v>
                </c:pt>
                <c:pt idx="154">
                  <c:v>0.77073999999999998</c:v>
                </c:pt>
                <c:pt idx="155">
                  <c:v>0.77574400000000132</c:v>
                </c:pt>
                <c:pt idx="156">
                  <c:v>0.78074900000000014</c:v>
                </c:pt>
                <c:pt idx="157">
                  <c:v>0.78575400000000073</c:v>
                </c:pt>
                <c:pt idx="158">
                  <c:v>0.79075900000000132</c:v>
                </c:pt>
                <c:pt idx="159">
                  <c:v>0.79576400000000014</c:v>
                </c:pt>
                <c:pt idx="160">
                  <c:v>0.80076800000000148</c:v>
                </c:pt>
                <c:pt idx="161">
                  <c:v>0.80577300000000029</c:v>
                </c:pt>
                <c:pt idx="162">
                  <c:v>0.81077800000000089</c:v>
                </c:pt>
                <c:pt idx="163">
                  <c:v>0.81578300000000148</c:v>
                </c:pt>
                <c:pt idx="164">
                  <c:v>0.8207880000000003</c:v>
                </c:pt>
                <c:pt idx="165">
                  <c:v>0.82579200000000164</c:v>
                </c:pt>
                <c:pt idx="166">
                  <c:v>0.83079700000000045</c:v>
                </c:pt>
                <c:pt idx="167">
                  <c:v>0.83580200000000104</c:v>
                </c:pt>
                <c:pt idx="168">
                  <c:v>0.84080700000000164</c:v>
                </c:pt>
                <c:pt idx="169">
                  <c:v>0.84581200000000045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60000000012</c:v>
                </c:pt>
                <c:pt idx="173">
                  <c:v>0.86583100000000002</c:v>
                </c:pt>
                <c:pt idx="174">
                  <c:v>0.87083600000000061</c:v>
                </c:pt>
                <c:pt idx="175">
                  <c:v>0.87584000000000017</c:v>
                </c:pt>
                <c:pt idx="176">
                  <c:v>0.88084500000000077</c:v>
                </c:pt>
                <c:pt idx="177">
                  <c:v>0.88585000000000136</c:v>
                </c:pt>
                <c:pt idx="178">
                  <c:v>0.89085500000000017</c:v>
                </c:pt>
                <c:pt idx="179">
                  <c:v>0.89586000000000077</c:v>
                </c:pt>
                <c:pt idx="180">
                  <c:v>0.90086400000000033</c:v>
                </c:pt>
                <c:pt idx="181">
                  <c:v>0.90586900000000092</c:v>
                </c:pt>
                <c:pt idx="182">
                  <c:v>0.91087400000000152</c:v>
                </c:pt>
                <c:pt idx="183">
                  <c:v>0.91587900000000033</c:v>
                </c:pt>
                <c:pt idx="184">
                  <c:v>0.92088400000000092</c:v>
                </c:pt>
                <c:pt idx="185">
                  <c:v>0.92588800000000049</c:v>
                </c:pt>
                <c:pt idx="186">
                  <c:v>0.93089300000000108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800000000108</c:v>
                </c:pt>
                <c:pt idx="190">
                  <c:v>0.95091200000000065</c:v>
                </c:pt>
                <c:pt idx="191">
                  <c:v>0.95591700000000124</c:v>
                </c:pt>
                <c:pt idx="192">
                  <c:v>0.96092200000000005</c:v>
                </c:pt>
                <c:pt idx="193">
                  <c:v>0.96592700000000065</c:v>
                </c:pt>
                <c:pt idx="194">
                  <c:v>0.97093200000000124</c:v>
                </c:pt>
                <c:pt idx="195">
                  <c:v>0.9759360000000008</c:v>
                </c:pt>
                <c:pt idx="196">
                  <c:v>0.9809410000000014</c:v>
                </c:pt>
                <c:pt idx="197">
                  <c:v>0.98594600000000021</c:v>
                </c:pt>
                <c:pt idx="198">
                  <c:v>0.9909510000000008</c:v>
                </c:pt>
                <c:pt idx="199">
                  <c:v>0.9959560000000014</c:v>
                </c:pt>
                <c:pt idx="200">
                  <c:v>1.000960000000001</c:v>
                </c:pt>
                <c:pt idx="201">
                  <c:v>1.0059650000000016</c:v>
                </c:pt>
                <c:pt idx="202">
                  <c:v>1.0109700000000004</c:v>
                </c:pt>
                <c:pt idx="203">
                  <c:v>1.015975000000001</c:v>
                </c:pt>
                <c:pt idx="204">
                  <c:v>1.0209800000000016</c:v>
                </c:pt>
                <c:pt idx="205">
                  <c:v>1.0259840000000011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90000000011</c:v>
                </c:pt>
                <c:pt idx="209">
                  <c:v>1.0460039999999999</c:v>
                </c:pt>
                <c:pt idx="210">
                  <c:v>1.0510080000000013</c:v>
                </c:pt>
                <c:pt idx="211">
                  <c:v>1.0560130000000001</c:v>
                </c:pt>
                <c:pt idx="212">
                  <c:v>1.0610180000000007</c:v>
                </c:pt>
                <c:pt idx="213">
                  <c:v>1.0660230000000013</c:v>
                </c:pt>
                <c:pt idx="214">
                  <c:v>1.0710280000000001</c:v>
                </c:pt>
                <c:pt idx="215">
                  <c:v>1.0760320000000014</c:v>
                </c:pt>
                <c:pt idx="216">
                  <c:v>1.0810370000000002</c:v>
                </c:pt>
                <c:pt idx="217">
                  <c:v>1.0860420000000008</c:v>
                </c:pt>
                <c:pt idx="218">
                  <c:v>1.0910470000000014</c:v>
                </c:pt>
                <c:pt idx="219">
                  <c:v>1.0960520000000002</c:v>
                </c:pt>
                <c:pt idx="220">
                  <c:v>1.1010560000000016</c:v>
                </c:pt>
                <c:pt idx="221">
                  <c:v>1.1060610000000004</c:v>
                </c:pt>
                <c:pt idx="222">
                  <c:v>1.111066000000001</c:v>
                </c:pt>
                <c:pt idx="223">
                  <c:v>1.1160710000000016</c:v>
                </c:pt>
                <c:pt idx="224">
                  <c:v>1.1210760000000004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900000000012</c:v>
                </c:pt>
                <c:pt idx="228">
                  <c:v>1.141095</c:v>
                </c:pt>
                <c:pt idx="229">
                  <c:v>1.1461000000000006</c:v>
                </c:pt>
                <c:pt idx="230">
                  <c:v>1.1511040000000001</c:v>
                </c:pt>
                <c:pt idx="231">
                  <c:v>1.1561090000000007</c:v>
                </c:pt>
                <c:pt idx="232">
                  <c:v>1.1611140000000013</c:v>
                </c:pt>
                <c:pt idx="233">
                  <c:v>1.1661190000000001</c:v>
                </c:pt>
                <c:pt idx="234">
                  <c:v>1.1711240000000007</c:v>
                </c:pt>
                <c:pt idx="235">
                  <c:v>1.1761280000000003</c:v>
                </c:pt>
                <c:pt idx="236">
                  <c:v>1.1811330000000009</c:v>
                </c:pt>
                <c:pt idx="237">
                  <c:v>1.1861380000000015</c:v>
                </c:pt>
                <c:pt idx="238">
                  <c:v>1.1911430000000003</c:v>
                </c:pt>
                <c:pt idx="239">
                  <c:v>1.1961480000000009</c:v>
                </c:pt>
                <c:pt idx="240">
                  <c:v>1.2011520000000004</c:v>
                </c:pt>
                <c:pt idx="241">
                  <c:v>1.206157000000001</c:v>
                </c:pt>
                <c:pt idx="242">
                  <c:v>1.2111620000000016</c:v>
                </c:pt>
                <c:pt idx="243">
                  <c:v>1.2161670000000004</c:v>
                </c:pt>
                <c:pt idx="244">
                  <c:v>1.221172000000001</c:v>
                </c:pt>
                <c:pt idx="245">
                  <c:v>1.2261760000000006</c:v>
                </c:pt>
                <c:pt idx="246">
                  <c:v>1.2311810000000012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60000000012</c:v>
                </c:pt>
                <c:pt idx="250">
                  <c:v>1.2512000000000008</c:v>
                </c:pt>
                <c:pt idx="251">
                  <c:v>1.2562050000000013</c:v>
                </c:pt>
                <c:pt idx="252">
                  <c:v>1.2612100000000002</c:v>
                </c:pt>
                <c:pt idx="253">
                  <c:v>1.2662150000000008</c:v>
                </c:pt>
                <c:pt idx="254">
                  <c:v>1.2712200000000013</c:v>
                </c:pt>
                <c:pt idx="255">
                  <c:v>1.2762240000000009</c:v>
                </c:pt>
                <c:pt idx="256">
                  <c:v>1.2812290000000015</c:v>
                </c:pt>
                <c:pt idx="257">
                  <c:v>1.2862340000000003</c:v>
                </c:pt>
                <c:pt idx="258">
                  <c:v>1.2912390000000009</c:v>
                </c:pt>
                <c:pt idx="259">
                  <c:v>1.2962440000000015</c:v>
                </c:pt>
                <c:pt idx="260">
                  <c:v>1.3012480000000011</c:v>
                </c:pt>
                <c:pt idx="261">
                  <c:v>1.3062530000000017</c:v>
                </c:pt>
                <c:pt idx="262">
                  <c:v>1.3112580000000005</c:v>
                </c:pt>
                <c:pt idx="263">
                  <c:v>1.3162630000000011</c:v>
                </c:pt>
                <c:pt idx="264">
                  <c:v>1.3212680000000017</c:v>
                </c:pt>
                <c:pt idx="265">
                  <c:v>1.3262720000000012</c:v>
                </c:pt>
                <c:pt idx="266">
                  <c:v>1.331277</c:v>
                </c:pt>
                <c:pt idx="267">
                  <c:v>1.3362820000000006</c:v>
                </c:pt>
                <c:pt idx="268">
                  <c:v>1.3412870000000012</c:v>
                </c:pt>
                <c:pt idx="269">
                  <c:v>1.346292</c:v>
                </c:pt>
                <c:pt idx="270">
                  <c:v>1.3512960000000014</c:v>
                </c:pt>
                <c:pt idx="271">
                  <c:v>1.3563010000000002</c:v>
                </c:pt>
                <c:pt idx="272">
                  <c:v>1.3613060000000008</c:v>
                </c:pt>
                <c:pt idx="273">
                  <c:v>1.3663110000000014</c:v>
                </c:pt>
                <c:pt idx="274">
                  <c:v>1.3713160000000002</c:v>
                </c:pt>
                <c:pt idx="275">
                  <c:v>1.3763200000000015</c:v>
                </c:pt>
                <c:pt idx="276">
                  <c:v>1.3813250000000004</c:v>
                </c:pt>
                <c:pt idx="277">
                  <c:v>1.386330000000001</c:v>
                </c:pt>
                <c:pt idx="278">
                  <c:v>1.3913350000000015</c:v>
                </c:pt>
                <c:pt idx="279">
                  <c:v>1.3963400000000004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40000000011</c:v>
                </c:pt>
                <c:pt idx="283">
                  <c:v>1.4163589999999999</c:v>
                </c:pt>
                <c:pt idx="284">
                  <c:v>1.4213640000000005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80000000013</c:v>
                </c:pt>
                <c:pt idx="288">
                  <c:v>1.4413830000000001</c:v>
                </c:pt>
                <c:pt idx="289">
                  <c:v>1.4463880000000007</c:v>
                </c:pt>
                <c:pt idx="290">
                  <c:v>1.4513920000000002</c:v>
                </c:pt>
                <c:pt idx="291">
                  <c:v>1.4563970000000008</c:v>
                </c:pt>
                <c:pt idx="292">
                  <c:v>1.4614020000000014</c:v>
                </c:pt>
                <c:pt idx="293">
                  <c:v>1.4664070000000002</c:v>
                </c:pt>
                <c:pt idx="294">
                  <c:v>1.4714120000000008</c:v>
                </c:pt>
                <c:pt idx="295">
                  <c:v>1.4764160000000004</c:v>
                </c:pt>
                <c:pt idx="296">
                  <c:v>1.481421000000001</c:v>
                </c:pt>
                <c:pt idx="297">
                  <c:v>1.4864260000000016</c:v>
                </c:pt>
                <c:pt idx="298">
                  <c:v>1.4914310000000004</c:v>
                </c:pt>
                <c:pt idx="299">
                  <c:v>1.496436000000001</c:v>
                </c:pt>
                <c:pt idx="300">
                  <c:v>1.5014400000000006</c:v>
                </c:pt>
                <c:pt idx="301">
                  <c:v>1.5064450000000011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600000000011</c:v>
                </c:pt>
                <c:pt idx="305">
                  <c:v>1.5264640000000007</c:v>
                </c:pt>
                <c:pt idx="306">
                  <c:v>1.5314690000000013</c:v>
                </c:pt>
                <c:pt idx="307">
                  <c:v>1.5364740000000001</c:v>
                </c:pt>
                <c:pt idx="308">
                  <c:v>1.5414790000000007</c:v>
                </c:pt>
                <c:pt idx="309">
                  <c:v>1.5464840000000013</c:v>
                </c:pt>
                <c:pt idx="310">
                  <c:v>1.5514880000000009</c:v>
                </c:pt>
                <c:pt idx="311">
                  <c:v>1.5564930000000015</c:v>
                </c:pt>
                <c:pt idx="312">
                  <c:v>1.5614980000000003</c:v>
                </c:pt>
                <c:pt idx="313">
                  <c:v>1.5665030000000009</c:v>
                </c:pt>
                <c:pt idx="314">
                  <c:v>1.5715080000000015</c:v>
                </c:pt>
                <c:pt idx="315">
                  <c:v>1.576512000000001</c:v>
                </c:pt>
                <c:pt idx="316">
                  <c:v>1.5815170000000016</c:v>
                </c:pt>
                <c:pt idx="317">
                  <c:v>1.5865220000000004</c:v>
                </c:pt>
                <c:pt idx="318">
                  <c:v>1.591527000000001</c:v>
                </c:pt>
                <c:pt idx="319">
                  <c:v>1.5965320000000016</c:v>
                </c:pt>
                <c:pt idx="320">
                  <c:v>1.6015360000000012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10000000012</c:v>
                </c:pt>
                <c:pt idx="324">
                  <c:v>1.621556</c:v>
                </c:pt>
                <c:pt idx="325">
                  <c:v>1.6265600000000013</c:v>
                </c:pt>
                <c:pt idx="326">
                  <c:v>1.6315650000000002</c:v>
                </c:pt>
                <c:pt idx="327">
                  <c:v>1.6365700000000007</c:v>
                </c:pt>
                <c:pt idx="328">
                  <c:v>1.6415750000000013</c:v>
                </c:pt>
                <c:pt idx="329">
                  <c:v>1.6465800000000002</c:v>
                </c:pt>
                <c:pt idx="330">
                  <c:v>1.6515840000000015</c:v>
                </c:pt>
                <c:pt idx="331">
                  <c:v>1.6565890000000003</c:v>
                </c:pt>
                <c:pt idx="332">
                  <c:v>1.6615940000000009</c:v>
                </c:pt>
                <c:pt idx="333">
                  <c:v>1.6665990000000015</c:v>
                </c:pt>
                <c:pt idx="334">
                  <c:v>1.6716040000000003</c:v>
                </c:pt>
                <c:pt idx="335">
                  <c:v>1.6766080000000017</c:v>
                </c:pt>
                <c:pt idx="336">
                  <c:v>1.6816130000000005</c:v>
                </c:pt>
                <c:pt idx="337">
                  <c:v>1.6866180000000011</c:v>
                </c:pt>
                <c:pt idx="338">
                  <c:v>1.6916230000000017</c:v>
                </c:pt>
                <c:pt idx="339">
                  <c:v>1.6966280000000005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20000000012</c:v>
                </c:pt>
                <c:pt idx="343">
                  <c:v>1.716647</c:v>
                </c:pt>
                <c:pt idx="344">
                  <c:v>1.7216520000000006</c:v>
                </c:pt>
                <c:pt idx="345">
                  <c:v>1.7266560000000002</c:v>
                </c:pt>
                <c:pt idx="346">
                  <c:v>1.7316610000000008</c:v>
                </c:pt>
                <c:pt idx="347">
                  <c:v>1.7366660000000014</c:v>
                </c:pt>
                <c:pt idx="348">
                  <c:v>1.7416710000000002</c:v>
                </c:pt>
                <c:pt idx="349">
                  <c:v>1.7466760000000008</c:v>
                </c:pt>
                <c:pt idx="350">
                  <c:v>1.7516800000000003</c:v>
                </c:pt>
                <c:pt idx="351">
                  <c:v>1.7566850000000009</c:v>
                </c:pt>
                <c:pt idx="352">
                  <c:v>1.7616900000000015</c:v>
                </c:pt>
                <c:pt idx="353">
                  <c:v>1.7666950000000003</c:v>
                </c:pt>
                <c:pt idx="354">
                  <c:v>1.7717000000000009</c:v>
                </c:pt>
                <c:pt idx="355">
                  <c:v>1.7767040000000005</c:v>
                </c:pt>
                <c:pt idx="356">
                  <c:v>1.7817090000000011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40000000011</c:v>
                </c:pt>
                <c:pt idx="360">
                  <c:v>1.8017280000000007</c:v>
                </c:pt>
                <c:pt idx="361">
                  <c:v>1.8067330000000013</c:v>
                </c:pt>
                <c:pt idx="362">
                  <c:v>1.8117380000000001</c:v>
                </c:pt>
                <c:pt idx="363">
                  <c:v>1.8167430000000007</c:v>
                </c:pt>
                <c:pt idx="364">
                  <c:v>1.8217480000000013</c:v>
                </c:pt>
                <c:pt idx="365">
                  <c:v>1.8267520000000008</c:v>
                </c:pt>
                <c:pt idx="366">
                  <c:v>1.8317570000000014</c:v>
                </c:pt>
                <c:pt idx="367">
                  <c:v>1.8367620000000002</c:v>
                </c:pt>
                <c:pt idx="368">
                  <c:v>1.8417670000000008</c:v>
                </c:pt>
                <c:pt idx="369">
                  <c:v>1.8467720000000014</c:v>
                </c:pt>
                <c:pt idx="370">
                  <c:v>1.851776000000001</c:v>
                </c:pt>
                <c:pt idx="371">
                  <c:v>1.8567810000000016</c:v>
                </c:pt>
                <c:pt idx="372">
                  <c:v>1.8617860000000004</c:v>
                </c:pt>
                <c:pt idx="373">
                  <c:v>1.866791000000001</c:v>
                </c:pt>
                <c:pt idx="374">
                  <c:v>1.8717960000000016</c:v>
                </c:pt>
                <c:pt idx="375">
                  <c:v>1.8768000000000011</c:v>
                </c:pt>
                <c:pt idx="376">
                  <c:v>1.8818049999999999</c:v>
                </c:pt>
                <c:pt idx="377">
                  <c:v>1.8868100000000005</c:v>
                </c:pt>
                <c:pt idx="378">
                  <c:v>1.8918150000000011</c:v>
                </c:pt>
                <c:pt idx="379">
                  <c:v>1.89682</c:v>
                </c:pt>
                <c:pt idx="380">
                  <c:v>1.9018240000000013</c:v>
                </c:pt>
                <c:pt idx="381">
                  <c:v>1.9068290000000001</c:v>
                </c:pt>
                <c:pt idx="382">
                  <c:v>1.9118340000000007</c:v>
                </c:pt>
                <c:pt idx="383">
                  <c:v>1.9168390000000013</c:v>
                </c:pt>
                <c:pt idx="384">
                  <c:v>1.9218440000000001</c:v>
                </c:pt>
                <c:pt idx="385">
                  <c:v>1.9268480000000014</c:v>
                </c:pt>
                <c:pt idx="386">
                  <c:v>1.9318530000000003</c:v>
                </c:pt>
                <c:pt idx="387">
                  <c:v>1.9368580000000009</c:v>
                </c:pt>
                <c:pt idx="388">
                  <c:v>1.9418630000000014</c:v>
                </c:pt>
                <c:pt idx="389">
                  <c:v>1.9468680000000003</c:v>
                </c:pt>
                <c:pt idx="390">
                  <c:v>1.9518720000000016</c:v>
                </c:pt>
                <c:pt idx="391">
                  <c:v>1.9568770000000004</c:v>
                </c:pt>
                <c:pt idx="392">
                  <c:v>1.961882000000001</c:v>
                </c:pt>
                <c:pt idx="393">
                  <c:v>1.9668870000000016</c:v>
                </c:pt>
                <c:pt idx="394">
                  <c:v>1.9718920000000004</c:v>
                </c:pt>
                <c:pt idx="395">
                  <c:v>1.976896</c:v>
                </c:pt>
                <c:pt idx="396">
                  <c:v>1.9819010000000006</c:v>
                </c:pt>
              </c:numCache>
            </c:numRef>
          </c:xVal>
          <c:yVal>
            <c:numRef>
              <c:f>'Mono-1200-3s(10)'!$F$2:$F$410</c:f>
              <c:numCache>
                <c:formatCode>General</c:formatCode>
                <c:ptCount val="409"/>
                <c:pt idx="1">
                  <c:v>0.33355069263615306</c:v>
                </c:pt>
                <c:pt idx="2">
                  <c:v>0.15894307156763049</c:v>
                </c:pt>
                <c:pt idx="3">
                  <c:v>1.9194135879829235E-2</c:v>
                </c:pt>
                <c:pt idx="4">
                  <c:v>1.5788109210039404E-2</c:v>
                </c:pt>
                <c:pt idx="5">
                  <c:v>6.8703680293076108E-2</c:v>
                </c:pt>
                <c:pt idx="6">
                  <c:v>7.029336609693744E-2</c:v>
                </c:pt>
                <c:pt idx="7">
                  <c:v>8.5092710397216727E-3</c:v>
                </c:pt>
                <c:pt idx="8">
                  <c:v>-1.7093977304550718E-2</c:v>
                </c:pt>
                <c:pt idx="9">
                  <c:v>7.0025818883659502E-3</c:v>
                </c:pt>
                <c:pt idx="10">
                  <c:v>1.8759539225472875E-2</c:v>
                </c:pt>
                <c:pt idx="11">
                  <c:v>-8.4573061471504372E-3</c:v>
                </c:pt>
                <c:pt idx="12">
                  <c:v>-3.0438057054635245E-2</c:v>
                </c:pt>
                <c:pt idx="13">
                  <c:v>-2.5637698450730897E-2</c:v>
                </c:pt>
                <c:pt idx="14">
                  <c:v>-9.9715669235717827E-3</c:v>
                </c:pt>
                <c:pt idx="15">
                  <c:v>-1.2574819778327799E-2</c:v>
                </c:pt>
                <c:pt idx="16">
                  <c:v>-1.3448498264088933E-2</c:v>
                </c:pt>
                <c:pt idx="17">
                  <c:v>-4.8877439201417316E-4</c:v>
                </c:pt>
                <c:pt idx="18">
                  <c:v>1.6249725320375125E-2</c:v>
                </c:pt>
                <c:pt idx="19">
                  <c:v>2.0540663760345142E-2</c:v>
                </c:pt>
                <c:pt idx="20">
                  <c:v>1.8538441357481873E-2</c:v>
                </c:pt>
                <c:pt idx="21">
                  <c:v>2.7136629453712532E-2</c:v>
                </c:pt>
                <c:pt idx="22">
                  <c:v>3.948531682856745E-2</c:v>
                </c:pt>
                <c:pt idx="23">
                  <c:v>4.2118521150788395E-2</c:v>
                </c:pt>
                <c:pt idx="24">
                  <c:v>4.1160057936858181E-2</c:v>
                </c:pt>
                <c:pt idx="25">
                  <c:v>4.2154269482498737E-2</c:v>
                </c:pt>
                <c:pt idx="26">
                  <c:v>4.6079940109705078E-2</c:v>
                </c:pt>
                <c:pt idx="27">
                  <c:v>4.4113533398929948E-2</c:v>
                </c:pt>
                <c:pt idx="28">
                  <c:v>3.6052471100241519E-2</c:v>
                </c:pt>
                <c:pt idx="29">
                  <c:v>2.8356115923832675E-2</c:v>
                </c:pt>
                <c:pt idx="30">
                  <c:v>2.4555531082487279E-2</c:v>
                </c:pt>
                <c:pt idx="31">
                  <c:v>2.5110115817871963E-2</c:v>
                </c:pt>
                <c:pt idx="32">
                  <c:v>2.472420206902581E-2</c:v>
                </c:pt>
                <c:pt idx="33">
                  <c:v>2.6020330264665978E-2</c:v>
                </c:pt>
                <c:pt idx="34">
                  <c:v>2.4829878879152376E-2</c:v>
                </c:pt>
                <c:pt idx="35">
                  <c:v>2.1920426679790436E-2</c:v>
                </c:pt>
                <c:pt idx="36">
                  <c:v>2.1128417156720702E-2</c:v>
                </c:pt>
                <c:pt idx="37">
                  <c:v>2.2649630409142706E-2</c:v>
                </c:pt>
                <c:pt idx="38">
                  <c:v>2.714882663305189E-2</c:v>
                </c:pt>
                <c:pt idx="39">
                  <c:v>2.5652838581761747E-2</c:v>
                </c:pt>
                <c:pt idx="40">
                  <c:v>2.4125829497600629E-2</c:v>
                </c:pt>
                <c:pt idx="41">
                  <c:v>2.6768436782838963E-2</c:v>
                </c:pt>
                <c:pt idx="42">
                  <c:v>2.8466122430036447E-2</c:v>
                </c:pt>
                <c:pt idx="43">
                  <c:v>3.0189135781294771E-2</c:v>
                </c:pt>
                <c:pt idx="44">
                  <c:v>3.0292560828149278E-2</c:v>
                </c:pt>
                <c:pt idx="45">
                  <c:v>3.4673018679277835E-2</c:v>
                </c:pt>
                <c:pt idx="46">
                  <c:v>4.0239179188009531E-2</c:v>
                </c:pt>
                <c:pt idx="47">
                  <c:v>4.1738626480768017E-2</c:v>
                </c:pt>
                <c:pt idx="48">
                  <c:v>3.8508759391142643E-2</c:v>
                </c:pt>
                <c:pt idx="49">
                  <c:v>3.7964195520434681E-2</c:v>
                </c:pt>
                <c:pt idx="50">
                  <c:v>3.9739233730716313E-2</c:v>
                </c:pt>
                <c:pt idx="51">
                  <c:v>3.9993853126337686E-2</c:v>
                </c:pt>
                <c:pt idx="52">
                  <c:v>3.3096945528687305E-2</c:v>
                </c:pt>
                <c:pt idx="53">
                  <c:v>3.1302920807883217E-2</c:v>
                </c:pt>
                <c:pt idx="54">
                  <c:v>3.4560925846578251E-2</c:v>
                </c:pt>
                <c:pt idx="55">
                  <c:v>3.3861228026899469E-2</c:v>
                </c:pt>
                <c:pt idx="56">
                  <c:v>2.9689372303978001E-2</c:v>
                </c:pt>
                <c:pt idx="57">
                  <c:v>2.4422877873418781E-2</c:v>
                </c:pt>
                <c:pt idx="58">
                  <c:v>2.7648423044234337E-2</c:v>
                </c:pt>
                <c:pt idx="59">
                  <c:v>2.869465418897944E-2</c:v>
                </c:pt>
                <c:pt idx="60">
                  <c:v>2.4279181639808429E-2</c:v>
                </c:pt>
                <c:pt idx="61">
                  <c:v>1.864293809457139E-2</c:v>
                </c:pt>
                <c:pt idx="62">
                  <c:v>2.1548924747797432E-2</c:v>
                </c:pt>
                <c:pt idx="63">
                  <c:v>2.6279688487678379E-2</c:v>
                </c:pt>
                <c:pt idx="64">
                  <c:v>2.5240349406127193E-2</c:v>
                </c:pt>
                <c:pt idx="65">
                  <c:v>2.1794432817506738E-2</c:v>
                </c:pt>
                <c:pt idx="66">
                  <c:v>2.2927662105257103E-2</c:v>
                </c:pt>
                <c:pt idx="67">
                  <c:v>2.7930159775122324E-2</c:v>
                </c:pt>
                <c:pt idx="68">
                  <c:v>2.7499026578256869E-2</c:v>
                </c:pt>
                <c:pt idx="69">
                  <c:v>2.4263313909472124E-2</c:v>
                </c:pt>
                <c:pt idx="70">
                  <c:v>2.3603361922009316E-2</c:v>
                </c:pt>
                <c:pt idx="71">
                  <c:v>2.712040896451174E-2</c:v>
                </c:pt>
                <c:pt idx="72">
                  <c:v>2.7334721392422288E-2</c:v>
                </c:pt>
                <c:pt idx="73">
                  <c:v>2.4288840737015802E-2</c:v>
                </c:pt>
                <c:pt idx="74">
                  <c:v>2.2511291510236432E-2</c:v>
                </c:pt>
                <c:pt idx="75">
                  <c:v>2.3963598980735714E-2</c:v>
                </c:pt>
                <c:pt idx="76">
                  <c:v>2.478601859551733E-2</c:v>
                </c:pt>
                <c:pt idx="77">
                  <c:v>2.2154061089761604E-2</c:v>
                </c:pt>
                <c:pt idx="78">
                  <c:v>1.9712011485545983E-2</c:v>
                </c:pt>
                <c:pt idx="79">
                  <c:v>1.9995591252292364E-2</c:v>
                </c:pt>
                <c:pt idx="80">
                  <c:v>2.1049114661128198E-2</c:v>
                </c:pt>
                <c:pt idx="81">
                  <c:v>1.9040491001086114E-2</c:v>
                </c:pt>
                <c:pt idx="82">
                  <c:v>1.689890279139767E-2</c:v>
                </c:pt>
                <c:pt idx="83">
                  <c:v>1.7924083049385975E-2</c:v>
                </c:pt>
                <c:pt idx="84">
                  <c:v>2.0773229141448524E-2</c:v>
                </c:pt>
                <c:pt idx="85">
                  <c:v>2.1830401760964582E-2</c:v>
                </c:pt>
                <c:pt idx="86">
                  <c:v>2.1341987311187048E-2</c:v>
                </c:pt>
                <c:pt idx="87">
                  <c:v>2.1058553299788275E-2</c:v>
                </c:pt>
                <c:pt idx="88">
                  <c:v>2.2087448097843489E-2</c:v>
                </c:pt>
                <c:pt idx="89">
                  <c:v>2.2418257140840486E-2</c:v>
                </c:pt>
                <c:pt idx="90">
                  <c:v>2.1949174164893909E-2</c:v>
                </c:pt>
                <c:pt idx="91">
                  <c:v>2.1420479349423968E-2</c:v>
                </c:pt>
                <c:pt idx="92">
                  <c:v>2.2787079829135293E-2</c:v>
                </c:pt>
                <c:pt idx="93">
                  <c:v>2.5564772187526754E-2</c:v>
                </c:pt>
                <c:pt idx="94">
                  <c:v>2.5748120038124607E-2</c:v>
                </c:pt>
                <c:pt idx="95">
                  <c:v>2.2897275317490307E-2</c:v>
                </c:pt>
                <c:pt idx="96">
                  <c:v>2.2587457696459028E-2</c:v>
                </c:pt>
                <c:pt idx="97">
                  <c:v>2.4042723283204198E-2</c:v>
                </c:pt>
                <c:pt idx="98">
                  <c:v>2.6037029024496873E-2</c:v>
                </c:pt>
                <c:pt idx="99">
                  <c:v>2.545615921323981E-2</c:v>
                </c:pt>
                <c:pt idx="100">
                  <c:v>2.4216538639747879E-2</c:v>
                </c:pt>
                <c:pt idx="101">
                  <c:v>2.3824772749677557E-2</c:v>
                </c:pt>
                <c:pt idx="102">
                  <c:v>2.5566558282988618E-2</c:v>
                </c:pt>
                <c:pt idx="103">
                  <c:v>2.5554047451148781E-2</c:v>
                </c:pt>
                <c:pt idx="104">
                  <c:v>2.4112024479079716E-2</c:v>
                </c:pt>
                <c:pt idx="105">
                  <c:v>2.2044476361343261E-2</c:v>
                </c:pt>
                <c:pt idx="106">
                  <c:v>2.2116790264792525E-2</c:v>
                </c:pt>
                <c:pt idx="107">
                  <c:v>2.1827966559337556E-2</c:v>
                </c:pt>
                <c:pt idx="108">
                  <c:v>1.9836700517191028E-2</c:v>
                </c:pt>
                <c:pt idx="109">
                  <c:v>1.7833627566581214E-2</c:v>
                </c:pt>
                <c:pt idx="110">
                  <c:v>1.8285392285802188E-2</c:v>
                </c:pt>
                <c:pt idx="111">
                  <c:v>1.9279429027738045E-2</c:v>
                </c:pt>
                <c:pt idx="112">
                  <c:v>1.9308686621900006E-2</c:v>
                </c:pt>
                <c:pt idx="113">
                  <c:v>1.8297420998411439E-2</c:v>
                </c:pt>
                <c:pt idx="114">
                  <c:v>1.7502479532608153E-2</c:v>
                </c:pt>
                <c:pt idx="115">
                  <c:v>1.7865608853923406E-2</c:v>
                </c:pt>
                <c:pt idx="116">
                  <c:v>1.7640691942831875E-2</c:v>
                </c:pt>
                <c:pt idx="117">
                  <c:v>1.6604170973236024E-2</c:v>
                </c:pt>
                <c:pt idx="118">
                  <c:v>1.6621532117691001E-2</c:v>
                </c:pt>
                <c:pt idx="119">
                  <c:v>1.869240565047631E-2</c:v>
                </c:pt>
                <c:pt idx="120">
                  <c:v>1.9776957233949975E-2</c:v>
                </c:pt>
                <c:pt idx="121">
                  <c:v>1.9280389038914582E-2</c:v>
                </c:pt>
                <c:pt idx="122">
                  <c:v>1.8335224466166287E-2</c:v>
                </c:pt>
                <c:pt idx="123">
                  <c:v>1.7493304716568549E-2</c:v>
                </c:pt>
                <c:pt idx="124">
                  <c:v>1.83576360704341E-2</c:v>
                </c:pt>
                <c:pt idx="125">
                  <c:v>1.8015015540936392E-2</c:v>
                </c:pt>
                <c:pt idx="126">
                  <c:v>1.634266750675582E-2</c:v>
                </c:pt>
                <c:pt idx="127">
                  <c:v>1.6195254056446999E-2</c:v>
                </c:pt>
                <c:pt idx="128">
                  <c:v>1.682254975537955E-2</c:v>
                </c:pt>
                <c:pt idx="129">
                  <c:v>1.7276644971574325E-2</c:v>
                </c:pt>
                <c:pt idx="130">
                  <c:v>1.658978493695042E-2</c:v>
                </c:pt>
                <c:pt idx="131">
                  <c:v>1.5775345613724803E-2</c:v>
                </c:pt>
                <c:pt idx="132">
                  <c:v>1.679518703288109E-2</c:v>
                </c:pt>
                <c:pt idx="133">
                  <c:v>1.7634866912368818E-2</c:v>
                </c:pt>
                <c:pt idx="134">
                  <c:v>1.6560216144800105E-2</c:v>
                </c:pt>
                <c:pt idx="135">
                  <c:v>1.5572781190475869E-2</c:v>
                </c:pt>
                <c:pt idx="136">
                  <c:v>1.5143209815541838E-2</c:v>
                </c:pt>
                <c:pt idx="137">
                  <c:v>1.5529219715825129E-2</c:v>
                </c:pt>
                <c:pt idx="138">
                  <c:v>1.5111885200768232E-2</c:v>
                </c:pt>
                <c:pt idx="139">
                  <c:v>1.4903121703242064E-2</c:v>
                </c:pt>
                <c:pt idx="140">
                  <c:v>1.5775163629825843E-2</c:v>
                </c:pt>
                <c:pt idx="141">
                  <c:v>1.6269306847507124E-2</c:v>
                </c:pt>
                <c:pt idx="142">
                  <c:v>1.6653530799626393E-2</c:v>
                </c:pt>
                <c:pt idx="143">
                  <c:v>1.6952081145334513E-2</c:v>
                </c:pt>
                <c:pt idx="144">
                  <c:v>1.7140957132890874E-2</c:v>
                </c:pt>
                <c:pt idx="145">
                  <c:v>1.7518642670192399E-2</c:v>
                </c:pt>
                <c:pt idx="146">
                  <c:v>1.7675591570370519E-2</c:v>
                </c:pt>
                <c:pt idx="147">
                  <c:v>1.7389338756278312E-2</c:v>
                </c:pt>
                <c:pt idx="148">
                  <c:v>1.7671063034323517E-2</c:v>
                </c:pt>
                <c:pt idx="149">
                  <c:v>1.8123137958951534E-2</c:v>
                </c:pt>
                <c:pt idx="150">
                  <c:v>1.8435818282055275E-2</c:v>
                </c:pt>
                <c:pt idx="151">
                  <c:v>1.8743710175141707E-2</c:v>
                </c:pt>
                <c:pt idx="152">
                  <c:v>1.8520033954836479E-2</c:v>
                </c:pt>
                <c:pt idx="153">
                  <c:v>1.8248324551798836E-2</c:v>
                </c:pt>
                <c:pt idx="154">
                  <c:v>1.684555263927591E-2</c:v>
                </c:pt>
                <c:pt idx="155">
                  <c:v>1.6178109359043465E-2</c:v>
                </c:pt>
                <c:pt idx="156">
                  <c:v>1.5934679521090359E-2</c:v>
                </c:pt>
                <c:pt idx="157">
                  <c:v>1.5263299478270995E-2</c:v>
                </c:pt>
                <c:pt idx="158">
                  <c:v>1.3472836766085452E-2</c:v>
                </c:pt>
                <c:pt idx="159">
                  <c:v>1.2122350649183919E-2</c:v>
                </c:pt>
                <c:pt idx="160">
                  <c:v>1.2053134486542447E-2</c:v>
                </c:pt>
                <c:pt idx="161">
                  <c:v>1.2010627927833358E-2</c:v>
                </c:pt>
                <c:pt idx="162">
                  <c:v>1.113563313150881E-2</c:v>
                </c:pt>
                <c:pt idx="163">
                  <c:v>1.0637106218328357E-2</c:v>
                </c:pt>
                <c:pt idx="164">
                  <c:v>1.1200363928447546E-2</c:v>
                </c:pt>
                <c:pt idx="165">
                  <c:v>1.2465707449615856E-2</c:v>
                </c:pt>
                <c:pt idx="166">
                  <c:v>1.2811022089530562E-2</c:v>
                </c:pt>
                <c:pt idx="167">
                  <c:v>1.3083567923308484E-2</c:v>
                </c:pt>
                <c:pt idx="168">
                  <c:v>1.4688064521400436E-2</c:v>
                </c:pt>
                <c:pt idx="169">
                  <c:v>1.7481387708152673E-2</c:v>
                </c:pt>
                <c:pt idx="170">
                  <c:v>1.8650938899663752E-2</c:v>
                </c:pt>
                <c:pt idx="171">
                  <c:v>1.905250382671125E-2</c:v>
                </c:pt>
                <c:pt idx="172">
                  <c:v>1.9662742791164579E-2</c:v>
                </c:pt>
                <c:pt idx="173">
                  <c:v>2.0407951444108865E-2</c:v>
                </c:pt>
                <c:pt idx="174">
                  <c:v>2.0379997288957546E-2</c:v>
                </c:pt>
                <c:pt idx="175">
                  <c:v>1.9476286455337322E-2</c:v>
                </c:pt>
                <c:pt idx="176">
                  <c:v>1.8842634921030915E-2</c:v>
                </c:pt>
                <c:pt idx="177">
                  <c:v>1.9104243552214583E-2</c:v>
                </c:pt>
                <c:pt idx="178">
                  <c:v>1.9073375856803559E-2</c:v>
                </c:pt>
                <c:pt idx="179">
                  <c:v>1.7912024080268801E-2</c:v>
                </c:pt>
                <c:pt idx="180">
                  <c:v>1.6786107119611884E-2</c:v>
                </c:pt>
                <c:pt idx="181">
                  <c:v>1.6914445694479148E-2</c:v>
                </c:pt>
                <c:pt idx="182">
                  <c:v>1.6793620017731336E-2</c:v>
                </c:pt>
                <c:pt idx="183">
                  <c:v>1.5333827334085805E-2</c:v>
                </c:pt>
                <c:pt idx="184">
                  <c:v>1.3759685790180385E-2</c:v>
                </c:pt>
                <c:pt idx="185">
                  <c:v>1.3618307195020888E-2</c:v>
                </c:pt>
                <c:pt idx="186">
                  <c:v>1.3488039415744012E-2</c:v>
                </c:pt>
                <c:pt idx="187">
                  <c:v>1.1881543853125886E-2</c:v>
                </c:pt>
                <c:pt idx="188">
                  <c:v>9.9939280933817546E-3</c:v>
                </c:pt>
                <c:pt idx="189">
                  <c:v>9.7856963091571512E-3</c:v>
                </c:pt>
                <c:pt idx="190">
                  <c:v>1.0006485581283859E-2</c:v>
                </c:pt>
                <c:pt idx="191">
                  <c:v>1.0137547249347003E-2</c:v>
                </c:pt>
                <c:pt idx="192">
                  <c:v>1.0042937824777476E-2</c:v>
                </c:pt>
                <c:pt idx="193">
                  <c:v>1.1033847764157684E-2</c:v>
                </c:pt>
                <c:pt idx="194">
                  <c:v>1.2645693675382517E-2</c:v>
                </c:pt>
                <c:pt idx="195">
                  <c:v>1.3975004803198816E-2</c:v>
                </c:pt>
                <c:pt idx="196">
                  <c:v>1.4625907595797275E-2</c:v>
                </c:pt>
                <c:pt idx="197">
                  <c:v>1.5057435006104507E-2</c:v>
                </c:pt>
                <c:pt idx="198">
                  <c:v>1.6333620665799884E-2</c:v>
                </c:pt>
                <c:pt idx="199">
                  <c:v>1.7226009117899406E-2</c:v>
                </c:pt>
                <c:pt idx="200">
                  <c:v>1.762478216560839E-2</c:v>
                </c:pt>
                <c:pt idx="201">
                  <c:v>1.7771059100066582E-2</c:v>
                </c:pt>
                <c:pt idx="202">
                  <c:v>1.7284135102589089E-2</c:v>
                </c:pt>
                <c:pt idx="203">
                  <c:v>1.6923155306523663E-2</c:v>
                </c:pt>
                <c:pt idx="204">
                  <c:v>1.5875985762757176E-2</c:v>
                </c:pt>
                <c:pt idx="205">
                  <c:v>1.5003256370483494E-2</c:v>
                </c:pt>
                <c:pt idx="206">
                  <c:v>1.3911649864865783E-2</c:v>
                </c:pt>
                <c:pt idx="207">
                  <c:v>1.2908456268404221E-2</c:v>
                </c:pt>
                <c:pt idx="208">
                  <c:v>1.3027056230368761E-2</c:v>
                </c:pt>
                <c:pt idx="209">
                  <c:v>1.2894582507283607E-2</c:v>
                </c:pt>
                <c:pt idx="210">
                  <c:v>1.2314086036235955E-2</c:v>
                </c:pt>
                <c:pt idx="211">
                  <c:v>1.132678660003055E-2</c:v>
                </c:pt>
                <c:pt idx="212">
                  <c:v>1.0927926025038375E-2</c:v>
                </c:pt>
                <c:pt idx="213">
                  <c:v>1.1302733429850033E-2</c:v>
                </c:pt>
                <c:pt idx="214">
                  <c:v>1.1517072198040173E-2</c:v>
                </c:pt>
                <c:pt idx="215">
                  <c:v>1.1633861209632609E-2</c:v>
                </c:pt>
                <c:pt idx="216">
                  <c:v>1.2005879880307794E-2</c:v>
                </c:pt>
                <c:pt idx="217">
                  <c:v>1.3358956417119554E-2</c:v>
                </c:pt>
                <c:pt idx="218">
                  <c:v>1.4521266360232484E-2</c:v>
                </c:pt>
                <c:pt idx="219">
                  <c:v>1.4526592409962699E-2</c:v>
                </c:pt>
                <c:pt idx="220">
                  <c:v>1.4782855641101775E-2</c:v>
                </c:pt>
                <c:pt idx="221">
                  <c:v>1.5647870927816387E-2</c:v>
                </c:pt>
                <c:pt idx="222">
                  <c:v>1.6157703317335431E-2</c:v>
                </c:pt>
                <c:pt idx="223">
                  <c:v>1.606230147382931E-2</c:v>
                </c:pt>
                <c:pt idx="224">
                  <c:v>1.5983896263550023E-2</c:v>
                </c:pt>
                <c:pt idx="225">
                  <c:v>1.6960053562619128E-2</c:v>
                </c:pt>
                <c:pt idx="226">
                  <c:v>1.7481572127030859E-2</c:v>
                </c:pt>
                <c:pt idx="227">
                  <c:v>1.6847310117993231E-2</c:v>
                </c:pt>
                <c:pt idx="228">
                  <c:v>1.5732934268056019E-2</c:v>
                </c:pt>
                <c:pt idx="229">
                  <c:v>1.5537517643113322E-2</c:v>
                </c:pt>
                <c:pt idx="230">
                  <c:v>1.5539689487743312E-2</c:v>
                </c:pt>
                <c:pt idx="231">
                  <c:v>1.4860200980442348E-2</c:v>
                </c:pt>
                <c:pt idx="232">
                  <c:v>1.3407935137571341E-2</c:v>
                </c:pt>
                <c:pt idx="233">
                  <c:v>1.2892571602354156E-2</c:v>
                </c:pt>
                <c:pt idx="234">
                  <c:v>1.3029350018660544E-2</c:v>
                </c:pt>
                <c:pt idx="235">
                  <c:v>1.2893918184450057E-2</c:v>
                </c:pt>
                <c:pt idx="236">
                  <c:v>1.206378082507697E-2</c:v>
                </c:pt>
                <c:pt idx="237">
                  <c:v>1.1882682697061307E-2</c:v>
                </c:pt>
                <c:pt idx="238">
                  <c:v>1.2666592428647677E-2</c:v>
                </c:pt>
                <c:pt idx="239">
                  <c:v>1.2500878206347526E-2</c:v>
                </c:pt>
                <c:pt idx="240">
                  <c:v>1.1971653392811768E-2</c:v>
                </c:pt>
                <c:pt idx="241">
                  <c:v>1.2247165833476103E-2</c:v>
                </c:pt>
                <c:pt idx="242">
                  <c:v>1.3302373304111327E-2</c:v>
                </c:pt>
                <c:pt idx="243">
                  <c:v>1.3693947170528105E-2</c:v>
                </c:pt>
                <c:pt idx="244">
                  <c:v>1.3514391667398847E-2</c:v>
                </c:pt>
                <c:pt idx="245">
                  <c:v>1.3548939216807178E-2</c:v>
                </c:pt>
                <c:pt idx="246">
                  <c:v>1.3998494926666931E-2</c:v>
                </c:pt>
                <c:pt idx="247">
                  <c:v>1.4457976167236538E-2</c:v>
                </c:pt>
                <c:pt idx="248">
                  <c:v>1.4464699727259944E-2</c:v>
                </c:pt>
                <c:pt idx="249">
                  <c:v>1.4494892722454095E-2</c:v>
                </c:pt>
                <c:pt idx="250">
                  <c:v>1.452565744779849E-2</c:v>
                </c:pt>
                <c:pt idx="251">
                  <c:v>1.4681887095848244E-2</c:v>
                </c:pt>
                <c:pt idx="252">
                  <c:v>1.4666296737374962E-2</c:v>
                </c:pt>
                <c:pt idx="253">
                  <c:v>1.4613862719642419E-2</c:v>
                </c:pt>
                <c:pt idx="254">
                  <c:v>1.4383433054182318E-2</c:v>
                </c:pt>
                <c:pt idx="255">
                  <c:v>1.3145238536798221E-2</c:v>
                </c:pt>
                <c:pt idx="256">
                  <c:v>1.1617163529422337E-2</c:v>
                </c:pt>
                <c:pt idx="257">
                  <c:v>1.1201763202883493E-2</c:v>
                </c:pt>
                <c:pt idx="258">
                  <c:v>1.1331501257184833E-2</c:v>
                </c:pt>
                <c:pt idx="259">
                  <c:v>1.1351330079517078E-2</c:v>
                </c:pt>
                <c:pt idx="260">
                  <c:v>1.071405136556328E-2</c:v>
                </c:pt>
                <c:pt idx="261">
                  <c:v>1.0425426094039129E-2</c:v>
                </c:pt>
                <c:pt idx="262">
                  <c:v>1.1096041719365865E-2</c:v>
                </c:pt>
                <c:pt idx="263">
                  <c:v>1.1754201943986516E-2</c:v>
                </c:pt>
                <c:pt idx="264">
                  <c:v>1.1581215169122425E-2</c:v>
                </c:pt>
                <c:pt idx="265">
                  <c:v>1.2068444915765869E-2</c:v>
                </c:pt>
                <c:pt idx="266">
                  <c:v>1.2969206025779056E-2</c:v>
                </c:pt>
                <c:pt idx="267">
                  <c:v>1.3878083468565798E-2</c:v>
                </c:pt>
                <c:pt idx="268">
                  <c:v>1.3977934391108842E-2</c:v>
                </c:pt>
                <c:pt idx="269">
                  <c:v>1.4068742185002188E-2</c:v>
                </c:pt>
                <c:pt idx="270">
                  <c:v>1.4942383264146146E-2</c:v>
                </c:pt>
                <c:pt idx="271">
                  <c:v>1.5684831502374496E-2</c:v>
                </c:pt>
                <c:pt idx="272">
                  <c:v>1.5378310016519951E-2</c:v>
                </c:pt>
                <c:pt idx="273">
                  <c:v>1.4920893698302365E-2</c:v>
                </c:pt>
                <c:pt idx="274">
                  <c:v>1.4584423575817474E-2</c:v>
                </c:pt>
                <c:pt idx="275">
                  <c:v>1.4474697433659181E-2</c:v>
                </c:pt>
                <c:pt idx="276">
                  <c:v>1.3333278116431764E-2</c:v>
                </c:pt>
                <c:pt idx="277">
                  <c:v>1.2220582306768682E-2</c:v>
                </c:pt>
                <c:pt idx="278">
                  <c:v>1.1613063254350223E-2</c:v>
                </c:pt>
                <c:pt idx="279">
                  <c:v>1.1751591723023836E-2</c:v>
                </c:pt>
                <c:pt idx="280">
                  <c:v>1.1433559590526735E-2</c:v>
                </c:pt>
                <c:pt idx="281">
                  <c:v>1.0607973131667486E-2</c:v>
                </c:pt>
                <c:pt idx="282">
                  <c:v>1.0313875677331582E-2</c:v>
                </c:pt>
                <c:pt idx="283">
                  <c:v>1.0757192853273527E-2</c:v>
                </c:pt>
                <c:pt idx="284">
                  <c:v>1.0870517463088638E-2</c:v>
                </c:pt>
                <c:pt idx="285">
                  <c:v>1.1088373621762878E-2</c:v>
                </c:pt>
                <c:pt idx="286">
                  <c:v>1.1156642785988359E-2</c:v>
                </c:pt>
                <c:pt idx="287">
                  <c:v>1.1724776350233491E-2</c:v>
                </c:pt>
                <c:pt idx="288">
                  <c:v>1.2136973906791462E-2</c:v>
                </c:pt>
                <c:pt idx="289">
                  <c:v>1.2658171744238266E-2</c:v>
                </c:pt>
                <c:pt idx="290">
                  <c:v>1.300133319652585E-2</c:v>
                </c:pt>
                <c:pt idx="291">
                  <c:v>1.3582102007003822E-2</c:v>
                </c:pt>
                <c:pt idx="292">
                  <c:v>1.405541266337674E-2</c:v>
                </c:pt>
                <c:pt idx="293">
                  <c:v>1.4117076240797687E-2</c:v>
                </c:pt>
                <c:pt idx="294">
                  <c:v>1.3358448791295163E-2</c:v>
                </c:pt>
                <c:pt idx="295">
                  <c:v>1.2767126365544553E-2</c:v>
                </c:pt>
                <c:pt idx="296">
                  <c:v>1.2560696219019089E-2</c:v>
                </c:pt>
                <c:pt idx="297">
                  <c:v>1.2260700660341827E-2</c:v>
                </c:pt>
                <c:pt idx="298">
                  <c:v>1.1971220359246217E-2</c:v>
                </c:pt>
                <c:pt idx="299">
                  <c:v>1.1796980836126056E-2</c:v>
                </c:pt>
                <c:pt idx="300">
                  <c:v>1.1343237006356073E-2</c:v>
                </c:pt>
                <c:pt idx="301">
                  <c:v>1.1265894713010699E-2</c:v>
                </c:pt>
                <c:pt idx="302">
                  <c:v>1.1312356830948576E-2</c:v>
                </c:pt>
                <c:pt idx="303">
                  <c:v>1.1434752758483565E-2</c:v>
                </c:pt>
                <c:pt idx="304">
                  <c:v>1.151802720944317E-2</c:v>
                </c:pt>
                <c:pt idx="305">
                  <c:v>1.1634721010448065E-2</c:v>
                </c:pt>
                <c:pt idx="306">
                  <c:v>1.2063300878909663E-2</c:v>
                </c:pt>
                <c:pt idx="307">
                  <c:v>1.2521073665284403E-2</c:v>
                </c:pt>
                <c:pt idx="308">
                  <c:v>1.2740995345878539E-2</c:v>
                </c:pt>
                <c:pt idx="309">
                  <c:v>1.3015374288807212E-2</c:v>
                </c:pt>
                <c:pt idx="310">
                  <c:v>1.3487523152826635E-2</c:v>
                </c:pt>
                <c:pt idx="311">
                  <c:v>1.3832465419411513E-2</c:v>
                </c:pt>
                <c:pt idx="312">
                  <c:v>1.3478271590522613E-2</c:v>
                </c:pt>
                <c:pt idx="313">
                  <c:v>1.2683995567125218E-2</c:v>
                </c:pt>
                <c:pt idx="314">
                  <c:v>1.224736309937155E-2</c:v>
                </c:pt>
                <c:pt idx="315">
                  <c:v>1.2110706066712683E-2</c:v>
                </c:pt>
                <c:pt idx="316">
                  <c:v>1.1498712024116947E-2</c:v>
                </c:pt>
                <c:pt idx="317">
                  <c:v>1.0733502065649608E-2</c:v>
                </c:pt>
                <c:pt idx="318">
                  <c:v>1.0036879161707616E-2</c:v>
                </c:pt>
                <c:pt idx="319">
                  <c:v>9.738850160943861E-3</c:v>
                </c:pt>
                <c:pt idx="320">
                  <c:v>8.9464476444304445E-3</c:v>
                </c:pt>
                <c:pt idx="321">
                  <c:v>8.0600787071834629E-3</c:v>
                </c:pt>
                <c:pt idx="322">
                  <c:v>7.6582124958689615E-3</c:v>
                </c:pt>
                <c:pt idx="323">
                  <c:v>7.9002186338049882E-3</c:v>
                </c:pt>
                <c:pt idx="324">
                  <c:v>7.8289788567327458E-3</c:v>
                </c:pt>
                <c:pt idx="325">
                  <c:v>7.8242792727592405E-3</c:v>
                </c:pt>
                <c:pt idx="326">
                  <c:v>7.8777915638467318E-3</c:v>
                </c:pt>
                <c:pt idx="327">
                  <c:v>8.46298024735841E-3</c:v>
                </c:pt>
                <c:pt idx="328">
                  <c:v>9.1509302723865628E-3</c:v>
                </c:pt>
                <c:pt idx="329">
                  <c:v>9.7780697069501619E-3</c:v>
                </c:pt>
                <c:pt idx="330">
                  <c:v>9.9742821973241736E-3</c:v>
                </c:pt>
                <c:pt idx="331">
                  <c:v>1.0712316819392215E-2</c:v>
                </c:pt>
                <c:pt idx="332">
                  <c:v>1.1606074666286404E-2</c:v>
                </c:pt>
                <c:pt idx="333">
                  <c:v>1.2161879529416749E-2</c:v>
                </c:pt>
                <c:pt idx="334">
                  <c:v>1.2095954209586854E-2</c:v>
                </c:pt>
                <c:pt idx="335">
                  <c:v>1.2598672193764595E-2</c:v>
                </c:pt>
                <c:pt idx="336">
                  <c:v>1.3053200335622187E-2</c:v>
                </c:pt>
                <c:pt idx="337">
                  <c:v>1.2576300522409784E-2</c:v>
                </c:pt>
                <c:pt idx="338">
                  <c:v>1.166249543779444E-2</c:v>
                </c:pt>
                <c:pt idx="339">
                  <c:v>1.0969518239352657E-2</c:v>
                </c:pt>
                <c:pt idx="340">
                  <c:v>1.0268747698586864E-2</c:v>
                </c:pt>
                <c:pt idx="341">
                  <c:v>9.6174906932581117E-3</c:v>
                </c:pt>
                <c:pt idx="342">
                  <c:v>8.6056385175864412E-3</c:v>
                </c:pt>
                <c:pt idx="343">
                  <c:v>7.7549426891676595E-3</c:v>
                </c:pt>
                <c:pt idx="344">
                  <c:v>7.1408451805505006E-3</c:v>
                </c:pt>
                <c:pt idx="345">
                  <c:v>7.053321529385064E-3</c:v>
                </c:pt>
                <c:pt idx="346">
                  <c:v>7.0277633781938879E-3</c:v>
                </c:pt>
                <c:pt idx="347">
                  <c:v>7.0119334823764432E-3</c:v>
                </c:pt>
                <c:pt idx="348">
                  <c:v>7.231388462972348E-3</c:v>
                </c:pt>
                <c:pt idx="349">
                  <c:v>7.7842481608889754E-3</c:v>
                </c:pt>
                <c:pt idx="350">
                  <c:v>8.6349170665392314E-3</c:v>
                </c:pt>
                <c:pt idx="351">
                  <c:v>9.4162189354465454E-3</c:v>
                </c:pt>
                <c:pt idx="352">
                  <c:v>9.8719550712714765E-3</c:v>
                </c:pt>
                <c:pt idx="353">
                  <c:v>1.0527502700712904E-2</c:v>
                </c:pt>
                <c:pt idx="354">
                  <c:v>1.1030514976343735E-2</c:v>
                </c:pt>
                <c:pt idx="355">
                  <c:v>1.1312329859092411E-2</c:v>
                </c:pt>
                <c:pt idx="356">
                  <c:v>1.1640230951679062E-2</c:v>
                </c:pt>
                <c:pt idx="357">
                  <c:v>1.2407115444000963E-2</c:v>
                </c:pt>
                <c:pt idx="358">
                  <c:v>1.2867296110570837E-2</c:v>
                </c:pt>
                <c:pt idx="359">
                  <c:v>1.2654000381979306E-2</c:v>
                </c:pt>
                <c:pt idx="360">
                  <c:v>1.2008721875706495E-2</c:v>
                </c:pt>
                <c:pt idx="361">
                  <c:v>1.1331768865900349E-2</c:v>
                </c:pt>
                <c:pt idx="362">
                  <c:v>1.0682238956904278E-2</c:v>
                </c:pt>
                <c:pt idx="363">
                  <c:v>9.8064513261687056E-3</c:v>
                </c:pt>
                <c:pt idx="364">
                  <c:v>8.5835897247416547E-3</c:v>
                </c:pt>
                <c:pt idx="365">
                  <c:v>7.7679242288486109E-3</c:v>
                </c:pt>
                <c:pt idx="366">
                  <c:v>7.0932714812446951E-3</c:v>
                </c:pt>
                <c:pt idx="367">
                  <c:v>6.729683723126113E-3</c:v>
                </c:pt>
                <c:pt idx="368">
                  <c:v>6.4793645013461925E-3</c:v>
                </c:pt>
                <c:pt idx="369">
                  <c:v>6.5291200641070645E-3</c:v>
                </c:pt>
                <c:pt idx="370">
                  <c:v>6.8366184239042017E-3</c:v>
                </c:pt>
                <c:pt idx="371">
                  <c:v>7.4435077775051733E-3</c:v>
                </c:pt>
                <c:pt idx="372">
                  <c:v>7.7500346312834624E-3</c:v>
                </c:pt>
                <c:pt idx="373">
                  <c:v>7.975918954860859E-3</c:v>
                </c:pt>
                <c:pt idx="374">
                  <c:v>8.6773106069031793E-3</c:v>
                </c:pt>
                <c:pt idx="375">
                  <c:v>9.5519990640474568E-3</c:v>
                </c:pt>
                <c:pt idx="376">
                  <c:v>1.0183615466758979E-2</c:v>
                </c:pt>
                <c:pt idx="377">
                  <c:v>1.0483021441825896E-2</c:v>
                </c:pt>
                <c:pt idx="378">
                  <c:v>1.0789286668252566E-2</c:v>
                </c:pt>
                <c:pt idx="379">
                  <c:v>1.1409169437527057E-2</c:v>
                </c:pt>
                <c:pt idx="380">
                  <c:v>1.1723262104213769E-2</c:v>
                </c:pt>
                <c:pt idx="381">
                  <c:v>1.1808107888818311E-2</c:v>
                </c:pt>
                <c:pt idx="382">
                  <c:v>1.1657654455718935E-2</c:v>
                </c:pt>
                <c:pt idx="383">
                  <c:v>1.1560365444829775E-2</c:v>
                </c:pt>
                <c:pt idx="384">
                  <c:v>1.0971468250180508E-2</c:v>
                </c:pt>
                <c:pt idx="385">
                  <c:v>1.0402396737314336E-2</c:v>
                </c:pt>
                <c:pt idx="386">
                  <c:v>9.7655738793040615E-3</c:v>
                </c:pt>
                <c:pt idx="387">
                  <c:v>9.273629013516695E-3</c:v>
                </c:pt>
                <c:pt idx="388">
                  <c:v>8.5959430035417398E-3</c:v>
                </c:pt>
                <c:pt idx="389">
                  <c:v>7.9526833553016131E-3</c:v>
                </c:pt>
                <c:pt idx="390">
                  <c:v>7.229862554201754E-3</c:v>
                </c:pt>
                <c:pt idx="391">
                  <c:v>6.8333106999904141E-3</c:v>
                </c:pt>
                <c:pt idx="392">
                  <c:v>6.8291294284842348E-3</c:v>
                </c:pt>
                <c:pt idx="393">
                  <c:v>6.9956307737573248E-3</c:v>
                </c:pt>
                <c:pt idx="394">
                  <c:v>7.00656565385889E-3</c:v>
                </c:pt>
                <c:pt idx="395">
                  <c:v>7.4006139506662301E-3</c:v>
                </c:pt>
                <c:pt idx="396">
                  <c:v>8.0355878571172108E-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758-4E4D-BEE5-1CA976BB11A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12156592"/>
        <c:axId val="1012155608"/>
      </c:scatterChart>
      <c:valAx>
        <c:axId val="1012156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5608"/>
        <c:crosses val="autoZero"/>
        <c:crossBetween val="midCat"/>
      </c:valAx>
      <c:valAx>
        <c:axId val="10121556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659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7.1204944626358818E-2"/>
                  <c:y val="-0.1589698472602957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15s(3)'!$D$2:$D$2634</c:f>
              <c:numCache>
                <c:formatCode>General</c:formatCode>
                <c:ptCount val="2633"/>
                <c:pt idx="0">
                  <c:v>0</c:v>
                </c:pt>
                <c:pt idx="1">
                  <c:v>5.0050000000005923E-3</c:v>
                </c:pt>
                <c:pt idx="2">
                  <c:v>1.0010000000000296E-2</c:v>
                </c:pt>
                <c:pt idx="3">
                  <c:v>1.501500000000000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900000000075E-2</c:v>
                </c:pt>
                <c:pt idx="7">
                  <c:v>3.5034000000000454E-2</c:v>
                </c:pt>
                <c:pt idx="8">
                  <c:v>4.0039000000000158E-2</c:v>
                </c:pt>
                <c:pt idx="9">
                  <c:v>4.504300000000061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8000000000611E-2</c:v>
                </c:pt>
                <c:pt idx="13">
                  <c:v>6.5063000000000315E-2</c:v>
                </c:pt>
                <c:pt idx="14">
                  <c:v>7.0067000000000768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2000000000768E-2</c:v>
                </c:pt>
                <c:pt idx="18">
                  <c:v>9.0087000000000472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500000000019</c:v>
                </c:pt>
                <c:pt idx="25">
                  <c:v>0.12512000000000079</c:v>
                </c:pt>
                <c:pt idx="26">
                  <c:v>0.13012500000000049</c:v>
                </c:pt>
                <c:pt idx="27">
                  <c:v>0.13513000000000019</c:v>
                </c:pt>
                <c:pt idx="28">
                  <c:v>0.14013500000000079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400000000035</c:v>
                </c:pt>
                <c:pt idx="33">
                  <c:v>0.16515900000000006</c:v>
                </c:pt>
                <c:pt idx="34">
                  <c:v>0.17016300000000051</c:v>
                </c:pt>
                <c:pt idx="35">
                  <c:v>0.17516800000000021</c:v>
                </c:pt>
                <c:pt idx="36">
                  <c:v>0.1801730000000008</c:v>
                </c:pt>
                <c:pt idx="37">
                  <c:v>0.18517800000000051</c:v>
                </c:pt>
                <c:pt idx="38">
                  <c:v>0.19018300000000021</c:v>
                </c:pt>
                <c:pt idx="39">
                  <c:v>0.19518700000000067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200000000067</c:v>
                </c:pt>
                <c:pt idx="43">
                  <c:v>0.21520700000000037</c:v>
                </c:pt>
                <c:pt idx="44">
                  <c:v>0.22021100000000082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600000000082</c:v>
                </c:pt>
                <c:pt idx="48">
                  <c:v>0.24023100000000053</c:v>
                </c:pt>
                <c:pt idx="49">
                  <c:v>0.24523500000000009</c:v>
                </c:pt>
                <c:pt idx="50">
                  <c:v>0.25024000000000068</c:v>
                </c:pt>
                <c:pt idx="51">
                  <c:v>0.25524500000000039</c:v>
                </c:pt>
                <c:pt idx="52">
                  <c:v>0.26025000000000009</c:v>
                </c:pt>
                <c:pt idx="53">
                  <c:v>0.26525500000000068</c:v>
                </c:pt>
                <c:pt idx="54">
                  <c:v>0.27025900000000025</c:v>
                </c:pt>
                <c:pt idx="55">
                  <c:v>0.27526400000000084</c:v>
                </c:pt>
                <c:pt idx="56">
                  <c:v>0.28026900000000055</c:v>
                </c:pt>
                <c:pt idx="57">
                  <c:v>0.28527400000000025</c:v>
                </c:pt>
                <c:pt idx="58">
                  <c:v>0.29027900000000084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800000000041</c:v>
                </c:pt>
                <c:pt idx="63">
                  <c:v>0.31530300000000011</c:v>
                </c:pt>
                <c:pt idx="64">
                  <c:v>0.32030700000000056</c:v>
                </c:pt>
                <c:pt idx="65">
                  <c:v>0.32531200000000027</c:v>
                </c:pt>
                <c:pt idx="66">
                  <c:v>0.33031700000000086</c:v>
                </c:pt>
                <c:pt idx="67">
                  <c:v>0.33532200000000056</c:v>
                </c:pt>
                <c:pt idx="68">
                  <c:v>0.34032700000000027</c:v>
                </c:pt>
                <c:pt idx="69">
                  <c:v>0.34533100000000072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600000000072</c:v>
                </c:pt>
                <c:pt idx="73">
                  <c:v>0.36535100000000043</c:v>
                </c:pt>
                <c:pt idx="74">
                  <c:v>0.37035500000000088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900000000044</c:v>
                </c:pt>
                <c:pt idx="82">
                  <c:v>0.41039400000000015</c:v>
                </c:pt>
                <c:pt idx="83">
                  <c:v>0.41539900000000074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80000000003</c:v>
                </c:pt>
                <c:pt idx="88">
                  <c:v>0.44042300000000001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700000000076</c:v>
                </c:pt>
                <c:pt idx="92">
                  <c:v>0.46044200000000046</c:v>
                </c:pt>
                <c:pt idx="93">
                  <c:v>0.46544700000000017</c:v>
                </c:pt>
                <c:pt idx="94">
                  <c:v>0.47045100000000062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032</c:v>
                </c:pt>
                <c:pt idx="99">
                  <c:v>0.49547500000000078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9000000000078</c:v>
                </c:pt>
                <c:pt idx="103">
                  <c:v>0.51549500000000048</c:v>
                </c:pt>
                <c:pt idx="104">
                  <c:v>0.52049900000000004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400000000005</c:v>
                </c:pt>
                <c:pt idx="108">
                  <c:v>0.54051900000000064</c:v>
                </c:pt>
                <c:pt idx="109">
                  <c:v>0.5455230000000002</c:v>
                </c:pt>
                <c:pt idx="110">
                  <c:v>0.55052800000000079</c:v>
                </c:pt>
                <c:pt idx="111">
                  <c:v>0.5555330000000005</c:v>
                </c:pt>
                <c:pt idx="112">
                  <c:v>0.5605380000000002</c:v>
                </c:pt>
                <c:pt idx="113">
                  <c:v>0.5655430000000008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036</c:v>
                </c:pt>
                <c:pt idx="118">
                  <c:v>0.59056700000000006</c:v>
                </c:pt>
                <c:pt idx="119">
                  <c:v>0.59557100000000052</c:v>
                </c:pt>
                <c:pt idx="120">
                  <c:v>0.60057600000000022</c:v>
                </c:pt>
                <c:pt idx="121">
                  <c:v>0.60558100000000081</c:v>
                </c:pt>
                <c:pt idx="122">
                  <c:v>0.61058600000000052</c:v>
                </c:pt>
                <c:pt idx="123">
                  <c:v>0.61559100000000022</c:v>
                </c:pt>
                <c:pt idx="124">
                  <c:v>0.62059500000000067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1000000000067</c:v>
                </c:pt>
                <c:pt idx="128">
                  <c:v>0.64061500000000127</c:v>
                </c:pt>
                <c:pt idx="129">
                  <c:v>0.64561900000000083</c:v>
                </c:pt>
                <c:pt idx="130">
                  <c:v>0.65062399999999965</c:v>
                </c:pt>
                <c:pt idx="131">
                  <c:v>0.65562900000000024</c:v>
                </c:pt>
                <c:pt idx="132">
                  <c:v>0.66063400000000083</c:v>
                </c:pt>
                <c:pt idx="133">
                  <c:v>0.66563899999999965</c:v>
                </c:pt>
                <c:pt idx="134">
                  <c:v>0.67064300000000099</c:v>
                </c:pt>
                <c:pt idx="135">
                  <c:v>0.6756479999999998</c:v>
                </c:pt>
                <c:pt idx="136">
                  <c:v>0.6806530000000004</c:v>
                </c:pt>
                <c:pt idx="137">
                  <c:v>0.68565800000000099</c:v>
                </c:pt>
                <c:pt idx="138">
                  <c:v>0.6906629999999998</c:v>
                </c:pt>
                <c:pt idx="139">
                  <c:v>0.69566700000000115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200000000115</c:v>
                </c:pt>
                <c:pt idx="143">
                  <c:v>0.71568699999999996</c:v>
                </c:pt>
                <c:pt idx="144">
                  <c:v>0.7206910000000013</c:v>
                </c:pt>
                <c:pt idx="145">
                  <c:v>0.72569600000000012</c:v>
                </c:pt>
                <c:pt idx="146">
                  <c:v>0.73070100000000071</c:v>
                </c:pt>
                <c:pt idx="147">
                  <c:v>0.7357060000000013</c:v>
                </c:pt>
                <c:pt idx="148">
                  <c:v>0.74071100000000012</c:v>
                </c:pt>
                <c:pt idx="149">
                  <c:v>0.74571499999999968</c:v>
                </c:pt>
                <c:pt idx="150">
                  <c:v>0.75072000000000028</c:v>
                </c:pt>
                <c:pt idx="151">
                  <c:v>0.75572500000000087</c:v>
                </c:pt>
                <c:pt idx="152">
                  <c:v>0.76072999999999968</c:v>
                </c:pt>
                <c:pt idx="153">
                  <c:v>0.76573500000000028</c:v>
                </c:pt>
                <c:pt idx="154">
                  <c:v>0.77073899999999984</c:v>
                </c:pt>
                <c:pt idx="155">
                  <c:v>0.77574400000000043</c:v>
                </c:pt>
                <c:pt idx="156">
                  <c:v>0.78074900000000103</c:v>
                </c:pt>
                <c:pt idx="157">
                  <c:v>0.78575399999999984</c:v>
                </c:pt>
                <c:pt idx="158">
                  <c:v>0.79075900000000043</c:v>
                </c:pt>
                <c:pt idx="159">
                  <c:v>0.795763</c:v>
                </c:pt>
                <c:pt idx="160">
                  <c:v>0.80076800000000059</c:v>
                </c:pt>
                <c:pt idx="161">
                  <c:v>0.80577300000000118</c:v>
                </c:pt>
                <c:pt idx="162">
                  <c:v>0.810778</c:v>
                </c:pt>
                <c:pt idx="163">
                  <c:v>0.81578300000000059</c:v>
                </c:pt>
                <c:pt idx="164">
                  <c:v>0.82078700000000016</c:v>
                </c:pt>
                <c:pt idx="165">
                  <c:v>0.82579200000000075</c:v>
                </c:pt>
                <c:pt idx="166">
                  <c:v>0.83079699999999956</c:v>
                </c:pt>
                <c:pt idx="167">
                  <c:v>0.83580200000000016</c:v>
                </c:pt>
                <c:pt idx="168">
                  <c:v>0.84080700000000075</c:v>
                </c:pt>
                <c:pt idx="169">
                  <c:v>0.84581100000000031</c:v>
                </c:pt>
                <c:pt idx="170">
                  <c:v>0.8508160000000009</c:v>
                </c:pt>
                <c:pt idx="171">
                  <c:v>0.85582099999999972</c:v>
                </c:pt>
                <c:pt idx="172">
                  <c:v>0.86082600000000031</c:v>
                </c:pt>
                <c:pt idx="173">
                  <c:v>0.86583100000000091</c:v>
                </c:pt>
                <c:pt idx="174">
                  <c:v>0.87083500000000047</c:v>
                </c:pt>
                <c:pt idx="175">
                  <c:v>0.87584000000000106</c:v>
                </c:pt>
                <c:pt idx="176">
                  <c:v>0.88084499999999988</c:v>
                </c:pt>
                <c:pt idx="177">
                  <c:v>0.88585000000000047</c:v>
                </c:pt>
                <c:pt idx="178">
                  <c:v>0.89085500000000106</c:v>
                </c:pt>
                <c:pt idx="179">
                  <c:v>0.89585900000000063</c:v>
                </c:pt>
                <c:pt idx="180">
                  <c:v>0.90086400000000122</c:v>
                </c:pt>
                <c:pt idx="181">
                  <c:v>0.90586900000000004</c:v>
                </c:pt>
                <c:pt idx="182">
                  <c:v>0.91087400000000063</c:v>
                </c:pt>
                <c:pt idx="183">
                  <c:v>0.91587900000000122</c:v>
                </c:pt>
                <c:pt idx="184">
                  <c:v>0.92088300000000078</c:v>
                </c:pt>
                <c:pt idx="185">
                  <c:v>0.9258879999999996</c:v>
                </c:pt>
                <c:pt idx="186">
                  <c:v>0.93089300000000019</c:v>
                </c:pt>
                <c:pt idx="187">
                  <c:v>0.93589800000000078</c:v>
                </c:pt>
                <c:pt idx="188">
                  <c:v>0.9409029999999996</c:v>
                </c:pt>
                <c:pt idx="189">
                  <c:v>0.94590700000000094</c:v>
                </c:pt>
                <c:pt idx="190">
                  <c:v>0.95091199999999976</c:v>
                </c:pt>
                <c:pt idx="191">
                  <c:v>0.95591700000000035</c:v>
                </c:pt>
                <c:pt idx="192">
                  <c:v>0.96092200000000094</c:v>
                </c:pt>
                <c:pt idx="193">
                  <c:v>0.96592699999999976</c:v>
                </c:pt>
                <c:pt idx="194">
                  <c:v>0.9709310000000011</c:v>
                </c:pt>
                <c:pt idx="195">
                  <c:v>0.97593599999999991</c:v>
                </c:pt>
                <c:pt idx="196">
                  <c:v>0.98094100000000051</c:v>
                </c:pt>
                <c:pt idx="197">
                  <c:v>0.9859460000000011</c:v>
                </c:pt>
                <c:pt idx="198">
                  <c:v>0.99095099999999992</c:v>
                </c:pt>
                <c:pt idx="199">
                  <c:v>0.99595500000000126</c:v>
                </c:pt>
                <c:pt idx="200">
                  <c:v>1.0009600000000001</c:v>
                </c:pt>
                <c:pt idx="201">
                  <c:v>1.0059650000000007</c:v>
                </c:pt>
                <c:pt idx="202">
                  <c:v>1.0109700000000013</c:v>
                </c:pt>
                <c:pt idx="203">
                  <c:v>1.0159750000000001</c:v>
                </c:pt>
                <c:pt idx="204">
                  <c:v>1.0209789999999996</c:v>
                </c:pt>
                <c:pt idx="205">
                  <c:v>1.0259840000000002</c:v>
                </c:pt>
                <c:pt idx="206">
                  <c:v>1.0309890000000008</c:v>
                </c:pt>
                <c:pt idx="207">
                  <c:v>1.0359939999999996</c:v>
                </c:pt>
                <c:pt idx="208">
                  <c:v>1.0409990000000002</c:v>
                </c:pt>
                <c:pt idx="209">
                  <c:v>1.0460029999999998</c:v>
                </c:pt>
                <c:pt idx="210">
                  <c:v>1.0510080000000004</c:v>
                </c:pt>
                <c:pt idx="211">
                  <c:v>1.056013000000001</c:v>
                </c:pt>
                <c:pt idx="212">
                  <c:v>1.0610179999999998</c:v>
                </c:pt>
                <c:pt idx="213">
                  <c:v>1.0660230000000004</c:v>
                </c:pt>
                <c:pt idx="214">
                  <c:v>1.071027</c:v>
                </c:pt>
                <c:pt idx="215">
                  <c:v>1.0760320000000005</c:v>
                </c:pt>
                <c:pt idx="216">
                  <c:v>1.0810370000000011</c:v>
                </c:pt>
                <c:pt idx="217">
                  <c:v>1.086042</c:v>
                </c:pt>
                <c:pt idx="218">
                  <c:v>1.0910470000000005</c:v>
                </c:pt>
                <c:pt idx="219">
                  <c:v>1.0960510000000001</c:v>
                </c:pt>
                <c:pt idx="220">
                  <c:v>1.1010560000000007</c:v>
                </c:pt>
                <c:pt idx="221">
                  <c:v>1.1060610000000013</c:v>
                </c:pt>
                <c:pt idx="222">
                  <c:v>1.1110660000000001</c:v>
                </c:pt>
                <c:pt idx="223">
                  <c:v>1.1160710000000007</c:v>
                </c:pt>
                <c:pt idx="224">
                  <c:v>1.1210750000000003</c:v>
                </c:pt>
                <c:pt idx="225">
                  <c:v>1.1260800000000009</c:v>
                </c:pt>
                <c:pt idx="226">
                  <c:v>1.1310849999999997</c:v>
                </c:pt>
                <c:pt idx="227">
                  <c:v>1.1360900000000003</c:v>
                </c:pt>
                <c:pt idx="228">
                  <c:v>1.1410950000000009</c:v>
                </c:pt>
                <c:pt idx="229">
                  <c:v>1.1460990000000004</c:v>
                </c:pt>
                <c:pt idx="230">
                  <c:v>1.151104000000001</c:v>
                </c:pt>
                <c:pt idx="231">
                  <c:v>1.1561089999999998</c:v>
                </c:pt>
                <c:pt idx="232">
                  <c:v>1.1611140000000004</c:v>
                </c:pt>
                <c:pt idx="233">
                  <c:v>1.166119000000001</c:v>
                </c:pt>
                <c:pt idx="234">
                  <c:v>1.1711230000000006</c:v>
                </c:pt>
                <c:pt idx="235">
                  <c:v>1.1761280000000012</c:v>
                </c:pt>
                <c:pt idx="236">
                  <c:v>1.181133</c:v>
                </c:pt>
                <c:pt idx="237">
                  <c:v>1.1861380000000006</c:v>
                </c:pt>
                <c:pt idx="238">
                  <c:v>1.1911430000000012</c:v>
                </c:pt>
                <c:pt idx="239">
                  <c:v>1.1961470000000007</c:v>
                </c:pt>
                <c:pt idx="240">
                  <c:v>1.2011519999999996</c:v>
                </c:pt>
                <c:pt idx="241">
                  <c:v>1.2061570000000001</c:v>
                </c:pt>
                <c:pt idx="242">
                  <c:v>1.2111620000000007</c:v>
                </c:pt>
                <c:pt idx="243">
                  <c:v>1.2161669999999996</c:v>
                </c:pt>
                <c:pt idx="244">
                  <c:v>1.2211710000000009</c:v>
                </c:pt>
                <c:pt idx="245">
                  <c:v>1.2261759999999997</c:v>
                </c:pt>
                <c:pt idx="246">
                  <c:v>1.2311810000000003</c:v>
                </c:pt>
                <c:pt idx="247">
                  <c:v>1.2361860000000009</c:v>
                </c:pt>
                <c:pt idx="248">
                  <c:v>1.2411909999999997</c:v>
                </c:pt>
                <c:pt idx="249">
                  <c:v>1.2461950000000011</c:v>
                </c:pt>
                <c:pt idx="250">
                  <c:v>1.2511999999999999</c:v>
                </c:pt>
                <c:pt idx="251">
                  <c:v>1.2562050000000005</c:v>
                </c:pt>
                <c:pt idx="252">
                  <c:v>1.2612100000000011</c:v>
                </c:pt>
                <c:pt idx="253">
                  <c:v>1.2662149999999999</c:v>
                </c:pt>
                <c:pt idx="254">
                  <c:v>1.2712190000000012</c:v>
                </c:pt>
                <c:pt idx="255">
                  <c:v>1.276224</c:v>
                </c:pt>
                <c:pt idx="256">
                  <c:v>1.2812290000000006</c:v>
                </c:pt>
                <c:pt idx="257">
                  <c:v>1.2862340000000012</c:v>
                </c:pt>
                <c:pt idx="258">
                  <c:v>1.291239</c:v>
                </c:pt>
                <c:pt idx="259">
                  <c:v>1.2962429999999996</c:v>
                </c:pt>
                <c:pt idx="260">
                  <c:v>1.3012480000000002</c:v>
                </c:pt>
                <c:pt idx="261">
                  <c:v>1.3062530000000008</c:v>
                </c:pt>
                <c:pt idx="262">
                  <c:v>1.3112579999999996</c:v>
                </c:pt>
                <c:pt idx="263">
                  <c:v>1.3162630000000002</c:v>
                </c:pt>
                <c:pt idx="264">
                  <c:v>1.3212669999999997</c:v>
                </c:pt>
                <c:pt idx="265">
                  <c:v>1.3262720000000003</c:v>
                </c:pt>
                <c:pt idx="266">
                  <c:v>1.3312770000000009</c:v>
                </c:pt>
                <c:pt idx="267">
                  <c:v>1.3362819999999997</c:v>
                </c:pt>
                <c:pt idx="268">
                  <c:v>1.3412870000000003</c:v>
                </c:pt>
                <c:pt idx="269">
                  <c:v>1.3462909999999999</c:v>
                </c:pt>
                <c:pt idx="270">
                  <c:v>1.3512960000000005</c:v>
                </c:pt>
                <c:pt idx="271">
                  <c:v>1.3563010000000011</c:v>
                </c:pt>
                <c:pt idx="272">
                  <c:v>1.3613059999999999</c:v>
                </c:pt>
                <c:pt idx="273">
                  <c:v>1.3663110000000005</c:v>
                </c:pt>
                <c:pt idx="274">
                  <c:v>1.3713150000000001</c:v>
                </c:pt>
                <c:pt idx="275">
                  <c:v>1.3763200000000007</c:v>
                </c:pt>
                <c:pt idx="276">
                  <c:v>1.3813250000000012</c:v>
                </c:pt>
                <c:pt idx="277">
                  <c:v>1.3863300000000001</c:v>
                </c:pt>
                <c:pt idx="278">
                  <c:v>1.3913350000000007</c:v>
                </c:pt>
                <c:pt idx="279">
                  <c:v>1.3963390000000002</c:v>
                </c:pt>
                <c:pt idx="280">
                  <c:v>1.4013440000000008</c:v>
                </c:pt>
                <c:pt idx="281">
                  <c:v>1.4063489999999996</c:v>
                </c:pt>
                <c:pt idx="282">
                  <c:v>1.4113540000000002</c:v>
                </c:pt>
                <c:pt idx="283">
                  <c:v>1.4163590000000008</c:v>
                </c:pt>
                <c:pt idx="284">
                  <c:v>1.4213630000000004</c:v>
                </c:pt>
                <c:pt idx="285">
                  <c:v>1.426368000000001</c:v>
                </c:pt>
                <c:pt idx="286">
                  <c:v>1.4313729999999998</c:v>
                </c:pt>
                <c:pt idx="287">
                  <c:v>1.4363780000000004</c:v>
                </c:pt>
                <c:pt idx="288">
                  <c:v>1.441383000000001</c:v>
                </c:pt>
                <c:pt idx="289">
                  <c:v>1.4463870000000005</c:v>
                </c:pt>
                <c:pt idx="290">
                  <c:v>1.4513920000000011</c:v>
                </c:pt>
                <c:pt idx="291">
                  <c:v>1.4563969999999999</c:v>
                </c:pt>
                <c:pt idx="292">
                  <c:v>1.4614020000000005</c:v>
                </c:pt>
                <c:pt idx="293">
                  <c:v>1.4664070000000011</c:v>
                </c:pt>
                <c:pt idx="294">
                  <c:v>1.4714110000000007</c:v>
                </c:pt>
                <c:pt idx="295">
                  <c:v>1.4764160000000013</c:v>
                </c:pt>
                <c:pt idx="296">
                  <c:v>1.4814210000000001</c:v>
                </c:pt>
                <c:pt idx="297">
                  <c:v>1.4864260000000007</c:v>
                </c:pt>
                <c:pt idx="298">
                  <c:v>1.4914310000000013</c:v>
                </c:pt>
                <c:pt idx="299">
                  <c:v>1.4964350000000008</c:v>
                </c:pt>
                <c:pt idx="300">
                  <c:v>1.5014399999999997</c:v>
                </c:pt>
                <c:pt idx="301">
                  <c:v>1.5064450000000003</c:v>
                </c:pt>
                <c:pt idx="302">
                  <c:v>1.5114500000000008</c:v>
                </c:pt>
                <c:pt idx="303">
                  <c:v>1.5164549999999997</c:v>
                </c:pt>
                <c:pt idx="304">
                  <c:v>1.521459000000001</c:v>
                </c:pt>
                <c:pt idx="305">
                  <c:v>1.5264639999999998</c:v>
                </c:pt>
                <c:pt idx="306">
                  <c:v>1.5314690000000004</c:v>
                </c:pt>
                <c:pt idx="307">
                  <c:v>1.536474000000001</c:v>
                </c:pt>
                <c:pt idx="308">
                  <c:v>1.5414789999999998</c:v>
                </c:pt>
                <c:pt idx="309">
                  <c:v>1.5464830000000012</c:v>
                </c:pt>
                <c:pt idx="310">
                  <c:v>1.551488</c:v>
                </c:pt>
                <c:pt idx="311">
                  <c:v>1.5564930000000006</c:v>
                </c:pt>
                <c:pt idx="312">
                  <c:v>1.5614980000000012</c:v>
                </c:pt>
                <c:pt idx="313">
                  <c:v>1.566503</c:v>
                </c:pt>
                <c:pt idx="314">
                  <c:v>1.5715070000000013</c:v>
                </c:pt>
                <c:pt idx="315">
                  <c:v>1.5765120000000001</c:v>
                </c:pt>
                <c:pt idx="316">
                  <c:v>1.5815170000000007</c:v>
                </c:pt>
                <c:pt idx="317">
                  <c:v>1.5865220000000013</c:v>
                </c:pt>
                <c:pt idx="318">
                  <c:v>1.5915270000000001</c:v>
                </c:pt>
                <c:pt idx="319">
                  <c:v>1.5965309999999997</c:v>
                </c:pt>
                <c:pt idx="320">
                  <c:v>1.6015360000000003</c:v>
                </c:pt>
                <c:pt idx="321">
                  <c:v>1.6065410000000009</c:v>
                </c:pt>
                <c:pt idx="322">
                  <c:v>1.6115459999999997</c:v>
                </c:pt>
                <c:pt idx="323">
                  <c:v>1.6165510000000003</c:v>
                </c:pt>
                <c:pt idx="324">
                  <c:v>1.6215549999999999</c:v>
                </c:pt>
                <c:pt idx="325">
                  <c:v>1.6265600000000004</c:v>
                </c:pt>
                <c:pt idx="326">
                  <c:v>1.631565000000001</c:v>
                </c:pt>
                <c:pt idx="327">
                  <c:v>1.6365699999999999</c:v>
                </c:pt>
                <c:pt idx="328">
                  <c:v>1.6415750000000005</c:v>
                </c:pt>
                <c:pt idx="329">
                  <c:v>1.646579</c:v>
                </c:pt>
                <c:pt idx="330">
                  <c:v>1.6515840000000006</c:v>
                </c:pt>
                <c:pt idx="331">
                  <c:v>1.6565890000000012</c:v>
                </c:pt>
                <c:pt idx="332">
                  <c:v>1.661594</c:v>
                </c:pt>
                <c:pt idx="333">
                  <c:v>1.6665990000000006</c:v>
                </c:pt>
                <c:pt idx="334">
                  <c:v>1.6716030000000002</c:v>
                </c:pt>
                <c:pt idx="335">
                  <c:v>1.6766080000000008</c:v>
                </c:pt>
                <c:pt idx="336">
                  <c:v>1.6816129999999996</c:v>
                </c:pt>
                <c:pt idx="337">
                  <c:v>1.6866180000000002</c:v>
                </c:pt>
                <c:pt idx="338">
                  <c:v>1.6916230000000008</c:v>
                </c:pt>
                <c:pt idx="339">
                  <c:v>1.6966270000000003</c:v>
                </c:pt>
                <c:pt idx="340">
                  <c:v>1.7016320000000009</c:v>
                </c:pt>
                <c:pt idx="341">
                  <c:v>1.7066369999999997</c:v>
                </c:pt>
                <c:pt idx="342">
                  <c:v>1.7116420000000003</c:v>
                </c:pt>
                <c:pt idx="343">
                  <c:v>1.7166470000000009</c:v>
                </c:pt>
                <c:pt idx="344">
                  <c:v>1.7216510000000005</c:v>
                </c:pt>
                <c:pt idx="345">
                  <c:v>1.7266560000000011</c:v>
                </c:pt>
                <c:pt idx="346">
                  <c:v>1.7316609999999999</c:v>
                </c:pt>
                <c:pt idx="347">
                  <c:v>1.7366660000000005</c:v>
                </c:pt>
                <c:pt idx="348">
                  <c:v>1.7416710000000011</c:v>
                </c:pt>
                <c:pt idx="349">
                  <c:v>1.7466750000000006</c:v>
                </c:pt>
                <c:pt idx="350">
                  <c:v>1.7516800000000012</c:v>
                </c:pt>
                <c:pt idx="351">
                  <c:v>1.7566850000000001</c:v>
                </c:pt>
                <c:pt idx="352">
                  <c:v>1.7616900000000006</c:v>
                </c:pt>
                <c:pt idx="353">
                  <c:v>1.7666950000000012</c:v>
                </c:pt>
                <c:pt idx="354">
                  <c:v>1.7716990000000008</c:v>
                </c:pt>
                <c:pt idx="355">
                  <c:v>1.7767039999999996</c:v>
                </c:pt>
                <c:pt idx="356">
                  <c:v>1.7817090000000002</c:v>
                </c:pt>
                <c:pt idx="357">
                  <c:v>1.7867140000000008</c:v>
                </c:pt>
                <c:pt idx="358">
                  <c:v>1.7917189999999996</c:v>
                </c:pt>
                <c:pt idx="359">
                  <c:v>1.796723000000001</c:v>
                </c:pt>
                <c:pt idx="360">
                  <c:v>1.8017279999999998</c:v>
                </c:pt>
                <c:pt idx="361">
                  <c:v>1.8067330000000004</c:v>
                </c:pt>
                <c:pt idx="362">
                  <c:v>1.811738000000001</c:v>
                </c:pt>
                <c:pt idx="363">
                  <c:v>1.8167429999999998</c:v>
                </c:pt>
                <c:pt idx="364">
                  <c:v>1.8217470000000011</c:v>
                </c:pt>
                <c:pt idx="365">
                  <c:v>1.8267519999999999</c:v>
                </c:pt>
                <c:pt idx="366">
                  <c:v>1.8317570000000005</c:v>
                </c:pt>
                <c:pt idx="367">
                  <c:v>1.8367620000000011</c:v>
                </c:pt>
                <c:pt idx="368">
                  <c:v>1.8417669999999999</c:v>
                </c:pt>
                <c:pt idx="369">
                  <c:v>1.8467710000000013</c:v>
                </c:pt>
                <c:pt idx="370">
                  <c:v>1.8517760000000001</c:v>
                </c:pt>
                <c:pt idx="371">
                  <c:v>1.8567810000000007</c:v>
                </c:pt>
                <c:pt idx="372">
                  <c:v>1.8617860000000013</c:v>
                </c:pt>
                <c:pt idx="373">
                  <c:v>1.8667910000000001</c:v>
                </c:pt>
                <c:pt idx="374">
                  <c:v>1.8717949999999997</c:v>
                </c:pt>
              </c:numCache>
            </c:numRef>
          </c:xVal>
          <c:yVal>
            <c:numRef>
              <c:f>'Mono-1200-15s(3)'!$E$2:$E$2634</c:f>
              <c:numCache>
                <c:formatCode>General</c:formatCode>
                <c:ptCount val="2633"/>
                <c:pt idx="0">
                  <c:v>0</c:v>
                </c:pt>
                <c:pt idx="1">
                  <c:v>0.83971499999995558</c:v>
                </c:pt>
                <c:pt idx="2">
                  <c:v>1.3003689999999324</c:v>
                </c:pt>
                <c:pt idx="3">
                  <c:v>1.9649399999999559</c:v>
                </c:pt>
                <c:pt idx="4">
                  <c:v>2.4754050000000234</c:v>
                </c:pt>
                <c:pt idx="5">
                  <c:v>2.6938199999999597</c:v>
                </c:pt>
                <c:pt idx="6">
                  <c:v>2.2038430000000062</c:v>
                </c:pt>
                <c:pt idx="7">
                  <c:v>1.4664169999999785</c:v>
                </c:pt>
                <c:pt idx="8">
                  <c:v>1.1641509999999471</c:v>
                </c:pt>
                <c:pt idx="9">
                  <c:v>0.97665699999993194</c:v>
                </c:pt>
                <c:pt idx="10">
                  <c:v>0.20934999999997217</c:v>
                </c:pt>
                <c:pt idx="11">
                  <c:v>-0.31559400000003279</c:v>
                </c:pt>
                <c:pt idx="12">
                  <c:v>-0.85180300000001807</c:v>
                </c:pt>
                <c:pt idx="13">
                  <c:v>-1.2645539999999755</c:v>
                </c:pt>
                <c:pt idx="14">
                  <c:v>-2.2176900000000614</c:v>
                </c:pt>
                <c:pt idx="15">
                  <c:v>-3.306726000000026</c:v>
                </c:pt>
                <c:pt idx="16">
                  <c:v>-3.9126890000000003</c:v>
                </c:pt>
                <c:pt idx="17">
                  <c:v>-3.7997350000000552</c:v>
                </c:pt>
                <c:pt idx="18">
                  <c:v>-3.9124699999999848</c:v>
                </c:pt>
                <c:pt idx="19">
                  <c:v>-4.0115110000000413</c:v>
                </c:pt>
                <c:pt idx="20">
                  <c:v>-4.3429919999999811</c:v>
                </c:pt>
                <c:pt idx="21">
                  <c:v>-4.2293030000000726</c:v>
                </c:pt>
                <c:pt idx="22">
                  <c:v>-3.9766819999999825</c:v>
                </c:pt>
                <c:pt idx="23">
                  <c:v>-3.6408700000000636</c:v>
                </c:pt>
                <c:pt idx="24">
                  <c:v>-3.5293980000000147</c:v>
                </c:pt>
                <c:pt idx="25">
                  <c:v>-2.8820180000000164</c:v>
                </c:pt>
                <c:pt idx="26">
                  <c:v>-2.0170550000000276</c:v>
                </c:pt>
                <c:pt idx="27">
                  <c:v>-1.5366310000000567</c:v>
                </c:pt>
                <c:pt idx="28">
                  <c:v>-1.2575150000000122</c:v>
                </c:pt>
                <c:pt idx="29">
                  <c:v>-0.16888500000004569</c:v>
                </c:pt>
                <c:pt idx="30">
                  <c:v>0.82715599999994538</c:v>
                </c:pt>
                <c:pt idx="31">
                  <c:v>1.7605549999999539</c:v>
                </c:pt>
                <c:pt idx="32">
                  <c:v>2.4926359999999477</c:v>
                </c:pt>
                <c:pt idx="33">
                  <c:v>3.2222359999999526</c:v>
                </c:pt>
                <c:pt idx="34">
                  <c:v>3.7169629999999643</c:v>
                </c:pt>
                <c:pt idx="35">
                  <c:v>3.7915739999999687</c:v>
                </c:pt>
                <c:pt idx="36">
                  <c:v>4.1188230000000203</c:v>
                </c:pt>
                <c:pt idx="37">
                  <c:v>4.2957959999999957</c:v>
                </c:pt>
                <c:pt idx="38">
                  <c:v>4.2125949999999648</c:v>
                </c:pt>
                <c:pt idx="39">
                  <c:v>4.0290499999999838</c:v>
                </c:pt>
                <c:pt idx="40">
                  <c:v>3.2606210000000146</c:v>
                </c:pt>
                <c:pt idx="41">
                  <c:v>2.4367379999999912</c:v>
                </c:pt>
                <c:pt idx="42">
                  <c:v>1.8337339999999358</c:v>
                </c:pt>
                <c:pt idx="43">
                  <c:v>1.2431309999999485</c:v>
                </c:pt>
                <c:pt idx="44">
                  <c:v>1.0693370000000186</c:v>
                </c:pt>
                <c:pt idx="45">
                  <c:v>0.73838799999998628</c:v>
                </c:pt>
                <c:pt idx="46">
                  <c:v>0.36198500000000422</c:v>
                </c:pt>
                <c:pt idx="47">
                  <c:v>1.4825999999970918E-2</c:v>
                </c:pt>
                <c:pt idx="48">
                  <c:v>-0.50970000000006621</c:v>
                </c:pt>
                <c:pt idx="49">
                  <c:v>-0.93060700000000907</c:v>
                </c:pt>
                <c:pt idx="50">
                  <c:v>-1.3897080000000415</c:v>
                </c:pt>
                <c:pt idx="51">
                  <c:v>-1.7084650000000465</c:v>
                </c:pt>
                <c:pt idx="52">
                  <c:v>-2.1775820000000294</c:v>
                </c:pt>
                <c:pt idx="53">
                  <c:v>-2.5603180000000521</c:v>
                </c:pt>
                <c:pt idx="54">
                  <c:v>-2.6453619999999773</c:v>
                </c:pt>
                <c:pt idx="55">
                  <c:v>-2.7306650000000445</c:v>
                </c:pt>
                <c:pt idx="56">
                  <c:v>-2.5445379999999886</c:v>
                </c:pt>
                <c:pt idx="57">
                  <c:v>-1.4479529999999841</c:v>
                </c:pt>
                <c:pt idx="58">
                  <c:v>-0.32551599999999326</c:v>
                </c:pt>
                <c:pt idx="59">
                  <c:v>0.45358299999998053</c:v>
                </c:pt>
                <c:pt idx="60">
                  <c:v>1.4419289999999592</c:v>
                </c:pt>
                <c:pt idx="61">
                  <c:v>2.1617390000000114</c:v>
                </c:pt>
                <c:pt idx="62">
                  <c:v>2.618302999999969</c:v>
                </c:pt>
                <c:pt idx="63">
                  <c:v>3.5024549999999408</c:v>
                </c:pt>
                <c:pt idx="64">
                  <c:v>4.32807600000001</c:v>
                </c:pt>
                <c:pt idx="65">
                  <c:v>5.3133609999999862</c:v>
                </c:pt>
                <c:pt idx="66">
                  <c:v>5.4494220000000269</c:v>
                </c:pt>
                <c:pt idx="67">
                  <c:v>5.2470220000000154</c:v>
                </c:pt>
                <c:pt idx="68">
                  <c:v>5.4582839999999351</c:v>
                </c:pt>
                <c:pt idx="69">
                  <c:v>5.409624000000008</c:v>
                </c:pt>
                <c:pt idx="70">
                  <c:v>4.98466099999996</c:v>
                </c:pt>
                <c:pt idx="71">
                  <c:v>4.2831459999999879</c:v>
                </c:pt>
                <c:pt idx="72">
                  <c:v>3.7925709999999526</c:v>
                </c:pt>
                <c:pt idx="73">
                  <c:v>3.5316609999999855</c:v>
                </c:pt>
                <c:pt idx="74">
                  <c:v>3.1486209999999346</c:v>
                </c:pt>
                <c:pt idx="75">
                  <c:v>2.2004909999999427</c:v>
                </c:pt>
                <c:pt idx="76">
                  <c:v>1.4456159999999727</c:v>
                </c:pt>
                <c:pt idx="77">
                  <c:v>1.0138359999999693</c:v>
                </c:pt>
                <c:pt idx="78">
                  <c:v>0.32615599999996903</c:v>
                </c:pt>
                <c:pt idx="79">
                  <c:v>-0.83691499999997632</c:v>
                </c:pt>
                <c:pt idx="80">
                  <c:v>-1.5816429999999855</c:v>
                </c:pt>
                <c:pt idx="81">
                  <c:v>-1.7113950000000386</c:v>
                </c:pt>
                <c:pt idx="82">
                  <c:v>-1.7458350000000564</c:v>
                </c:pt>
                <c:pt idx="83">
                  <c:v>-1.6938969999999927</c:v>
                </c:pt>
                <c:pt idx="84">
                  <c:v>-1.6006889999999885</c:v>
                </c:pt>
                <c:pt idx="85">
                  <c:v>-1.1718140000000403</c:v>
                </c:pt>
                <c:pt idx="86">
                  <c:v>-0.56901700000003075</c:v>
                </c:pt>
                <c:pt idx="87">
                  <c:v>-0.45715600000005452</c:v>
                </c:pt>
                <c:pt idx="88">
                  <c:v>-0.6637430000000677</c:v>
                </c:pt>
                <c:pt idx="89">
                  <c:v>0.19275700000002871</c:v>
                </c:pt>
                <c:pt idx="90">
                  <c:v>1.2481799999999339</c:v>
                </c:pt>
                <c:pt idx="91">
                  <c:v>1.8048420000000078</c:v>
                </c:pt>
                <c:pt idx="92">
                  <c:v>1.9652189999999337</c:v>
                </c:pt>
                <c:pt idx="93">
                  <c:v>2.1563750000000255</c:v>
                </c:pt>
                <c:pt idx="94">
                  <c:v>2.8442459999999983</c:v>
                </c:pt>
                <c:pt idx="95">
                  <c:v>3.3000519999999369</c:v>
                </c:pt>
                <c:pt idx="96">
                  <c:v>2.974158999999986</c:v>
                </c:pt>
                <c:pt idx="97">
                  <c:v>3.1893509999999878</c:v>
                </c:pt>
                <c:pt idx="98">
                  <c:v>4.1082269999999426</c:v>
                </c:pt>
                <c:pt idx="99">
                  <c:v>4.6444239999999581</c:v>
                </c:pt>
                <c:pt idx="100">
                  <c:v>4.2842909999999392</c:v>
                </c:pt>
                <c:pt idx="101">
                  <c:v>3.9702569999999469</c:v>
                </c:pt>
                <c:pt idx="102">
                  <c:v>4.1327659999999469</c:v>
                </c:pt>
                <c:pt idx="103">
                  <c:v>4.3111309999999321</c:v>
                </c:pt>
                <c:pt idx="104">
                  <c:v>4.232358999999974</c:v>
                </c:pt>
                <c:pt idx="105">
                  <c:v>3.6628059999999323</c:v>
                </c:pt>
                <c:pt idx="106">
                  <c:v>3.2884379999999283</c:v>
                </c:pt>
                <c:pt idx="107">
                  <c:v>3.3015910000000304</c:v>
                </c:pt>
                <c:pt idx="108">
                  <c:v>2.7840459999999894</c:v>
                </c:pt>
                <c:pt idx="109">
                  <c:v>2.0351749999999811</c:v>
                </c:pt>
                <c:pt idx="110">
                  <c:v>1.7238139999999476</c:v>
                </c:pt>
                <c:pt idx="111">
                  <c:v>1.8570690000000241</c:v>
                </c:pt>
                <c:pt idx="112">
                  <c:v>1.7515190000000302</c:v>
                </c:pt>
                <c:pt idx="113">
                  <c:v>0.85126000000002477</c:v>
                </c:pt>
                <c:pt idx="114">
                  <c:v>0.29760299999998097</c:v>
                </c:pt>
                <c:pt idx="115">
                  <c:v>0.85336899999992966</c:v>
                </c:pt>
                <c:pt idx="116">
                  <c:v>1.0317759999999225</c:v>
                </c:pt>
                <c:pt idx="117">
                  <c:v>0.76056199999993623</c:v>
                </c:pt>
                <c:pt idx="118">
                  <c:v>0.32254699999998593</c:v>
                </c:pt>
                <c:pt idx="119">
                  <c:v>0.63960899999995036</c:v>
                </c:pt>
                <c:pt idx="120">
                  <c:v>0.88812699999994038</c:v>
                </c:pt>
                <c:pt idx="121">
                  <c:v>0.96100500000000011</c:v>
                </c:pt>
                <c:pt idx="122">
                  <c:v>0.76541799999995419</c:v>
                </c:pt>
                <c:pt idx="123">
                  <c:v>1.2375389999999697</c:v>
                </c:pt>
                <c:pt idx="124">
                  <c:v>1.942939000000024</c:v>
                </c:pt>
                <c:pt idx="125">
                  <c:v>2.6297969999999395</c:v>
                </c:pt>
                <c:pt idx="126">
                  <c:v>3.5110369999999875</c:v>
                </c:pt>
                <c:pt idx="127">
                  <c:v>4.077464999999961</c:v>
                </c:pt>
                <c:pt idx="128">
                  <c:v>4.4659749999999576</c:v>
                </c:pt>
                <c:pt idx="129">
                  <c:v>5.3500739999999496</c:v>
                </c:pt>
                <c:pt idx="130">
                  <c:v>5.3121529999999666</c:v>
                </c:pt>
                <c:pt idx="131">
                  <c:v>5.2098389999999881</c:v>
                </c:pt>
                <c:pt idx="132">
                  <c:v>5.137442999999962</c:v>
                </c:pt>
                <c:pt idx="133">
                  <c:v>5.7434729999999945</c:v>
                </c:pt>
                <c:pt idx="134">
                  <c:v>5.5227710000000343</c:v>
                </c:pt>
                <c:pt idx="135">
                  <c:v>4.7743040000000292</c:v>
                </c:pt>
                <c:pt idx="136">
                  <c:v>4.0855169999999816</c:v>
                </c:pt>
                <c:pt idx="137">
                  <c:v>4.0261929999999211</c:v>
                </c:pt>
                <c:pt idx="138">
                  <c:v>3.8193390000000136</c:v>
                </c:pt>
                <c:pt idx="139">
                  <c:v>3.0396999999999252</c:v>
                </c:pt>
                <c:pt idx="140">
                  <c:v>2.2223589999999831</c:v>
                </c:pt>
                <c:pt idx="141">
                  <c:v>1.7875050000000101</c:v>
                </c:pt>
                <c:pt idx="142">
                  <c:v>1.7175780000000032</c:v>
                </c:pt>
                <c:pt idx="143">
                  <c:v>1.1327989999999772</c:v>
                </c:pt>
                <c:pt idx="144">
                  <c:v>0.22706099999993512</c:v>
                </c:pt>
                <c:pt idx="145">
                  <c:v>-0.21453200000007655</c:v>
                </c:pt>
                <c:pt idx="146">
                  <c:v>-0.23001599999997779</c:v>
                </c:pt>
                <c:pt idx="147">
                  <c:v>-8.5043000000041502E-2</c:v>
                </c:pt>
                <c:pt idx="148">
                  <c:v>-0.19778100000007726</c:v>
                </c:pt>
                <c:pt idx="149">
                  <c:v>-0.13872300000002724</c:v>
                </c:pt>
                <c:pt idx="150">
                  <c:v>0.73939099999995506</c:v>
                </c:pt>
                <c:pt idx="151">
                  <c:v>1.5426380000000108</c:v>
                </c:pt>
                <c:pt idx="152">
                  <c:v>1.9012749999999414</c:v>
                </c:pt>
                <c:pt idx="153">
                  <c:v>2.4024829999999611</c:v>
                </c:pt>
                <c:pt idx="154">
                  <c:v>3.3680929999999307</c:v>
                </c:pt>
                <c:pt idx="155">
                  <c:v>4.3820140000000265</c:v>
                </c:pt>
                <c:pt idx="156">
                  <c:v>4.7935569999999643</c:v>
                </c:pt>
                <c:pt idx="157">
                  <c:v>5.3142689999999675</c:v>
                </c:pt>
                <c:pt idx="158">
                  <c:v>5.976586999999995</c:v>
                </c:pt>
                <c:pt idx="159">
                  <c:v>6.7619310000000041</c:v>
                </c:pt>
                <c:pt idx="160">
                  <c:v>7.1150440000000117</c:v>
                </c:pt>
                <c:pt idx="161">
                  <c:v>7.0360389999999597</c:v>
                </c:pt>
                <c:pt idx="162">
                  <c:v>6.8630379999999604</c:v>
                </c:pt>
                <c:pt idx="163">
                  <c:v>6.6967650000000276</c:v>
                </c:pt>
                <c:pt idx="164">
                  <c:v>6.394382999999948</c:v>
                </c:pt>
                <c:pt idx="165">
                  <c:v>6.0029279999999972</c:v>
                </c:pt>
                <c:pt idx="166">
                  <c:v>5.3122409999999718</c:v>
                </c:pt>
                <c:pt idx="167">
                  <c:v>5.0140599999999722</c:v>
                </c:pt>
                <c:pt idx="168">
                  <c:v>4.6558059999999841</c:v>
                </c:pt>
                <c:pt idx="169">
                  <c:v>3.6658380000000079</c:v>
                </c:pt>
                <c:pt idx="170">
                  <c:v>2.6973560000000134</c:v>
                </c:pt>
                <c:pt idx="171">
                  <c:v>2.3319079999999985</c:v>
                </c:pt>
                <c:pt idx="172">
                  <c:v>1.9412360000000035</c:v>
                </c:pt>
                <c:pt idx="173">
                  <c:v>1.5762210000000323</c:v>
                </c:pt>
                <c:pt idx="174">
                  <c:v>0.78996399999994082</c:v>
                </c:pt>
                <c:pt idx="175">
                  <c:v>0.6125569999999243</c:v>
                </c:pt>
                <c:pt idx="176">
                  <c:v>0.88585299999999734</c:v>
                </c:pt>
                <c:pt idx="177">
                  <c:v>1.4711139999999432</c:v>
                </c:pt>
                <c:pt idx="178">
                  <c:v>1.6523929999999609</c:v>
                </c:pt>
                <c:pt idx="179">
                  <c:v>1.9449049999999488</c:v>
                </c:pt>
                <c:pt idx="180">
                  <c:v>2.8016109999999799</c:v>
                </c:pt>
                <c:pt idx="181">
                  <c:v>3.9247859999999264</c:v>
                </c:pt>
                <c:pt idx="182">
                  <c:v>4.0001300000000128</c:v>
                </c:pt>
                <c:pt idx="183">
                  <c:v>3.9700559999999996</c:v>
                </c:pt>
                <c:pt idx="184">
                  <c:v>4.3969129999999268</c:v>
                </c:pt>
                <c:pt idx="185">
                  <c:v>5.3341580000000022</c:v>
                </c:pt>
                <c:pt idx="186">
                  <c:v>5.6303970000000163</c:v>
                </c:pt>
                <c:pt idx="187">
                  <c:v>5.7067220000000134</c:v>
                </c:pt>
                <c:pt idx="188">
                  <c:v>5.7695029999999861</c:v>
                </c:pt>
                <c:pt idx="189">
                  <c:v>6.2582669999999325</c:v>
                </c:pt>
                <c:pt idx="190">
                  <c:v>6.5519130000000132</c:v>
                </c:pt>
                <c:pt idx="191">
                  <c:v>6.5249340000000302</c:v>
                </c:pt>
                <c:pt idx="192">
                  <c:v>5.9389139999999543</c:v>
                </c:pt>
                <c:pt idx="193">
                  <c:v>5.6854620000000295</c:v>
                </c:pt>
                <c:pt idx="194">
                  <c:v>5.6161509999999453</c:v>
                </c:pt>
                <c:pt idx="195">
                  <c:v>5.1412709999999606</c:v>
                </c:pt>
                <c:pt idx="196">
                  <c:v>4.7176079999999274</c:v>
                </c:pt>
                <c:pt idx="197">
                  <c:v>4.818732999999952</c:v>
                </c:pt>
                <c:pt idx="198">
                  <c:v>5.2442579999999452</c:v>
                </c:pt>
                <c:pt idx="199">
                  <c:v>5.2406780000000026</c:v>
                </c:pt>
                <c:pt idx="200">
                  <c:v>5.0779079999999794</c:v>
                </c:pt>
                <c:pt idx="201">
                  <c:v>5.0104870000000119</c:v>
                </c:pt>
                <c:pt idx="202">
                  <c:v>4.8455679999999575</c:v>
                </c:pt>
                <c:pt idx="203">
                  <c:v>4.5703939999999648</c:v>
                </c:pt>
                <c:pt idx="204">
                  <c:v>4.4784079999999449</c:v>
                </c:pt>
                <c:pt idx="205">
                  <c:v>4.4997919999999567</c:v>
                </c:pt>
                <c:pt idx="206">
                  <c:v>4.3466119999999364</c:v>
                </c:pt>
                <c:pt idx="207">
                  <c:v>4.083028000000013</c:v>
                </c:pt>
                <c:pt idx="208">
                  <c:v>3.7010719999999537</c:v>
                </c:pt>
                <c:pt idx="209">
                  <c:v>3.4680409999999711</c:v>
                </c:pt>
                <c:pt idx="210">
                  <c:v>3.5177750000000287</c:v>
                </c:pt>
                <c:pt idx="211">
                  <c:v>3.6474509999999327</c:v>
                </c:pt>
                <c:pt idx="212">
                  <c:v>3.7776890000000094</c:v>
                </c:pt>
                <c:pt idx="213">
                  <c:v>3.6611219999999776</c:v>
                </c:pt>
                <c:pt idx="214">
                  <c:v>3.9821140000000241</c:v>
                </c:pt>
                <c:pt idx="215">
                  <c:v>4.5186499999999796</c:v>
                </c:pt>
                <c:pt idx="216">
                  <c:v>4.6782620000000179</c:v>
                </c:pt>
                <c:pt idx="217">
                  <c:v>5.4715029999999842</c:v>
                </c:pt>
                <c:pt idx="218">
                  <c:v>5.7894459999999981</c:v>
                </c:pt>
                <c:pt idx="219">
                  <c:v>6.3275639999999385</c:v>
                </c:pt>
                <c:pt idx="220">
                  <c:v>6.6518389999999954</c:v>
                </c:pt>
                <c:pt idx="221">
                  <c:v>6.7626020000000153</c:v>
                </c:pt>
                <c:pt idx="222">
                  <c:v>6.6800859999999602</c:v>
                </c:pt>
                <c:pt idx="223">
                  <c:v>6.7345759999999473</c:v>
                </c:pt>
                <c:pt idx="224">
                  <c:v>6.6567079999999805</c:v>
                </c:pt>
                <c:pt idx="225">
                  <c:v>6.8536359999999377</c:v>
                </c:pt>
                <c:pt idx="226">
                  <c:v>6.9287269999999808</c:v>
                </c:pt>
                <c:pt idx="227">
                  <c:v>6.9785829999999578</c:v>
                </c:pt>
                <c:pt idx="228">
                  <c:v>6.9677679999999782</c:v>
                </c:pt>
                <c:pt idx="229">
                  <c:v>6.9823319999999285</c:v>
                </c:pt>
                <c:pt idx="230">
                  <c:v>6.9108219999999392</c:v>
                </c:pt>
                <c:pt idx="231">
                  <c:v>7.180456999999933</c:v>
                </c:pt>
                <c:pt idx="232">
                  <c:v>6.8431709999999839</c:v>
                </c:pt>
                <c:pt idx="233">
                  <c:v>6.6631219999999303</c:v>
                </c:pt>
                <c:pt idx="234">
                  <c:v>6.1108909999999241</c:v>
                </c:pt>
                <c:pt idx="235">
                  <c:v>5.8942469999999503</c:v>
                </c:pt>
                <c:pt idx="236">
                  <c:v>5.7220899999999801</c:v>
                </c:pt>
                <c:pt idx="237">
                  <c:v>5.569456999999943</c:v>
                </c:pt>
                <c:pt idx="238">
                  <c:v>5.4520749999999225</c:v>
                </c:pt>
                <c:pt idx="239">
                  <c:v>5.3605689999999413</c:v>
                </c:pt>
                <c:pt idx="240">
                  <c:v>5.1421289999999544</c:v>
                </c:pt>
                <c:pt idx="241">
                  <c:v>4.8122299999999996</c:v>
                </c:pt>
                <c:pt idx="242">
                  <c:v>4.4243430000000217</c:v>
                </c:pt>
                <c:pt idx="243">
                  <c:v>4.2508020000000215</c:v>
                </c:pt>
                <c:pt idx="244">
                  <c:v>4.5438550000000077</c:v>
                </c:pt>
                <c:pt idx="245">
                  <c:v>5.185455999999931</c:v>
                </c:pt>
                <c:pt idx="246">
                  <c:v>5.1083689999999251</c:v>
                </c:pt>
                <c:pt idx="247">
                  <c:v>5.2091209999999819</c:v>
                </c:pt>
                <c:pt idx="248">
                  <c:v>5.6013379999999415</c:v>
                </c:pt>
                <c:pt idx="249">
                  <c:v>5.9553159999999252</c:v>
                </c:pt>
                <c:pt idx="250">
                  <c:v>6.0535159999999451</c:v>
                </c:pt>
                <c:pt idx="251">
                  <c:v>6.0582249999999931</c:v>
                </c:pt>
                <c:pt idx="252">
                  <c:v>6.1585709999999381</c:v>
                </c:pt>
                <c:pt idx="253">
                  <c:v>6.8697760000000017</c:v>
                </c:pt>
                <c:pt idx="254">
                  <c:v>7.5503489999999829</c:v>
                </c:pt>
                <c:pt idx="255">
                  <c:v>7.8214140000000043</c:v>
                </c:pt>
                <c:pt idx="256">
                  <c:v>7.9450939999999264</c:v>
                </c:pt>
                <c:pt idx="257">
                  <c:v>8.3810639999999239</c:v>
                </c:pt>
                <c:pt idx="258">
                  <c:v>8.8533800000000156</c:v>
                </c:pt>
                <c:pt idx="259">
                  <c:v>8.9016470000000254</c:v>
                </c:pt>
                <c:pt idx="260">
                  <c:v>8.7385819999999512</c:v>
                </c:pt>
                <c:pt idx="261">
                  <c:v>8.6149589999999989</c:v>
                </c:pt>
                <c:pt idx="262">
                  <c:v>8.3291189999999915</c:v>
                </c:pt>
                <c:pt idx="263">
                  <c:v>7.758246999999983</c:v>
                </c:pt>
                <c:pt idx="264">
                  <c:v>6.6408999999999878</c:v>
                </c:pt>
                <c:pt idx="265">
                  <c:v>6.0858600000000251</c:v>
                </c:pt>
                <c:pt idx="266">
                  <c:v>5.8065829999999323</c:v>
                </c:pt>
                <c:pt idx="267">
                  <c:v>5.216588999999999</c:v>
                </c:pt>
                <c:pt idx="268">
                  <c:v>4.4590039999999362</c:v>
                </c:pt>
                <c:pt idx="269">
                  <c:v>4.1626340000000255</c:v>
                </c:pt>
                <c:pt idx="270">
                  <c:v>3.9918940000000021</c:v>
                </c:pt>
                <c:pt idx="271">
                  <c:v>3.7376699999999801</c:v>
                </c:pt>
                <c:pt idx="272">
                  <c:v>4.0260809999999765</c:v>
                </c:pt>
                <c:pt idx="273">
                  <c:v>4.5173849999999902</c:v>
                </c:pt>
                <c:pt idx="274">
                  <c:v>5.254530999999929</c:v>
                </c:pt>
                <c:pt idx="275">
                  <c:v>5.8232649999999921</c:v>
                </c:pt>
                <c:pt idx="276">
                  <c:v>6.3502819999999929</c:v>
                </c:pt>
                <c:pt idx="277">
                  <c:v>7.1136500000000069</c:v>
                </c:pt>
                <c:pt idx="278">
                  <c:v>8.0862250000000131</c:v>
                </c:pt>
                <c:pt idx="279">
                  <c:v>8.9281799999999976</c:v>
                </c:pt>
                <c:pt idx="280">
                  <c:v>9.4207599999999729</c:v>
                </c:pt>
                <c:pt idx="281">
                  <c:v>9.5601500000000215</c:v>
                </c:pt>
                <c:pt idx="282">
                  <c:v>9.908698999999956</c:v>
                </c:pt>
                <c:pt idx="283">
                  <c:v>10.178945999999996</c:v>
                </c:pt>
                <c:pt idx="284">
                  <c:v>9.9854880000000321</c:v>
                </c:pt>
                <c:pt idx="285">
                  <c:v>9.5943809999999985</c:v>
                </c:pt>
                <c:pt idx="286">
                  <c:v>9.2015669999999545</c:v>
                </c:pt>
                <c:pt idx="287">
                  <c:v>9.0755439999999226</c:v>
                </c:pt>
                <c:pt idx="288">
                  <c:v>8.7242179999999507</c:v>
                </c:pt>
                <c:pt idx="289">
                  <c:v>8.2905739999999923</c:v>
                </c:pt>
                <c:pt idx="290">
                  <c:v>7.5115889999999581</c:v>
                </c:pt>
                <c:pt idx="291">
                  <c:v>7.2654059999999845</c:v>
                </c:pt>
                <c:pt idx="292">
                  <c:v>7.2548929999999245</c:v>
                </c:pt>
                <c:pt idx="293">
                  <c:v>7.0332200000000284</c:v>
                </c:pt>
                <c:pt idx="294">
                  <c:v>6.4528749999999491</c:v>
                </c:pt>
                <c:pt idx="295">
                  <c:v>6.295509999999922</c:v>
                </c:pt>
                <c:pt idx="296">
                  <c:v>6.4322049999999535</c:v>
                </c:pt>
                <c:pt idx="297">
                  <c:v>6.2770940000000337</c:v>
                </c:pt>
                <c:pt idx="298">
                  <c:v>6.5798690000000306</c:v>
                </c:pt>
                <c:pt idx="299">
                  <c:v>6.7958039999999755</c:v>
                </c:pt>
                <c:pt idx="300">
                  <c:v>6.8094529999999622</c:v>
                </c:pt>
                <c:pt idx="301">
                  <c:v>7.1139459999999417</c:v>
                </c:pt>
                <c:pt idx="302">
                  <c:v>7.5435159999999541</c:v>
                </c:pt>
                <c:pt idx="303">
                  <c:v>7.793939000000023</c:v>
                </c:pt>
                <c:pt idx="304">
                  <c:v>7.9474369999999226</c:v>
                </c:pt>
                <c:pt idx="305">
                  <c:v>8.3946529999999484</c:v>
                </c:pt>
                <c:pt idx="306">
                  <c:v>9.0398830000000316</c:v>
                </c:pt>
                <c:pt idx="307">
                  <c:v>9.1503169999999727</c:v>
                </c:pt>
                <c:pt idx="308">
                  <c:v>8.9583649999999579</c:v>
                </c:pt>
                <c:pt idx="309">
                  <c:v>8.7850869999999759</c:v>
                </c:pt>
                <c:pt idx="310">
                  <c:v>8.7710309999999936</c:v>
                </c:pt>
                <c:pt idx="311">
                  <c:v>8.3887969999999541</c:v>
                </c:pt>
                <c:pt idx="312">
                  <c:v>7.6458299999999326</c:v>
                </c:pt>
                <c:pt idx="313">
                  <c:v>7.7037199999999757</c:v>
                </c:pt>
                <c:pt idx="314">
                  <c:v>7.8578099999999722</c:v>
                </c:pt>
                <c:pt idx="315">
                  <c:v>7.5859299999999621</c:v>
                </c:pt>
                <c:pt idx="316">
                  <c:v>7.0559620000000223</c:v>
                </c:pt>
                <c:pt idx="317">
                  <c:v>6.6736260000000129</c:v>
                </c:pt>
                <c:pt idx="318">
                  <c:v>7.1402990000000273</c:v>
                </c:pt>
                <c:pt idx="319">
                  <c:v>7.5892989999999827</c:v>
                </c:pt>
                <c:pt idx="320">
                  <c:v>7.7676589999999806</c:v>
                </c:pt>
                <c:pt idx="321">
                  <c:v>7.8395120000000134</c:v>
                </c:pt>
                <c:pt idx="322">
                  <c:v>7.8730429999999387</c:v>
                </c:pt>
                <c:pt idx="323">
                  <c:v>7.9914519999999811</c:v>
                </c:pt>
                <c:pt idx="324">
                  <c:v>7.7440409999999247</c:v>
                </c:pt>
                <c:pt idx="325">
                  <c:v>7.9327349999999797</c:v>
                </c:pt>
                <c:pt idx="326">
                  <c:v>7.9126340000000255</c:v>
                </c:pt>
                <c:pt idx="327">
                  <c:v>8.0252909999999247</c:v>
                </c:pt>
                <c:pt idx="328">
                  <c:v>7.9172149999999419</c:v>
                </c:pt>
                <c:pt idx="329">
                  <c:v>7.7170449999999846</c:v>
                </c:pt>
                <c:pt idx="330">
                  <c:v>7.8909249999999247</c:v>
                </c:pt>
                <c:pt idx="331">
                  <c:v>8.022047999999927</c:v>
                </c:pt>
                <c:pt idx="332">
                  <c:v>7.7822549999999637</c:v>
                </c:pt>
                <c:pt idx="333">
                  <c:v>7.3317109999999275</c:v>
                </c:pt>
                <c:pt idx="334">
                  <c:v>7.388323000000014</c:v>
                </c:pt>
                <c:pt idx="335">
                  <c:v>7.3863739999999325</c:v>
                </c:pt>
                <c:pt idx="336">
                  <c:v>7.2858999999999696</c:v>
                </c:pt>
                <c:pt idx="337">
                  <c:v>7.31445999999994</c:v>
                </c:pt>
                <c:pt idx="338">
                  <c:v>7.34508900000003</c:v>
                </c:pt>
                <c:pt idx="339">
                  <c:v>7.5094219999999723</c:v>
                </c:pt>
                <c:pt idx="340">
                  <c:v>7.5797629999999572</c:v>
                </c:pt>
                <c:pt idx="341">
                  <c:v>7.9381069999999454</c:v>
                </c:pt>
                <c:pt idx="342">
                  <c:v>7.8087379999999484</c:v>
                </c:pt>
                <c:pt idx="343">
                  <c:v>7.8534190000000308</c:v>
                </c:pt>
                <c:pt idx="344">
                  <c:v>8.1653949999999895</c:v>
                </c:pt>
                <c:pt idx="345">
                  <c:v>8.7348180000000184</c:v>
                </c:pt>
                <c:pt idx="346">
                  <c:v>8.7750760000000128</c:v>
                </c:pt>
                <c:pt idx="347">
                  <c:v>9.1872459999999592</c:v>
                </c:pt>
                <c:pt idx="348">
                  <c:v>9.3002599999999802</c:v>
                </c:pt>
                <c:pt idx="349">
                  <c:v>9.8337549999999965</c:v>
                </c:pt>
                <c:pt idx="350">
                  <c:v>9.8210540000000037</c:v>
                </c:pt>
                <c:pt idx="351">
                  <c:v>9.7146470000000136</c:v>
                </c:pt>
                <c:pt idx="352">
                  <c:v>9.5034259999999904</c:v>
                </c:pt>
                <c:pt idx="353">
                  <c:v>9.1921629999999368</c:v>
                </c:pt>
                <c:pt idx="354">
                  <c:v>8.5120449999999437</c:v>
                </c:pt>
                <c:pt idx="355">
                  <c:v>7.5987010000000055</c:v>
                </c:pt>
                <c:pt idx="356">
                  <c:v>6.4679629999999406</c:v>
                </c:pt>
                <c:pt idx="357">
                  <c:v>6.1010380000000168</c:v>
                </c:pt>
                <c:pt idx="358">
                  <c:v>6.3119399999999359</c:v>
                </c:pt>
                <c:pt idx="359">
                  <c:v>6.3795929999999998</c:v>
                </c:pt>
                <c:pt idx="360">
                  <c:v>6.0275389999999334</c:v>
                </c:pt>
                <c:pt idx="361">
                  <c:v>5.9806229999999232</c:v>
                </c:pt>
                <c:pt idx="362">
                  <c:v>6.1800879999999552</c:v>
                </c:pt>
                <c:pt idx="363">
                  <c:v>6.2393660000000182</c:v>
                </c:pt>
                <c:pt idx="364">
                  <c:v>5.8200959999999213</c:v>
                </c:pt>
                <c:pt idx="365">
                  <c:v>5.716972999999939</c:v>
                </c:pt>
                <c:pt idx="366">
                  <c:v>5.751796000000013</c:v>
                </c:pt>
                <c:pt idx="367">
                  <c:v>6.0167619999999715</c:v>
                </c:pt>
                <c:pt idx="368">
                  <c:v>5.9515719999999419</c:v>
                </c:pt>
                <c:pt idx="369">
                  <c:v>5.8937929999999596</c:v>
                </c:pt>
                <c:pt idx="370">
                  <c:v>6.0702019999999948</c:v>
                </c:pt>
                <c:pt idx="371">
                  <c:v>6.3939470000000256</c:v>
                </c:pt>
                <c:pt idx="372">
                  <c:v>6.7472430000000259</c:v>
                </c:pt>
                <c:pt idx="373">
                  <c:v>6.8448769999999968</c:v>
                </c:pt>
                <c:pt idx="374">
                  <c:v>6.937647999999967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D9EF-4504-B872-FEDCA26BB48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ono-1200-15s(3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1.8453193350831145E-2"/>
                  <c:y val="-0.5384321230679498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15s(3)'!$D$2:$D$387</c:f>
              <c:numCache>
                <c:formatCode>General</c:formatCode>
                <c:ptCount val="386"/>
                <c:pt idx="0">
                  <c:v>0</c:v>
                </c:pt>
                <c:pt idx="1">
                  <c:v>5.0050000000005923E-3</c:v>
                </c:pt>
                <c:pt idx="2">
                  <c:v>1.0010000000000296E-2</c:v>
                </c:pt>
                <c:pt idx="3">
                  <c:v>1.501500000000000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900000000075E-2</c:v>
                </c:pt>
                <c:pt idx="7">
                  <c:v>3.5034000000000454E-2</c:v>
                </c:pt>
                <c:pt idx="8">
                  <c:v>4.0039000000000158E-2</c:v>
                </c:pt>
                <c:pt idx="9">
                  <c:v>4.504300000000061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8000000000611E-2</c:v>
                </c:pt>
                <c:pt idx="13">
                  <c:v>6.5063000000000315E-2</c:v>
                </c:pt>
                <c:pt idx="14">
                  <c:v>7.0067000000000768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2000000000768E-2</c:v>
                </c:pt>
                <c:pt idx="18">
                  <c:v>9.0087000000000472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500000000019</c:v>
                </c:pt>
                <c:pt idx="25">
                  <c:v>0.12512000000000079</c:v>
                </c:pt>
                <c:pt idx="26">
                  <c:v>0.13012500000000049</c:v>
                </c:pt>
                <c:pt idx="27">
                  <c:v>0.13513000000000019</c:v>
                </c:pt>
                <c:pt idx="28">
                  <c:v>0.14013500000000079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400000000035</c:v>
                </c:pt>
                <c:pt idx="33">
                  <c:v>0.16515900000000006</c:v>
                </c:pt>
                <c:pt idx="34">
                  <c:v>0.17016300000000051</c:v>
                </c:pt>
                <c:pt idx="35">
                  <c:v>0.17516800000000021</c:v>
                </c:pt>
                <c:pt idx="36">
                  <c:v>0.1801730000000008</c:v>
                </c:pt>
                <c:pt idx="37">
                  <c:v>0.18517800000000051</c:v>
                </c:pt>
                <c:pt idx="38">
                  <c:v>0.19018300000000021</c:v>
                </c:pt>
                <c:pt idx="39">
                  <c:v>0.19518700000000067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200000000067</c:v>
                </c:pt>
                <c:pt idx="43">
                  <c:v>0.21520700000000037</c:v>
                </c:pt>
                <c:pt idx="44">
                  <c:v>0.22021100000000082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600000000082</c:v>
                </c:pt>
                <c:pt idx="48">
                  <c:v>0.24023100000000053</c:v>
                </c:pt>
                <c:pt idx="49">
                  <c:v>0.24523500000000009</c:v>
                </c:pt>
                <c:pt idx="50">
                  <c:v>0.25024000000000068</c:v>
                </c:pt>
                <c:pt idx="51">
                  <c:v>0.25524500000000039</c:v>
                </c:pt>
                <c:pt idx="52">
                  <c:v>0.26025000000000009</c:v>
                </c:pt>
                <c:pt idx="53">
                  <c:v>0.26525500000000068</c:v>
                </c:pt>
                <c:pt idx="54">
                  <c:v>0.27025900000000025</c:v>
                </c:pt>
                <c:pt idx="55">
                  <c:v>0.27526400000000084</c:v>
                </c:pt>
                <c:pt idx="56">
                  <c:v>0.28026900000000055</c:v>
                </c:pt>
                <c:pt idx="57">
                  <c:v>0.28527400000000025</c:v>
                </c:pt>
                <c:pt idx="58">
                  <c:v>0.29027900000000084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800000000041</c:v>
                </c:pt>
                <c:pt idx="63">
                  <c:v>0.31530300000000011</c:v>
                </c:pt>
                <c:pt idx="64">
                  <c:v>0.32030700000000056</c:v>
                </c:pt>
                <c:pt idx="65">
                  <c:v>0.32531200000000027</c:v>
                </c:pt>
                <c:pt idx="66">
                  <c:v>0.33031700000000086</c:v>
                </c:pt>
                <c:pt idx="67">
                  <c:v>0.33532200000000056</c:v>
                </c:pt>
                <c:pt idx="68">
                  <c:v>0.34032700000000027</c:v>
                </c:pt>
                <c:pt idx="69">
                  <c:v>0.34533100000000072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600000000072</c:v>
                </c:pt>
                <c:pt idx="73">
                  <c:v>0.36535100000000043</c:v>
                </c:pt>
                <c:pt idx="74">
                  <c:v>0.37035500000000088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900000000044</c:v>
                </c:pt>
                <c:pt idx="82">
                  <c:v>0.41039400000000015</c:v>
                </c:pt>
                <c:pt idx="83">
                  <c:v>0.41539900000000074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80000000003</c:v>
                </c:pt>
                <c:pt idx="88">
                  <c:v>0.44042300000000001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700000000076</c:v>
                </c:pt>
                <c:pt idx="92">
                  <c:v>0.46044200000000046</c:v>
                </c:pt>
                <c:pt idx="93">
                  <c:v>0.46544700000000017</c:v>
                </c:pt>
                <c:pt idx="94">
                  <c:v>0.47045100000000062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032</c:v>
                </c:pt>
                <c:pt idx="99">
                  <c:v>0.49547500000000078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9000000000078</c:v>
                </c:pt>
                <c:pt idx="103">
                  <c:v>0.51549500000000048</c:v>
                </c:pt>
                <c:pt idx="104">
                  <c:v>0.52049900000000004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400000000005</c:v>
                </c:pt>
                <c:pt idx="108">
                  <c:v>0.54051900000000064</c:v>
                </c:pt>
                <c:pt idx="109">
                  <c:v>0.5455230000000002</c:v>
                </c:pt>
                <c:pt idx="110">
                  <c:v>0.55052800000000079</c:v>
                </c:pt>
                <c:pt idx="111">
                  <c:v>0.5555330000000005</c:v>
                </c:pt>
                <c:pt idx="112">
                  <c:v>0.5605380000000002</c:v>
                </c:pt>
                <c:pt idx="113">
                  <c:v>0.5655430000000008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036</c:v>
                </c:pt>
                <c:pt idx="118">
                  <c:v>0.59056700000000006</c:v>
                </c:pt>
                <c:pt idx="119">
                  <c:v>0.59557100000000052</c:v>
                </c:pt>
                <c:pt idx="120">
                  <c:v>0.60057600000000022</c:v>
                </c:pt>
                <c:pt idx="121">
                  <c:v>0.60558100000000081</c:v>
                </c:pt>
                <c:pt idx="122">
                  <c:v>0.61058600000000052</c:v>
                </c:pt>
                <c:pt idx="123">
                  <c:v>0.61559100000000022</c:v>
                </c:pt>
                <c:pt idx="124">
                  <c:v>0.62059500000000067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1000000000067</c:v>
                </c:pt>
                <c:pt idx="128">
                  <c:v>0.64061500000000127</c:v>
                </c:pt>
                <c:pt idx="129">
                  <c:v>0.64561900000000083</c:v>
                </c:pt>
                <c:pt idx="130">
                  <c:v>0.65062399999999965</c:v>
                </c:pt>
                <c:pt idx="131">
                  <c:v>0.65562900000000024</c:v>
                </c:pt>
                <c:pt idx="132">
                  <c:v>0.66063400000000083</c:v>
                </c:pt>
                <c:pt idx="133">
                  <c:v>0.66563899999999965</c:v>
                </c:pt>
                <c:pt idx="134">
                  <c:v>0.67064300000000099</c:v>
                </c:pt>
                <c:pt idx="135">
                  <c:v>0.6756479999999998</c:v>
                </c:pt>
                <c:pt idx="136">
                  <c:v>0.6806530000000004</c:v>
                </c:pt>
                <c:pt idx="137">
                  <c:v>0.68565800000000099</c:v>
                </c:pt>
                <c:pt idx="138">
                  <c:v>0.6906629999999998</c:v>
                </c:pt>
                <c:pt idx="139">
                  <c:v>0.69566700000000115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200000000115</c:v>
                </c:pt>
                <c:pt idx="143">
                  <c:v>0.71568699999999996</c:v>
                </c:pt>
                <c:pt idx="144">
                  <c:v>0.7206910000000013</c:v>
                </c:pt>
                <c:pt idx="145">
                  <c:v>0.72569600000000012</c:v>
                </c:pt>
                <c:pt idx="146">
                  <c:v>0.73070100000000071</c:v>
                </c:pt>
                <c:pt idx="147">
                  <c:v>0.7357060000000013</c:v>
                </c:pt>
                <c:pt idx="148">
                  <c:v>0.74071100000000012</c:v>
                </c:pt>
                <c:pt idx="149">
                  <c:v>0.74571499999999968</c:v>
                </c:pt>
                <c:pt idx="150">
                  <c:v>0.75072000000000028</c:v>
                </c:pt>
                <c:pt idx="151">
                  <c:v>0.75572500000000087</c:v>
                </c:pt>
                <c:pt idx="152">
                  <c:v>0.76072999999999968</c:v>
                </c:pt>
                <c:pt idx="153">
                  <c:v>0.76573500000000028</c:v>
                </c:pt>
                <c:pt idx="154">
                  <c:v>0.77073899999999984</c:v>
                </c:pt>
                <c:pt idx="155">
                  <c:v>0.77574400000000043</c:v>
                </c:pt>
                <c:pt idx="156">
                  <c:v>0.78074900000000103</c:v>
                </c:pt>
                <c:pt idx="157">
                  <c:v>0.78575399999999984</c:v>
                </c:pt>
                <c:pt idx="158">
                  <c:v>0.79075900000000043</c:v>
                </c:pt>
                <c:pt idx="159">
                  <c:v>0.795763</c:v>
                </c:pt>
                <c:pt idx="160">
                  <c:v>0.80076800000000059</c:v>
                </c:pt>
                <c:pt idx="161">
                  <c:v>0.80577300000000118</c:v>
                </c:pt>
                <c:pt idx="162">
                  <c:v>0.810778</c:v>
                </c:pt>
                <c:pt idx="163">
                  <c:v>0.81578300000000059</c:v>
                </c:pt>
                <c:pt idx="164">
                  <c:v>0.82078700000000016</c:v>
                </c:pt>
                <c:pt idx="165">
                  <c:v>0.82579200000000075</c:v>
                </c:pt>
                <c:pt idx="166">
                  <c:v>0.83079699999999956</c:v>
                </c:pt>
                <c:pt idx="167">
                  <c:v>0.83580200000000016</c:v>
                </c:pt>
                <c:pt idx="168">
                  <c:v>0.84080700000000075</c:v>
                </c:pt>
                <c:pt idx="169">
                  <c:v>0.84581100000000031</c:v>
                </c:pt>
                <c:pt idx="170">
                  <c:v>0.8508160000000009</c:v>
                </c:pt>
                <c:pt idx="171">
                  <c:v>0.85582099999999972</c:v>
                </c:pt>
                <c:pt idx="172">
                  <c:v>0.86082600000000031</c:v>
                </c:pt>
                <c:pt idx="173">
                  <c:v>0.86583100000000091</c:v>
                </c:pt>
                <c:pt idx="174">
                  <c:v>0.87083500000000047</c:v>
                </c:pt>
                <c:pt idx="175">
                  <c:v>0.87584000000000106</c:v>
                </c:pt>
                <c:pt idx="176">
                  <c:v>0.88084499999999988</c:v>
                </c:pt>
                <c:pt idx="177">
                  <c:v>0.88585000000000047</c:v>
                </c:pt>
                <c:pt idx="178">
                  <c:v>0.89085500000000106</c:v>
                </c:pt>
                <c:pt idx="179">
                  <c:v>0.89585900000000063</c:v>
                </c:pt>
                <c:pt idx="180">
                  <c:v>0.90086400000000122</c:v>
                </c:pt>
                <c:pt idx="181">
                  <c:v>0.90586900000000004</c:v>
                </c:pt>
                <c:pt idx="182">
                  <c:v>0.91087400000000063</c:v>
                </c:pt>
                <c:pt idx="183">
                  <c:v>0.91587900000000122</c:v>
                </c:pt>
                <c:pt idx="184">
                  <c:v>0.92088300000000078</c:v>
                </c:pt>
                <c:pt idx="185">
                  <c:v>0.9258879999999996</c:v>
                </c:pt>
                <c:pt idx="186">
                  <c:v>0.93089300000000019</c:v>
                </c:pt>
                <c:pt idx="187">
                  <c:v>0.93589800000000078</c:v>
                </c:pt>
                <c:pt idx="188">
                  <c:v>0.9409029999999996</c:v>
                </c:pt>
                <c:pt idx="189">
                  <c:v>0.94590700000000094</c:v>
                </c:pt>
                <c:pt idx="190">
                  <c:v>0.95091199999999976</c:v>
                </c:pt>
                <c:pt idx="191">
                  <c:v>0.95591700000000035</c:v>
                </c:pt>
                <c:pt idx="192">
                  <c:v>0.96092200000000094</c:v>
                </c:pt>
                <c:pt idx="193">
                  <c:v>0.96592699999999976</c:v>
                </c:pt>
                <c:pt idx="194">
                  <c:v>0.9709310000000011</c:v>
                </c:pt>
                <c:pt idx="195">
                  <c:v>0.97593599999999991</c:v>
                </c:pt>
                <c:pt idx="196">
                  <c:v>0.98094100000000051</c:v>
                </c:pt>
                <c:pt idx="197">
                  <c:v>0.9859460000000011</c:v>
                </c:pt>
                <c:pt idx="198">
                  <c:v>0.99095099999999992</c:v>
                </c:pt>
                <c:pt idx="199">
                  <c:v>0.99595500000000126</c:v>
                </c:pt>
                <c:pt idx="200">
                  <c:v>1.0009600000000001</c:v>
                </c:pt>
                <c:pt idx="201">
                  <c:v>1.0059650000000007</c:v>
                </c:pt>
                <c:pt idx="202">
                  <c:v>1.0109700000000013</c:v>
                </c:pt>
                <c:pt idx="203">
                  <c:v>1.0159750000000001</c:v>
                </c:pt>
                <c:pt idx="204">
                  <c:v>1.0209789999999996</c:v>
                </c:pt>
                <c:pt idx="205">
                  <c:v>1.0259840000000002</c:v>
                </c:pt>
                <c:pt idx="206">
                  <c:v>1.0309890000000008</c:v>
                </c:pt>
                <c:pt idx="207">
                  <c:v>1.0359939999999996</c:v>
                </c:pt>
                <c:pt idx="208">
                  <c:v>1.0409990000000002</c:v>
                </c:pt>
                <c:pt idx="209">
                  <c:v>1.0460029999999998</c:v>
                </c:pt>
                <c:pt idx="210">
                  <c:v>1.0510080000000004</c:v>
                </c:pt>
                <c:pt idx="211">
                  <c:v>1.056013000000001</c:v>
                </c:pt>
                <c:pt idx="212">
                  <c:v>1.0610179999999998</c:v>
                </c:pt>
                <c:pt idx="213">
                  <c:v>1.0660230000000004</c:v>
                </c:pt>
                <c:pt idx="214">
                  <c:v>1.071027</c:v>
                </c:pt>
                <c:pt idx="215">
                  <c:v>1.0760320000000005</c:v>
                </c:pt>
                <c:pt idx="216">
                  <c:v>1.0810370000000011</c:v>
                </c:pt>
                <c:pt idx="217">
                  <c:v>1.086042</c:v>
                </c:pt>
                <c:pt idx="218">
                  <c:v>1.0910470000000005</c:v>
                </c:pt>
                <c:pt idx="219">
                  <c:v>1.0960510000000001</c:v>
                </c:pt>
                <c:pt idx="220">
                  <c:v>1.1010560000000007</c:v>
                </c:pt>
                <c:pt idx="221">
                  <c:v>1.1060610000000013</c:v>
                </c:pt>
                <c:pt idx="222">
                  <c:v>1.1110660000000001</c:v>
                </c:pt>
                <c:pt idx="223">
                  <c:v>1.1160710000000007</c:v>
                </c:pt>
                <c:pt idx="224">
                  <c:v>1.1210750000000003</c:v>
                </c:pt>
                <c:pt idx="225">
                  <c:v>1.1260800000000009</c:v>
                </c:pt>
                <c:pt idx="226">
                  <c:v>1.1310849999999997</c:v>
                </c:pt>
                <c:pt idx="227">
                  <c:v>1.1360900000000003</c:v>
                </c:pt>
                <c:pt idx="228">
                  <c:v>1.1410950000000009</c:v>
                </c:pt>
                <c:pt idx="229">
                  <c:v>1.1460990000000004</c:v>
                </c:pt>
                <c:pt idx="230">
                  <c:v>1.151104000000001</c:v>
                </c:pt>
                <c:pt idx="231">
                  <c:v>1.1561089999999998</c:v>
                </c:pt>
                <c:pt idx="232">
                  <c:v>1.1611140000000004</c:v>
                </c:pt>
                <c:pt idx="233">
                  <c:v>1.166119000000001</c:v>
                </c:pt>
                <c:pt idx="234">
                  <c:v>1.1711230000000006</c:v>
                </c:pt>
                <c:pt idx="235">
                  <c:v>1.1761280000000012</c:v>
                </c:pt>
                <c:pt idx="236">
                  <c:v>1.181133</c:v>
                </c:pt>
                <c:pt idx="237">
                  <c:v>1.1861380000000006</c:v>
                </c:pt>
                <c:pt idx="238">
                  <c:v>1.1911430000000012</c:v>
                </c:pt>
                <c:pt idx="239">
                  <c:v>1.1961470000000007</c:v>
                </c:pt>
                <c:pt idx="240">
                  <c:v>1.2011519999999996</c:v>
                </c:pt>
                <c:pt idx="241">
                  <c:v>1.2061570000000001</c:v>
                </c:pt>
                <c:pt idx="242">
                  <c:v>1.2111620000000007</c:v>
                </c:pt>
                <c:pt idx="243">
                  <c:v>1.2161669999999996</c:v>
                </c:pt>
                <c:pt idx="244">
                  <c:v>1.2211710000000009</c:v>
                </c:pt>
                <c:pt idx="245">
                  <c:v>1.2261759999999997</c:v>
                </c:pt>
                <c:pt idx="246">
                  <c:v>1.2311810000000003</c:v>
                </c:pt>
                <c:pt idx="247">
                  <c:v>1.2361860000000009</c:v>
                </c:pt>
                <c:pt idx="248">
                  <c:v>1.2411909999999997</c:v>
                </c:pt>
                <c:pt idx="249">
                  <c:v>1.2461950000000011</c:v>
                </c:pt>
                <c:pt idx="250">
                  <c:v>1.2511999999999999</c:v>
                </c:pt>
                <c:pt idx="251">
                  <c:v>1.2562050000000005</c:v>
                </c:pt>
                <c:pt idx="252">
                  <c:v>1.2612100000000011</c:v>
                </c:pt>
                <c:pt idx="253">
                  <c:v>1.2662149999999999</c:v>
                </c:pt>
                <c:pt idx="254">
                  <c:v>1.2712190000000012</c:v>
                </c:pt>
                <c:pt idx="255">
                  <c:v>1.276224</c:v>
                </c:pt>
                <c:pt idx="256">
                  <c:v>1.2812290000000006</c:v>
                </c:pt>
                <c:pt idx="257">
                  <c:v>1.2862340000000012</c:v>
                </c:pt>
                <c:pt idx="258">
                  <c:v>1.291239</c:v>
                </c:pt>
                <c:pt idx="259">
                  <c:v>1.2962429999999996</c:v>
                </c:pt>
                <c:pt idx="260">
                  <c:v>1.3012480000000002</c:v>
                </c:pt>
                <c:pt idx="261">
                  <c:v>1.3062530000000008</c:v>
                </c:pt>
                <c:pt idx="262">
                  <c:v>1.3112579999999996</c:v>
                </c:pt>
                <c:pt idx="263">
                  <c:v>1.3162630000000002</c:v>
                </c:pt>
                <c:pt idx="264">
                  <c:v>1.3212669999999997</c:v>
                </c:pt>
                <c:pt idx="265">
                  <c:v>1.3262720000000003</c:v>
                </c:pt>
                <c:pt idx="266">
                  <c:v>1.3312770000000009</c:v>
                </c:pt>
                <c:pt idx="267">
                  <c:v>1.3362819999999997</c:v>
                </c:pt>
                <c:pt idx="268">
                  <c:v>1.3412870000000003</c:v>
                </c:pt>
                <c:pt idx="269">
                  <c:v>1.3462909999999999</c:v>
                </c:pt>
                <c:pt idx="270">
                  <c:v>1.3512960000000005</c:v>
                </c:pt>
                <c:pt idx="271">
                  <c:v>1.3563010000000011</c:v>
                </c:pt>
                <c:pt idx="272">
                  <c:v>1.3613059999999999</c:v>
                </c:pt>
                <c:pt idx="273">
                  <c:v>1.3663110000000005</c:v>
                </c:pt>
                <c:pt idx="274">
                  <c:v>1.3713150000000001</c:v>
                </c:pt>
                <c:pt idx="275">
                  <c:v>1.3763200000000007</c:v>
                </c:pt>
                <c:pt idx="276">
                  <c:v>1.3813250000000012</c:v>
                </c:pt>
                <c:pt idx="277">
                  <c:v>1.3863300000000001</c:v>
                </c:pt>
                <c:pt idx="278">
                  <c:v>1.3913350000000007</c:v>
                </c:pt>
                <c:pt idx="279">
                  <c:v>1.3963390000000002</c:v>
                </c:pt>
                <c:pt idx="280">
                  <c:v>1.4013440000000008</c:v>
                </c:pt>
                <c:pt idx="281">
                  <c:v>1.4063489999999996</c:v>
                </c:pt>
                <c:pt idx="282">
                  <c:v>1.4113540000000002</c:v>
                </c:pt>
                <c:pt idx="283">
                  <c:v>1.4163590000000008</c:v>
                </c:pt>
                <c:pt idx="284">
                  <c:v>1.4213630000000004</c:v>
                </c:pt>
                <c:pt idx="285">
                  <c:v>1.426368000000001</c:v>
                </c:pt>
                <c:pt idx="286">
                  <c:v>1.4313729999999998</c:v>
                </c:pt>
                <c:pt idx="287">
                  <c:v>1.4363780000000004</c:v>
                </c:pt>
                <c:pt idx="288">
                  <c:v>1.441383000000001</c:v>
                </c:pt>
                <c:pt idx="289">
                  <c:v>1.4463870000000005</c:v>
                </c:pt>
                <c:pt idx="290">
                  <c:v>1.4513920000000011</c:v>
                </c:pt>
                <c:pt idx="291">
                  <c:v>1.4563969999999999</c:v>
                </c:pt>
                <c:pt idx="292">
                  <c:v>1.4614020000000005</c:v>
                </c:pt>
                <c:pt idx="293">
                  <c:v>1.4664070000000011</c:v>
                </c:pt>
                <c:pt idx="294">
                  <c:v>1.4714110000000007</c:v>
                </c:pt>
                <c:pt idx="295">
                  <c:v>1.4764160000000013</c:v>
                </c:pt>
                <c:pt idx="296">
                  <c:v>1.4814210000000001</c:v>
                </c:pt>
                <c:pt idx="297">
                  <c:v>1.4864260000000007</c:v>
                </c:pt>
                <c:pt idx="298">
                  <c:v>1.4914310000000013</c:v>
                </c:pt>
                <c:pt idx="299">
                  <c:v>1.4964350000000008</c:v>
                </c:pt>
                <c:pt idx="300">
                  <c:v>1.5014399999999997</c:v>
                </c:pt>
                <c:pt idx="301">
                  <c:v>1.5064450000000003</c:v>
                </c:pt>
                <c:pt idx="302">
                  <c:v>1.5114500000000008</c:v>
                </c:pt>
                <c:pt idx="303">
                  <c:v>1.5164549999999997</c:v>
                </c:pt>
                <c:pt idx="304">
                  <c:v>1.521459000000001</c:v>
                </c:pt>
                <c:pt idx="305">
                  <c:v>1.5264639999999998</c:v>
                </c:pt>
                <c:pt idx="306">
                  <c:v>1.5314690000000004</c:v>
                </c:pt>
                <c:pt idx="307">
                  <c:v>1.536474000000001</c:v>
                </c:pt>
                <c:pt idx="308">
                  <c:v>1.5414789999999998</c:v>
                </c:pt>
                <c:pt idx="309">
                  <c:v>1.5464830000000012</c:v>
                </c:pt>
                <c:pt idx="310">
                  <c:v>1.551488</c:v>
                </c:pt>
                <c:pt idx="311">
                  <c:v>1.5564930000000006</c:v>
                </c:pt>
                <c:pt idx="312">
                  <c:v>1.5614980000000012</c:v>
                </c:pt>
                <c:pt idx="313">
                  <c:v>1.566503</c:v>
                </c:pt>
                <c:pt idx="314">
                  <c:v>1.5715070000000013</c:v>
                </c:pt>
                <c:pt idx="315">
                  <c:v>1.5765120000000001</c:v>
                </c:pt>
                <c:pt idx="316">
                  <c:v>1.5815170000000007</c:v>
                </c:pt>
                <c:pt idx="317">
                  <c:v>1.5865220000000013</c:v>
                </c:pt>
                <c:pt idx="318">
                  <c:v>1.5915270000000001</c:v>
                </c:pt>
                <c:pt idx="319">
                  <c:v>1.5965309999999997</c:v>
                </c:pt>
                <c:pt idx="320">
                  <c:v>1.6015360000000003</c:v>
                </c:pt>
                <c:pt idx="321">
                  <c:v>1.6065410000000009</c:v>
                </c:pt>
                <c:pt idx="322">
                  <c:v>1.6115459999999997</c:v>
                </c:pt>
                <c:pt idx="323">
                  <c:v>1.6165510000000003</c:v>
                </c:pt>
                <c:pt idx="324">
                  <c:v>1.6215549999999999</c:v>
                </c:pt>
                <c:pt idx="325">
                  <c:v>1.6265600000000004</c:v>
                </c:pt>
                <c:pt idx="326">
                  <c:v>1.631565000000001</c:v>
                </c:pt>
                <c:pt idx="327">
                  <c:v>1.6365699999999999</c:v>
                </c:pt>
                <c:pt idx="328">
                  <c:v>1.6415750000000005</c:v>
                </c:pt>
                <c:pt idx="329">
                  <c:v>1.646579</c:v>
                </c:pt>
                <c:pt idx="330">
                  <c:v>1.6515840000000006</c:v>
                </c:pt>
                <c:pt idx="331">
                  <c:v>1.6565890000000012</c:v>
                </c:pt>
                <c:pt idx="332">
                  <c:v>1.661594</c:v>
                </c:pt>
                <c:pt idx="333">
                  <c:v>1.6665990000000006</c:v>
                </c:pt>
                <c:pt idx="334">
                  <c:v>1.6716030000000002</c:v>
                </c:pt>
                <c:pt idx="335">
                  <c:v>1.6766080000000008</c:v>
                </c:pt>
                <c:pt idx="336">
                  <c:v>1.6816129999999996</c:v>
                </c:pt>
                <c:pt idx="337">
                  <c:v>1.6866180000000002</c:v>
                </c:pt>
                <c:pt idx="338">
                  <c:v>1.6916230000000008</c:v>
                </c:pt>
                <c:pt idx="339">
                  <c:v>1.6966270000000003</c:v>
                </c:pt>
                <c:pt idx="340">
                  <c:v>1.7016320000000009</c:v>
                </c:pt>
                <c:pt idx="341">
                  <c:v>1.7066369999999997</c:v>
                </c:pt>
                <c:pt idx="342">
                  <c:v>1.7116420000000003</c:v>
                </c:pt>
                <c:pt idx="343">
                  <c:v>1.7166470000000009</c:v>
                </c:pt>
                <c:pt idx="344">
                  <c:v>1.7216510000000005</c:v>
                </c:pt>
                <c:pt idx="345">
                  <c:v>1.7266560000000011</c:v>
                </c:pt>
                <c:pt idx="346">
                  <c:v>1.7316609999999999</c:v>
                </c:pt>
                <c:pt idx="347">
                  <c:v>1.7366660000000005</c:v>
                </c:pt>
                <c:pt idx="348">
                  <c:v>1.7416710000000011</c:v>
                </c:pt>
                <c:pt idx="349">
                  <c:v>1.7466750000000006</c:v>
                </c:pt>
                <c:pt idx="350">
                  <c:v>1.7516800000000012</c:v>
                </c:pt>
                <c:pt idx="351">
                  <c:v>1.7566850000000001</c:v>
                </c:pt>
                <c:pt idx="352">
                  <c:v>1.7616900000000006</c:v>
                </c:pt>
                <c:pt idx="353">
                  <c:v>1.7666950000000012</c:v>
                </c:pt>
                <c:pt idx="354">
                  <c:v>1.7716990000000008</c:v>
                </c:pt>
                <c:pt idx="355">
                  <c:v>1.7767039999999996</c:v>
                </c:pt>
                <c:pt idx="356">
                  <c:v>1.7817090000000002</c:v>
                </c:pt>
                <c:pt idx="357">
                  <c:v>1.7867140000000008</c:v>
                </c:pt>
                <c:pt idx="358">
                  <c:v>1.7917189999999996</c:v>
                </c:pt>
                <c:pt idx="359">
                  <c:v>1.796723000000001</c:v>
                </c:pt>
                <c:pt idx="360">
                  <c:v>1.8017279999999998</c:v>
                </c:pt>
                <c:pt idx="361">
                  <c:v>1.8067330000000004</c:v>
                </c:pt>
                <c:pt idx="362">
                  <c:v>1.811738000000001</c:v>
                </c:pt>
                <c:pt idx="363">
                  <c:v>1.8167429999999998</c:v>
                </c:pt>
                <c:pt idx="364">
                  <c:v>1.8217470000000011</c:v>
                </c:pt>
                <c:pt idx="365">
                  <c:v>1.8267519999999999</c:v>
                </c:pt>
                <c:pt idx="366">
                  <c:v>1.8317570000000005</c:v>
                </c:pt>
                <c:pt idx="367">
                  <c:v>1.8367620000000011</c:v>
                </c:pt>
                <c:pt idx="368">
                  <c:v>1.8417669999999999</c:v>
                </c:pt>
                <c:pt idx="369">
                  <c:v>1.8467710000000013</c:v>
                </c:pt>
                <c:pt idx="370">
                  <c:v>1.8517760000000001</c:v>
                </c:pt>
                <c:pt idx="371">
                  <c:v>1.8567810000000007</c:v>
                </c:pt>
                <c:pt idx="372">
                  <c:v>1.8617860000000013</c:v>
                </c:pt>
                <c:pt idx="373">
                  <c:v>1.8667910000000001</c:v>
                </c:pt>
                <c:pt idx="374">
                  <c:v>1.8717949999999997</c:v>
                </c:pt>
              </c:numCache>
            </c:numRef>
          </c:xVal>
          <c:yVal>
            <c:numRef>
              <c:f>'Mono-1200-15s(3)'!$F$2:$F$387</c:f>
              <c:numCache>
                <c:formatCode>General</c:formatCode>
                <c:ptCount val="386"/>
                <c:pt idx="1">
                  <c:v>0.30409101798405203</c:v>
                </c:pt>
                <c:pt idx="2">
                  <c:v>0.23525877896980507</c:v>
                </c:pt>
                <c:pt idx="3">
                  <c:v>0.23670906832624394</c:v>
                </c:pt>
                <c:pt idx="4">
                  <c:v>0.22345702432990053</c:v>
                </c:pt>
                <c:pt idx="5">
                  <c:v>0.19446013554996061</c:v>
                </c:pt>
                <c:pt idx="6">
                  <c:v>0.13269149623110429</c:v>
                </c:pt>
                <c:pt idx="7">
                  <c:v>7.5779283168535855E-2</c:v>
                </c:pt>
                <c:pt idx="8">
                  <c:v>5.2667966453525915E-2</c:v>
                </c:pt>
                <c:pt idx="9">
                  <c:v>3.9290064428665061E-2</c:v>
                </c:pt>
                <c:pt idx="10">
                  <c:v>7.5902919324268292E-3</c:v>
                </c:pt>
                <c:pt idx="11">
                  <c:v>-1.0411993095671824E-2</c:v>
                </c:pt>
                <c:pt idx="12">
                  <c:v>-2.5785620959097009E-2</c:v>
                </c:pt>
                <c:pt idx="13">
                  <c:v>-3.5362145793689112E-2</c:v>
                </c:pt>
                <c:pt idx="14">
                  <c:v>-5.768679646232279E-2</c:v>
                </c:pt>
                <c:pt idx="15">
                  <c:v>-8.0440026326279543E-2</c:v>
                </c:pt>
                <c:pt idx="16">
                  <c:v>-8.9330626454679721E-2</c:v>
                </c:pt>
                <c:pt idx="17">
                  <c:v>-8.1631690083807759E-2</c:v>
                </c:pt>
                <c:pt idx="18">
                  <c:v>-7.9400194550452455E-2</c:v>
                </c:pt>
                <c:pt idx="19">
                  <c:v>-7.7140045131761634E-2</c:v>
                </c:pt>
                <c:pt idx="20">
                  <c:v>-7.9386552743334934E-2</c:v>
                </c:pt>
                <c:pt idx="21">
                  <c:v>-7.3611600281600326E-2</c:v>
                </c:pt>
                <c:pt idx="22">
                  <c:v>-6.603794276867489E-2</c:v>
                </c:pt>
                <c:pt idx="23">
                  <c:v>-5.7797016586399165E-2</c:v>
                </c:pt>
                <c:pt idx="24">
                  <c:v>-5.3682410672888946E-2</c:v>
                </c:pt>
                <c:pt idx="25">
                  <c:v>-4.2032499975872967E-2</c:v>
                </c:pt>
                <c:pt idx="26">
                  <c:v>-2.8241471588188499E-2</c:v>
                </c:pt>
                <c:pt idx="27">
                  <c:v>-2.0699896241059081E-2</c:v>
                </c:pt>
                <c:pt idx="28">
                  <c:v>-1.632662092710355E-2</c:v>
                </c:pt>
                <c:pt idx="29">
                  <c:v>-2.1128923251707088E-3</c:v>
                </c:pt>
                <c:pt idx="30">
                  <c:v>9.9853913776578804E-3</c:v>
                </c:pt>
                <c:pt idx="31">
                  <c:v>2.0532987377211865E-2</c:v>
                </c:pt>
                <c:pt idx="32">
                  <c:v>2.8125333234252634E-2</c:v>
                </c:pt>
                <c:pt idx="33">
                  <c:v>3.5209470103900894E-2</c:v>
                </c:pt>
                <c:pt idx="34">
                  <c:v>3.9385821961105703E-2</c:v>
                </c:pt>
                <c:pt idx="35">
                  <c:v>3.9023224497158247E-2</c:v>
                </c:pt>
                <c:pt idx="36">
                  <c:v>4.1189418184345593E-2</c:v>
                </c:pt>
                <c:pt idx="37">
                  <c:v>4.1784772133367842E-2</c:v>
                </c:pt>
                <c:pt idx="38">
                  <c:v>3.9903122504167519E-2</c:v>
                </c:pt>
                <c:pt idx="39">
                  <c:v>3.7198399936344419E-2</c:v>
                </c:pt>
                <c:pt idx="40">
                  <c:v>2.9391916639532362E-2</c:v>
                </c:pt>
                <c:pt idx="41">
                  <c:v>2.1461412592099851E-2</c:v>
                </c:pt>
                <c:pt idx="42">
                  <c:v>1.5783143824346032E-2</c:v>
                </c:pt>
                <c:pt idx="43">
                  <c:v>1.0462099149956211E-2</c:v>
                </c:pt>
                <c:pt idx="44">
                  <c:v>8.7977301661690144E-3</c:v>
                </c:pt>
                <c:pt idx="45">
                  <c:v>5.9434815617397194E-3</c:v>
                </c:pt>
                <c:pt idx="46">
                  <c:v>2.8523158282912917E-3</c:v>
                </c:pt>
                <c:pt idx="47">
                  <c:v>1.1441006610426883E-4</c:v>
                </c:pt>
                <c:pt idx="48">
                  <c:v>-3.8550041242026486E-3</c:v>
                </c:pt>
                <c:pt idx="49">
                  <c:v>-6.9000999697274648E-3</c:v>
                </c:pt>
                <c:pt idx="50">
                  <c:v>-1.0106506164799424E-2</c:v>
                </c:pt>
                <c:pt idx="51">
                  <c:v>-1.2188073482162089E-2</c:v>
                </c:pt>
                <c:pt idx="52">
                  <c:v>-1.5248992139667097E-2</c:v>
                </c:pt>
                <c:pt idx="53">
                  <c:v>-1.7603163632329076E-2</c:v>
                </c:pt>
                <c:pt idx="54">
                  <c:v>-1.7853883800450367E-2</c:v>
                </c:pt>
                <c:pt idx="55">
                  <c:v>-1.8097323291182819E-2</c:v>
                </c:pt>
                <c:pt idx="56">
                  <c:v>-1.655700479060216E-2</c:v>
                </c:pt>
                <c:pt idx="57">
                  <c:v>-9.2378845146269435E-3</c:v>
                </c:pt>
                <c:pt idx="58">
                  <c:v>-2.0368107196525975E-3</c:v>
                </c:pt>
                <c:pt idx="59">
                  <c:v>2.7861092344903709E-3</c:v>
                </c:pt>
                <c:pt idx="60">
                  <c:v>8.6937647684360436E-3</c:v>
                </c:pt>
                <c:pt idx="61">
                  <c:v>1.2803325352504202E-2</c:v>
                </c:pt>
                <c:pt idx="62">
                  <c:v>1.5244701252992191E-2</c:v>
                </c:pt>
                <c:pt idx="63">
                  <c:v>2.0036842190664834E-2</c:v>
                </c:pt>
                <c:pt idx="64">
                  <c:v>2.4336996299914794E-2</c:v>
                </c:pt>
                <c:pt idx="65">
                  <c:v>2.9365523800454398E-2</c:v>
                </c:pt>
                <c:pt idx="66">
                  <c:v>2.9653898751067279E-2</c:v>
                </c:pt>
                <c:pt idx="67">
                  <c:v>2.8136569858881248E-2</c:v>
                </c:pt>
                <c:pt idx="68">
                  <c:v>2.8828038314342708E-2</c:v>
                </c:pt>
                <c:pt idx="69">
                  <c:v>2.8159495374726441E-2</c:v>
                </c:pt>
                <c:pt idx="70">
                  <c:v>2.559623596606616E-2</c:v>
                </c:pt>
                <c:pt idx="71">
                  <c:v>2.171157014317943E-2</c:v>
                </c:pt>
                <c:pt idx="72">
                  <c:v>1.8974555941709464E-2</c:v>
                </c:pt>
                <c:pt idx="73">
                  <c:v>1.743534908100464E-2</c:v>
                </c:pt>
                <c:pt idx="74">
                  <c:v>1.5344907145728734E-2</c:v>
                </c:pt>
                <c:pt idx="75">
                  <c:v>1.0599308845291129E-2</c:v>
                </c:pt>
                <c:pt idx="76">
                  <c:v>6.8809988564701528E-3</c:v>
                </c:pt>
                <c:pt idx="77">
                  <c:v>4.7668175541299585E-3</c:v>
                </c:pt>
                <c:pt idx="78">
                  <c:v>1.5157360390354287E-3</c:v>
                </c:pt>
                <c:pt idx="79">
                  <c:v>-3.8482678522851269E-3</c:v>
                </c:pt>
                <c:pt idx="80">
                  <c:v>-7.1914702900537702E-3</c:v>
                </c:pt>
                <c:pt idx="81">
                  <c:v>-7.6871762200743585E-3</c:v>
                </c:pt>
                <c:pt idx="82">
                  <c:v>-7.7467219411904127E-3</c:v>
                </c:pt>
                <c:pt idx="83">
                  <c:v>-7.4249964956372913E-3</c:v>
                </c:pt>
                <c:pt idx="84">
                  <c:v>-6.9317382274035862E-3</c:v>
                </c:pt>
                <c:pt idx="85">
                  <c:v>-5.0108923245995559E-3</c:v>
                </c:pt>
                <c:pt idx="86">
                  <c:v>-2.4022927615736499E-3</c:v>
                </c:pt>
                <c:pt idx="87">
                  <c:v>-1.90746179581015E-3</c:v>
                </c:pt>
                <c:pt idx="88">
                  <c:v>-2.7389922006898662E-3</c:v>
                </c:pt>
                <c:pt idx="89">
                  <c:v>7.852698761637363E-4</c:v>
                </c:pt>
                <c:pt idx="90">
                  <c:v>5.0188283199178053E-3</c:v>
                </c:pt>
                <c:pt idx="91">
                  <c:v>7.1701394348017231E-3</c:v>
                </c:pt>
                <c:pt idx="92">
                  <c:v>7.720167844543155E-3</c:v>
                </c:pt>
                <c:pt idx="93">
                  <c:v>8.3771180493902343E-3</c:v>
                </c:pt>
                <c:pt idx="94">
                  <c:v>1.0918261873762479E-2</c:v>
                </c:pt>
                <c:pt idx="95">
                  <c:v>1.2524311296446869E-2</c:v>
                </c:pt>
                <c:pt idx="96">
                  <c:v>1.1176476484674713E-2</c:v>
                </c:pt>
                <c:pt idx="97">
                  <c:v>1.1856968382429941E-2</c:v>
                </c:pt>
                <c:pt idx="98">
                  <c:v>1.5092167900874812E-2</c:v>
                </c:pt>
                <c:pt idx="99">
                  <c:v>1.6873347942562268E-2</c:v>
                </c:pt>
                <c:pt idx="100">
                  <c:v>1.541931258009991E-2</c:v>
                </c:pt>
                <c:pt idx="101">
                  <c:v>1.415561866028554E-2</c:v>
                </c:pt>
                <c:pt idx="102">
                  <c:v>1.4586292041854295E-2</c:v>
                </c:pt>
                <c:pt idx="103">
                  <c:v>1.5063245174578115E-2</c:v>
                </c:pt>
                <c:pt idx="104">
                  <c:v>1.4647921503151489E-2</c:v>
                </c:pt>
                <c:pt idx="105">
                  <c:v>1.2568895362654828E-2</c:v>
                </c:pt>
                <c:pt idx="106">
                  <c:v>1.1185345574930087E-2</c:v>
                </c:pt>
                <c:pt idx="107">
                  <c:v>1.1124862182458556E-2</c:v>
                </c:pt>
                <c:pt idx="108">
                  <c:v>9.3027940511397293E-3</c:v>
                </c:pt>
                <c:pt idx="109">
                  <c:v>6.7472136551030397E-3</c:v>
                </c:pt>
                <c:pt idx="110">
                  <c:v>5.6661933334181628E-3</c:v>
                </c:pt>
                <c:pt idx="111">
                  <c:v>6.0477504690360836E-3</c:v>
                </c:pt>
                <c:pt idx="112">
                  <c:v>5.6541642189751303E-3</c:v>
                </c:pt>
                <c:pt idx="113">
                  <c:v>2.728118753413224E-3</c:v>
                </c:pt>
                <c:pt idx="114">
                  <c:v>9.4634300771671007E-4</c:v>
                </c:pt>
                <c:pt idx="115">
                  <c:v>2.6873071672191512E-3</c:v>
                </c:pt>
                <c:pt idx="116">
                  <c:v>3.2200688927046172E-3</c:v>
                </c:pt>
                <c:pt idx="117">
                  <c:v>2.3545060501050361E-3</c:v>
                </c:pt>
                <c:pt idx="118">
                  <c:v>9.908476337171894E-4</c:v>
                </c:pt>
                <c:pt idx="119">
                  <c:v>1.9472168974481088E-3</c:v>
                </c:pt>
                <c:pt idx="120">
                  <c:v>2.680061483061083E-3</c:v>
                </c:pt>
                <c:pt idx="121">
                  <c:v>2.8756346373975564E-3</c:v>
                </c:pt>
                <c:pt idx="122">
                  <c:v>2.2724067947438912E-3</c:v>
                </c:pt>
                <c:pt idx="123">
                  <c:v>3.6410727754868288E-3</c:v>
                </c:pt>
                <c:pt idx="124">
                  <c:v>5.6631637037674494E-3</c:v>
                </c:pt>
                <c:pt idx="125">
                  <c:v>7.5944173182295243E-3</c:v>
                </c:pt>
                <c:pt idx="126">
                  <c:v>1.0042829507302354E-2</c:v>
                </c:pt>
                <c:pt idx="127">
                  <c:v>1.155936886882291E-2</c:v>
                </c:pt>
                <c:pt idx="128">
                  <c:v>1.2553067362892916E-2</c:v>
                </c:pt>
                <c:pt idx="129">
                  <c:v>1.489784092382917E-2</c:v>
                </c:pt>
                <c:pt idx="130">
                  <c:v>1.4679455635912978E-2</c:v>
                </c:pt>
                <c:pt idx="131">
                  <c:v>1.4289449536484073E-2</c:v>
                </c:pt>
                <c:pt idx="132">
                  <c:v>1.3985950591399345E-2</c:v>
                </c:pt>
                <c:pt idx="133">
                  <c:v>1.5501317956640547E-2</c:v>
                </c:pt>
                <c:pt idx="134">
                  <c:v>1.4800305167378016E-2</c:v>
                </c:pt>
                <c:pt idx="135">
                  <c:v>1.2716839721487431E-2</c:v>
                </c:pt>
                <c:pt idx="136">
                  <c:v>1.0815573671062114E-2</c:v>
                </c:pt>
                <c:pt idx="137">
                  <c:v>1.0581854101861708E-2</c:v>
                </c:pt>
                <c:pt idx="138">
                  <c:v>9.9691622799563655E-3</c:v>
                </c:pt>
                <c:pt idx="139">
                  <c:v>7.8881797633289091E-3</c:v>
                </c:pt>
                <c:pt idx="140">
                  <c:v>5.7344031658623142E-3</c:v>
                </c:pt>
                <c:pt idx="141">
                  <c:v>4.5832299621840064E-3</c:v>
                </c:pt>
                <c:pt idx="142">
                  <c:v>4.3734730146646186E-3</c:v>
                </c:pt>
                <c:pt idx="143">
                  <c:v>2.8673113267874461E-3</c:v>
                </c:pt>
                <c:pt idx="144">
                  <c:v>5.7167833254641873E-4</c:v>
                </c:pt>
                <c:pt idx="145">
                  <c:v>-5.3683863657675408E-4</c:v>
                </c:pt>
                <c:pt idx="146">
                  <c:v>-5.7165890001939013E-4</c:v>
                </c:pt>
                <c:pt idx="147">
                  <c:v>-2.0986430412292057E-4</c:v>
                </c:pt>
                <c:pt idx="148">
                  <c:v>-4.8487408821226626E-4</c:v>
                </c:pt>
                <c:pt idx="149">
                  <c:v>-3.3777089307305072E-4</c:v>
                </c:pt>
                <c:pt idx="150">
                  <c:v>1.785463246277716E-3</c:v>
                </c:pt>
                <c:pt idx="151">
                  <c:v>3.69507316462565E-3</c:v>
                </c:pt>
                <c:pt idx="152">
                  <c:v>4.5212169636095678E-3</c:v>
                </c:pt>
                <c:pt idx="153">
                  <c:v>5.6706022652022103E-3</c:v>
                </c:pt>
                <c:pt idx="154">
                  <c:v>7.8843668731336351E-3</c:v>
                </c:pt>
                <c:pt idx="155">
                  <c:v>1.017306160456688E-2</c:v>
                </c:pt>
                <c:pt idx="156">
                  <c:v>1.1048950706120489E-2</c:v>
                </c:pt>
                <c:pt idx="157">
                  <c:v>1.2159752524439665E-2</c:v>
                </c:pt>
                <c:pt idx="158">
                  <c:v>1.3572506560973398E-2</c:v>
                </c:pt>
                <c:pt idx="159">
                  <c:v>1.5237927307308831E-2</c:v>
                </c:pt>
                <c:pt idx="160">
                  <c:v>1.5923365710168818E-2</c:v>
                </c:pt>
                <c:pt idx="161">
                  <c:v>1.5650961044007674E-2</c:v>
                </c:pt>
                <c:pt idx="162">
                  <c:v>1.5176604548505734E-2</c:v>
                </c:pt>
                <c:pt idx="163">
                  <c:v>1.4722449286467119E-2</c:v>
                </c:pt>
                <c:pt idx="164">
                  <c:v>1.397955734283231E-2</c:v>
                </c:pt>
                <c:pt idx="165">
                  <c:v>1.3053376915362538E-2</c:v>
                </c:pt>
                <c:pt idx="166">
                  <c:v>1.1496145086186101E-2</c:v>
                </c:pt>
                <c:pt idx="167">
                  <c:v>1.0791663539086213E-2</c:v>
                </c:pt>
                <c:pt idx="168">
                  <c:v>9.9673752059323516E-3</c:v>
                </c:pt>
                <c:pt idx="169">
                  <c:v>7.8155003202949845E-3</c:v>
                </c:pt>
                <c:pt idx="170">
                  <c:v>5.7268866711397467E-3</c:v>
                </c:pt>
                <c:pt idx="171">
                  <c:v>4.9252835203374215E-3</c:v>
                </c:pt>
                <c:pt idx="172">
                  <c:v>4.0791767257069896E-3</c:v>
                </c:pt>
                <c:pt idx="173">
                  <c:v>3.2951894143230017E-3</c:v>
                </c:pt>
                <c:pt idx="174">
                  <c:v>1.6443200456914444E-3</c:v>
                </c:pt>
                <c:pt idx="175">
                  <c:v>1.2681666845324976E-3</c:v>
                </c:pt>
                <c:pt idx="176">
                  <c:v>1.8226430072962798E-3</c:v>
                </c:pt>
                <c:pt idx="177">
                  <c:v>3.0065274795557867E-3</c:v>
                </c:pt>
                <c:pt idx="178">
                  <c:v>3.3569344052501227E-3</c:v>
                </c:pt>
                <c:pt idx="179">
                  <c:v>3.927040765471651E-3</c:v>
                </c:pt>
                <c:pt idx="180">
                  <c:v>5.61672018389068E-3</c:v>
                </c:pt>
                <c:pt idx="181">
                  <c:v>7.809166512847604E-3</c:v>
                </c:pt>
                <c:pt idx="182">
                  <c:v>7.9142711536230367E-3</c:v>
                </c:pt>
                <c:pt idx="183">
                  <c:v>7.8122691265079961E-3</c:v>
                </c:pt>
                <c:pt idx="184">
                  <c:v>8.5986070571551065E-3</c:v>
                </c:pt>
                <c:pt idx="185">
                  <c:v>1.0357613318592966E-2</c:v>
                </c:pt>
                <c:pt idx="186">
                  <c:v>1.0868266689592612E-2</c:v>
                </c:pt>
                <c:pt idx="187">
                  <c:v>1.0955183902220248E-2</c:v>
                </c:pt>
                <c:pt idx="188">
                  <c:v>1.1015546337863745E-2</c:v>
                </c:pt>
                <c:pt idx="189">
                  <c:v>1.1875091960810652E-2</c:v>
                </c:pt>
                <c:pt idx="190">
                  <c:v>1.2360336396939585E-2</c:v>
                </c:pt>
                <c:pt idx="191">
                  <c:v>1.2245582657192264E-2</c:v>
                </c:pt>
                <c:pt idx="192">
                  <c:v>1.1099393278149487E-2</c:v>
                </c:pt>
                <c:pt idx="193">
                  <c:v>1.0575466142282622E-2</c:v>
                </c:pt>
                <c:pt idx="194">
                  <c:v>1.0393996330886142E-2</c:v>
                </c:pt>
                <c:pt idx="195">
                  <c:v>9.4744075545581674E-3</c:v>
                </c:pt>
                <c:pt idx="196">
                  <c:v>8.6559134106402955E-3</c:v>
                </c:pt>
                <c:pt idx="197">
                  <c:v>8.7949755132723413E-3</c:v>
                </c:pt>
                <c:pt idx="198">
                  <c:v>9.5159979882945538E-3</c:v>
                </c:pt>
                <c:pt idx="199">
                  <c:v>9.4617839749518689E-3</c:v>
                </c:pt>
                <c:pt idx="200">
                  <c:v>9.1247401035705351E-3</c:v>
                </c:pt>
                <c:pt idx="201">
                  <c:v>8.9598788248788971E-3</c:v>
                </c:pt>
                <c:pt idx="202">
                  <c:v>8.624627632485669E-3</c:v>
                </c:pt>
                <c:pt idx="203">
                  <c:v>8.0987808102876545E-3</c:v>
                </c:pt>
                <c:pt idx="204">
                  <c:v>7.8981940568618805E-3</c:v>
                </c:pt>
                <c:pt idx="205">
                  <c:v>7.8968898769523916E-3</c:v>
                </c:pt>
                <c:pt idx="206">
                  <c:v>7.5931306378403665E-3</c:v>
                </c:pt>
                <c:pt idx="207">
                  <c:v>7.1015862618845236E-3</c:v>
                </c:pt>
                <c:pt idx="208">
                  <c:v>6.4107150676832409E-3</c:v>
                </c:pt>
                <c:pt idx="209">
                  <c:v>5.9808521899031106E-3</c:v>
                </c:pt>
                <c:pt idx="210">
                  <c:v>6.0371901079161626E-3</c:v>
                </c:pt>
                <c:pt idx="211">
                  <c:v>6.2286144213438916E-3</c:v>
                </c:pt>
                <c:pt idx="212">
                  <c:v>6.4190788246378189E-3</c:v>
                </c:pt>
                <c:pt idx="213">
                  <c:v>6.1931010315532291E-3</c:v>
                </c:pt>
                <c:pt idx="214">
                  <c:v>6.7007358228760687E-3</c:v>
                </c:pt>
                <c:pt idx="215">
                  <c:v>7.5608914171884402E-3</c:v>
                </c:pt>
                <c:pt idx="216">
                  <c:v>7.7894837751837495E-3</c:v>
                </c:pt>
                <c:pt idx="217">
                  <c:v>9.055346419487997E-3</c:v>
                </c:pt>
                <c:pt idx="218">
                  <c:v>9.5321414983668678E-3</c:v>
                </c:pt>
                <c:pt idx="219">
                  <c:v>1.0360556976363724E-2</c:v>
                </c:pt>
                <c:pt idx="220">
                  <c:v>1.0835700026765552E-2</c:v>
                </c:pt>
                <c:pt idx="221">
                  <c:v>1.0964103626540959E-2</c:v>
                </c:pt>
                <c:pt idx="222">
                  <c:v>1.0783130117985337E-2</c:v>
                </c:pt>
                <c:pt idx="223">
                  <c:v>1.0821280236621277E-2</c:v>
                </c:pt>
                <c:pt idx="224">
                  <c:v>1.0649904138091861E-2</c:v>
                </c:pt>
                <c:pt idx="225">
                  <c:v>1.091237498218592E-2</c:v>
                </c:pt>
                <c:pt idx="226">
                  <c:v>1.098164072657826E-2</c:v>
                </c:pt>
                <c:pt idx="227">
                  <c:v>1.1010948238979298E-2</c:v>
                </c:pt>
                <c:pt idx="228">
                  <c:v>1.0945875624429424E-2</c:v>
                </c:pt>
                <c:pt idx="229">
                  <c:v>1.0920578699673207E-2</c:v>
                </c:pt>
                <c:pt idx="230">
                  <c:v>1.0763118176894945E-2</c:v>
                </c:pt>
                <c:pt idx="231">
                  <c:v>1.1129262468690271E-2</c:v>
                </c:pt>
                <c:pt idx="232">
                  <c:v>1.0567157269774868E-2</c:v>
                </c:pt>
                <c:pt idx="233">
                  <c:v>1.0248274683226713E-2</c:v>
                </c:pt>
                <c:pt idx="234">
                  <c:v>9.3680296102673678E-3</c:v>
                </c:pt>
                <c:pt idx="235">
                  <c:v>9.0009618494073951E-3</c:v>
                </c:pt>
                <c:pt idx="236">
                  <c:v>8.7037290865570743E-3</c:v>
                </c:pt>
                <c:pt idx="237">
                  <c:v>8.4381303088651872E-3</c:v>
                </c:pt>
                <c:pt idx="238">
                  <c:v>8.227315138365783E-3</c:v>
                </c:pt>
                <c:pt idx="239">
                  <c:v>8.056714746800293E-3</c:v>
                </c:pt>
                <c:pt idx="240">
                  <c:v>7.699228929401049E-3</c:v>
                </c:pt>
                <c:pt idx="241">
                  <c:v>7.1796375060275176E-3</c:v>
                </c:pt>
                <c:pt idx="242">
                  <c:v>6.5782410779265986E-3</c:v>
                </c:pt>
                <c:pt idx="243">
                  <c:v>6.2961727824840073E-3</c:v>
                </c:pt>
                <c:pt idx="244">
                  <c:v>6.699120010258742E-3</c:v>
                </c:pt>
                <c:pt idx="245">
                  <c:v>7.6050581066842452E-3</c:v>
                </c:pt>
                <c:pt idx="246">
                  <c:v>7.4625793137316713E-3</c:v>
                </c:pt>
                <c:pt idx="247">
                  <c:v>7.5775801241029167E-3</c:v>
                </c:pt>
                <c:pt idx="248">
                  <c:v>8.1095521882677598E-3</c:v>
                </c:pt>
                <c:pt idx="249">
                  <c:v>8.5819573889877356E-3</c:v>
                </c:pt>
                <c:pt idx="250">
                  <c:v>8.6870420672497534E-3</c:v>
                </c:pt>
                <c:pt idx="251">
                  <c:v>8.659088429762183E-3</c:v>
                </c:pt>
                <c:pt idx="252">
                  <c:v>8.766002699858659E-3</c:v>
                </c:pt>
                <c:pt idx="253">
                  <c:v>9.7272492916657769E-3</c:v>
                </c:pt>
                <c:pt idx="254">
                  <c:v>1.0635844362480525E-2</c:v>
                </c:pt>
                <c:pt idx="255">
                  <c:v>1.0969148964926749E-2</c:v>
                </c:pt>
                <c:pt idx="256">
                  <c:v>1.1096620128157169E-2</c:v>
                </c:pt>
                <c:pt idx="257">
                  <c:v>1.1650885404444046E-2</c:v>
                </c:pt>
                <c:pt idx="258">
                  <c:v>1.224942242609596E-2</c:v>
                </c:pt>
                <c:pt idx="259">
                  <c:v>1.2267600860003445E-2</c:v>
                </c:pt>
                <c:pt idx="260">
                  <c:v>1.2000051541898142E-2</c:v>
                </c:pt>
                <c:pt idx="261">
                  <c:v>1.1787564498907409E-2</c:v>
                </c:pt>
                <c:pt idx="262">
                  <c:v>1.1358762381179031E-2</c:v>
                </c:pt>
                <c:pt idx="263">
                  <c:v>1.0550780785795159E-2</c:v>
                </c:pt>
                <c:pt idx="264">
                  <c:v>9.0150787712432474E-3</c:v>
                </c:pt>
                <c:pt idx="265">
                  <c:v>8.2386319472596749E-3</c:v>
                </c:pt>
                <c:pt idx="266">
                  <c:v>7.8349417604497828E-3</c:v>
                </c:pt>
                <c:pt idx="267">
                  <c:v>7.0199267926190009E-3</c:v>
                </c:pt>
                <c:pt idx="268">
                  <c:v>5.9862144819339824E-3</c:v>
                </c:pt>
                <c:pt idx="269">
                  <c:v>5.5705392911538408E-3</c:v>
                </c:pt>
                <c:pt idx="270">
                  <c:v>5.3239023520541854E-3</c:v>
                </c:pt>
                <c:pt idx="271">
                  <c:v>4.9687307915822184E-3</c:v>
                </c:pt>
                <c:pt idx="272">
                  <c:v>5.329685280807411E-3</c:v>
                </c:pt>
                <c:pt idx="273">
                  <c:v>5.9528921489977451E-3</c:v>
                </c:pt>
                <c:pt idx="274">
                  <c:v>6.8898724521305275E-3</c:v>
                </c:pt>
                <c:pt idx="275">
                  <c:v>7.6000715764465198E-3</c:v>
                </c:pt>
                <c:pt idx="276">
                  <c:v>8.2500532760190187E-3</c:v>
                </c:pt>
                <c:pt idx="277">
                  <c:v>9.1958302595317037E-3</c:v>
                </c:pt>
                <c:pt idx="278">
                  <c:v>1.0397355300274042E-2</c:v>
                </c:pt>
                <c:pt idx="279">
                  <c:v>1.1421606097167671E-2</c:v>
                </c:pt>
                <c:pt idx="280">
                  <c:v>1.1998151023517919E-2</c:v>
                </c:pt>
                <c:pt idx="281">
                  <c:v>1.2129327226478767E-2</c:v>
                </c:pt>
                <c:pt idx="282">
                  <c:v>1.2519177106051644E-2</c:v>
                </c:pt>
                <c:pt idx="283">
                  <c:v>1.2809003198952939E-2</c:v>
                </c:pt>
                <c:pt idx="284">
                  <c:v>1.2525640152490044E-2</c:v>
                </c:pt>
                <c:pt idx="285">
                  <c:v>1.200118038378202E-2</c:v>
                </c:pt>
                <c:pt idx="286">
                  <c:v>1.1477625338919566E-2</c:v>
                </c:pt>
                <c:pt idx="287">
                  <c:v>1.128352313651336E-2</c:v>
                </c:pt>
                <c:pt idx="288">
                  <c:v>1.0815845660558964E-2</c:v>
                </c:pt>
                <c:pt idx="289">
                  <c:v>1.0250619765800533E-2</c:v>
                </c:pt>
                <c:pt idx="290">
                  <c:v>9.2683528511014069E-3</c:v>
                </c:pt>
                <c:pt idx="291">
                  <c:v>8.937727108464846E-3</c:v>
                </c:pt>
                <c:pt idx="292">
                  <c:v>8.8943962216718984E-3</c:v>
                </c:pt>
                <c:pt idx="293">
                  <c:v>8.5966125790824469E-3</c:v>
                </c:pt>
                <c:pt idx="294">
                  <c:v>7.8686262399348689E-3</c:v>
                </c:pt>
                <c:pt idx="295">
                  <c:v>7.6528725076725661E-3</c:v>
                </c:pt>
                <c:pt idx="296">
                  <c:v>7.7907120052385518E-3</c:v>
                </c:pt>
                <c:pt idx="297">
                  <c:v>7.5793506000302263E-3</c:v>
                </c:pt>
                <c:pt idx="298">
                  <c:v>7.9139772661191606E-3</c:v>
                </c:pt>
                <c:pt idx="299">
                  <c:v>8.1432077169126607E-3</c:v>
                </c:pt>
                <c:pt idx="300">
                  <c:v>8.1321642431067438E-3</c:v>
                </c:pt>
                <c:pt idx="301">
                  <c:v>8.4629568725512125E-3</c:v>
                </c:pt>
                <c:pt idx="302">
                  <c:v>8.9373891292201732E-3</c:v>
                </c:pt>
                <c:pt idx="303">
                  <c:v>9.1994825480436575E-3</c:v>
                </c:pt>
                <c:pt idx="304">
                  <c:v>9.3472414010514308E-3</c:v>
                </c:pt>
                <c:pt idx="305">
                  <c:v>9.8329852858958771E-3</c:v>
                </c:pt>
                <c:pt idx="306">
                  <c:v>1.0542001165489133E-2</c:v>
                </c:pt>
                <c:pt idx="307">
                  <c:v>1.0633928544097348E-2</c:v>
                </c:pt>
                <c:pt idx="308">
                  <c:v>1.0380609010319111E-2</c:v>
                </c:pt>
                <c:pt idx="309">
                  <c:v>1.015002351834772E-2</c:v>
                </c:pt>
                <c:pt idx="310">
                  <c:v>1.0101346402782594E-2</c:v>
                </c:pt>
                <c:pt idx="311">
                  <c:v>9.6366540259014456E-3</c:v>
                </c:pt>
                <c:pt idx="312">
                  <c:v>8.7666623273063415E-3</c:v>
                </c:pt>
                <c:pt idx="313">
                  <c:v>8.8039044688191619E-3</c:v>
                </c:pt>
                <c:pt idx="314">
                  <c:v>8.9489376192470379E-3</c:v>
                </c:pt>
                <c:pt idx="315">
                  <c:v>8.6160696718869494E-3</c:v>
                </c:pt>
                <c:pt idx="316">
                  <c:v>7.9963601081357236E-3</c:v>
                </c:pt>
                <c:pt idx="317">
                  <c:v>7.5443781308449989E-3</c:v>
                </c:pt>
                <c:pt idx="318">
                  <c:v>8.0398273206163384E-3</c:v>
                </c:pt>
                <c:pt idx="319">
                  <c:v>8.5117594155355927E-3</c:v>
                </c:pt>
                <c:pt idx="320">
                  <c:v>8.6818004749677578E-3</c:v>
                </c:pt>
                <c:pt idx="321">
                  <c:v>8.7336888500172266E-3</c:v>
                </c:pt>
                <c:pt idx="322">
                  <c:v>8.7432793423662964E-3</c:v>
                </c:pt>
                <c:pt idx="323">
                  <c:v>8.845424880464095E-3</c:v>
                </c:pt>
                <c:pt idx="324">
                  <c:v>8.5489086226737572E-3</c:v>
                </c:pt>
                <c:pt idx="325">
                  <c:v>8.7273200493797661E-3</c:v>
                </c:pt>
                <c:pt idx="326">
                  <c:v>8.6788136581522762E-3</c:v>
                </c:pt>
                <c:pt idx="327">
                  <c:v>8.7736907434131511E-3</c:v>
                </c:pt>
                <c:pt idx="328">
                  <c:v>8.6308151514334092E-3</c:v>
                </c:pt>
                <c:pt idx="329">
                  <c:v>8.3900425523627947E-3</c:v>
                </c:pt>
                <c:pt idx="330">
                  <c:v>8.5504266818242792E-3</c:v>
                </c:pt>
                <c:pt idx="331">
                  <c:v>8.6642130320554473E-3</c:v>
                </c:pt>
                <c:pt idx="332">
                  <c:v>8.3835034889887822E-3</c:v>
                </c:pt>
                <c:pt idx="333">
                  <c:v>7.8807873740150847E-3</c:v>
                </c:pt>
                <c:pt idx="334">
                  <c:v>7.91706260506112E-3</c:v>
                </c:pt>
                <c:pt idx="335">
                  <c:v>7.8913739434180886E-3</c:v>
                </c:pt>
                <c:pt idx="336">
                  <c:v>7.7622599375335678E-3</c:v>
                </c:pt>
                <c:pt idx="337">
                  <c:v>7.7691650771513094E-3</c:v>
                </c:pt>
                <c:pt idx="338">
                  <c:v>7.7781884788265506E-3</c:v>
                </c:pt>
                <c:pt idx="339">
                  <c:v>7.9264237994928505E-3</c:v>
                </c:pt>
                <c:pt idx="340">
                  <c:v>7.9761337933989106E-3</c:v>
                </c:pt>
                <c:pt idx="341">
                  <c:v>8.3233788195145719E-3</c:v>
                </c:pt>
                <c:pt idx="342">
                  <c:v>8.1656796469915492E-3</c:v>
                </c:pt>
                <c:pt idx="343">
                  <c:v>8.187804416101176E-3</c:v>
                </c:pt>
                <c:pt idx="344">
                  <c:v>8.4835836490886728E-3</c:v>
                </c:pt>
                <c:pt idx="345">
                  <c:v>9.0396825584759758E-3</c:v>
                </c:pt>
                <c:pt idx="346">
                  <c:v>9.0544465853285207E-3</c:v>
                </c:pt>
                <c:pt idx="347">
                  <c:v>9.4454623303481099E-3</c:v>
                </c:pt>
                <c:pt idx="348">
                  <c:v>9.5322521402018655E-3</c:v>
                </c:pt>
                <c:pt idx="349">
                  <c:v>1.0040617619775269E-2</c:v>
                </c:pt>
                <c:pt idx="350">
                  <c:v>9.9992243643204602E-3</c:v>
                </c:pt>
                <c:pt idx="351">
                  <c:v>9.8645787005094653E-3</c:v>
                </c:pt>
                <c:pt idx="352">
                  <c:v>9.6263086221548885E-3</c:v>
                </c:pt>
                <c:pt idx="353">
                  <c:v>9.2898029291401014E-3</c:v>
                </c:pt>
                <c:pt idx="354">
                  <c:v>8.5885931399061685E-3</c:v>
                </c:pt>
                <c:pt idx="355">
                  <c:v>7.6579406579539988E-3</c:v>
                </c:pt>
                <c:pt idx="356">
                  <c:v>6.5132636620782646E-3</c:v>
                </c:pt>
                <c:pt idx="357">
                  <c:v>6.1305946219906227E-3</c:v>
                </c:pt>
                <c:pt idx="358">
                  <c:v>6.3224071469721085E-3</c:v>
                </c:pt>
                <c:pt idx="359">
                  <c:v>6.3716016413665668E-3</c:v>
                </c:pt>
                <c:pt idx="360">
                  <c:v>6.0070607484104055E-3</c:v>
                </c:pt>
                <c:pt idx="361">
                  <c:v>5.9442937106003171E-3</c:v>
                </c:pt>
                <c:pt idx="362">
                  <c:v>6.1233846837557872E-3</c:v>
                </c:pt>
                <c:pt idx="363">
                  <c:v>6.1644315309235011E-3</c:v>
                </c:pt>
                <c:pt idx="364">
                  <c:v>5.7387209405471663E-3</c:v>
                </c:pt>
                <c:pt idx="365">
                  <c:v>5.6226367399167124E-3</c:v>
                </c:pt>
                <c:pt idx="366">
                  <c:v>5.641075612064117E-3</c:v>
                </c:pt>
                <c:pt idx="367">
                  <c:v>5.8820616739622515E-3</c:v>
                </c:pt>
                <c:pt idx="368">
                  <c:v>5.8031991168738511E-3</c:v>
                </c:pt>
                <c:pt idx="369">
                  <c:v>5.7318836438377332E-3</c:v>
                </c:pt>
                <c:pt idx="370">
                  <c:v>5.8856257991935093E-3</c:v>
                </c:pt>
                <c:pt idx="371">
                  <c:v>6.1792239041969709E-3</c:v>
                </c:pt>
                <c:pt idx="372">
                  <c:v>6.4990059579314854E-3</c:v>
                </c:pt>
                <c:pt idx="373">
                  <c:v>6.5742204303316102E-3</c:v>
                </c:pt>
                <c:pt idx="374">
                  <c:v>6.6444043972338765E-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956-4CFF-A2DC-BF04F94DA6C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12156592"/>
        <c:axId val="1012155608"/>
      </c:scatterChart>
      <c:valAx>
        <c:axId val="1012156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5608"/>
        <c:crosses val="autoZero"/>
        <c:crossBetween val="midCat"/>
      </c:valAx>
      <c:valAx>
        <c:axId val="10121556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659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7.1204944626358818E-2"/>
                  <c:y val="-0.1589698472602957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15s(10)'!$D$2:$D$2631</c:f>
              <c:numCache>
                <c:formatCode>General</c:formatCode>
                <c:ptCount val="2630"/>
                <c:pt idx="0">
                  <c:v>0</c:v>
                </c:pt>
                <c:pt idx="1">
                  <c:v>5.0039999999995644E-3</c:v>
                </c:pt>
                <c:pt idx="2">
                  <c:v>1.0009000000000157E-2</c:v>
                </c:pt>
                <c:pt idx="3">
                  <c:v>1.5013999999998973E-2</c:v>
                </c:pt>
                <c:pt idx="4">
                  <c:v>2.0018999999999565E-2</c:v>
                </c:pt>
                <c:pt idx="5">
                  <c:v>2.5024000000000157E-2</c:v>
                </c:pt>
                <c:pt idx="6">
                  <c:v>3.0027999999999722E-2</c:v>
                </c:pt>
                <c:pt idx="7">
                  <c:v>3.5033000000000314E-2</c:v>
                </c:pt>
                <c:pt idx="8">
                  <c:v>4.003799999999913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1999999999879E-2</c:v>
                </c:pt>
                <c:pt idx="12">
                  <c:v>6.0056999999998695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1999999998695E-2</c:v>
                </c:pt>
                <c:pt idx="16">
                  <c:v>8.0076000000000036E-2</c:v>
                </c:pt>
                <c:pt idx="17">
                  <c:v>8.5080999999998852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885</c:v>
                </c:pt>
                <c:pt idx="21">
                  <c:v>0.10510000000000019</c:v>
                </c:pt>
                <c:pt idx="22">
                  <c:v>0.11010499999999901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1999999999901</c:v>
                </c:pt>
                <c:pt idx="26">
                  <c:v>0.13012400000000035</c:v>
                </c:pt>
                <c:pt idx="27">
                  <c:v>0.13512899999999917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399999999917</c:v>
                </c:pt>
                <c:pt idx="31">
                  <c:v>0.15514799999999873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299999999873</c:v>
                </c:pt>
                <c:pt idx="35">
                  <c:v>0.17516799999999932</c:v>
                </c:pt>
                <c:pt idx="36">
                  <c:v>0.18017199999999889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699999999889</c:v>
                </c:pt>
                <c:pt idx="40">
                  <c:v>0.20019199999999948</c:v>
                </c:pt>
                <c:pt idx="41">
                  <c:v>0.20519599999999905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099999999905</c:v>
                </c:pt>
                <c:pt idx="45">
                  <c:v>0.22521599999999964</c:v>
                </c:pt>
                <c:pt idx="46">
                  <c:v>0.2302199999999992</c:v>
                </c:pt>
                <c:pt idx="47">
                  <c:v>0.2352249999999998</c:v>
                </c:pt>
                <c:pt idx="48">
                  <c:v>0.24022999999999861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399999999936</c:v>
                </c:pt>
                <c:pt idx="52">
                  <c:v>0.26024899999999995</c:v>
                </c:pt>
                <c:pt idx="53">
                  <c:v>0.26525399999999877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799999999952</c:v>
                </c:pt>
                <c:pt idx="57">
                  <c:v>0.28527300000000011</c:v>
                </c:pt>
                <c:pt idx="58">
                  <c:v>0.29027799999999893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700000000027</c:v>
                </c:pt>
                <c:pt idx="63">
                  <c:v>0.31530199999999908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599999999983</c:v>
                </c:pt>
                <c:pt idx="67">
                  <c:v>0.33532099999999865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599999999865</c:v>
                </c:pt>
                <c:pt idx="71">
                  <c:v>0.35533999999999999</c:v>
                </c:pt>
                <c:pt idx="72">
                  <c:v>0.36034499999999881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5999999999881</c:v>
                </c:pt>
                <c:pt idx="76">
                  <c:v>0.38036400000000015</c:v>
                </c:pt>
                <c:pt idx="77">
                  <c:v>0.38536899999999896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399999999896</c:v>
                </c:pt>
                <c:pt idx="81">
                  <c:v>0.4053880000000003</c:v>
                </c:pt>
                <c:pt idx="82">
                  <c:v>0.41039299999999912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799999999912</c:v>
                </c:pt>
                <c:pt idx="86">
                  <c:v>0.43041199999999868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699999999869</c:v>
                </c:pt>
                <c:pt idx="90">
                  <c:v>0.45043199999999928</c:v>
                </c:pt>
                <c:pt idx="91">
                  <c:v>0.45543599999999884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099999999884</c:v>
                </c:pt>
                <c:pt idx="95">
                  <c:v>0.47545599999999943</c:v>
                </c:pt>
                <c:pt idx="96">
                  <c:v>0.480459999999999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4999999999</c:v>
                </c:pt>
                <c:pt idx="100">
                  <c:v>0.50047999999999959</c:v>
                </c:pt>
                <c:pt idx="101">
                  <c:v>0.50548399999999916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899999999916</c:v>
                </c:pt>
                <c:pt idx="105">
                  <c:v>0.52550399999999975</c:v>
                </c:pt>
                <c:pt idx="106">
                  <c:v>0.53050799999999931</c:v>
                </c:pt>
                <c:pt idx="107">
                  <c:v>0.53551299999999991</c:v>
                </c:pt>
                <c:pt idx="108">
                  <c:v>0.54051799999999872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199999999947</c:v>
                </c:pt>
                <c:pt idx="112">
                  <c:v>0.56053700000000006</c:v>
                </c:pt>
                <c:pt idx="113">
                  <c:v>0.56554199999999888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599999999963</c:v>
                </c:pt>
                <c:pt idx="117">
                  <c:v>0.58556100000000022</c:v>
                </c:pt>
                <c:pt idx="118">
                  <c:v>0.59056599999999904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7999999999979</c:v>
                </c:pt>
                <c:pt idx="122">
                  <c:v>0.6105849999999986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5999999999986</c:v>
                </c:pt>
                <c:pt idx="126">
                  <c:v>0.63060399999999994</c:v>
                </c:pt>
                <c:pt idx="127">
                  <c:v>0.63560899999999876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399999999876</c:v>
                </c:pt>
                <c:pt idx="131">
                  <c:v>0.6556280000000001</c:v>
                </c:pt>
                <c:pt idx="132">
                  <c:v>0.66063299999999892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799999999892</c:v>
                </c:pt>
                <c:pt idx="136">
                  <c:v>0.68065200000000026</c:v>
                </c:pt>
                <c:pt idx="137">
                  <c:v>0.68565699999999907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199999999907</c:v>
                </c:pt>
                <c:pt idx="141">
                  <c:v>0.70567599999999864</c:v>
                </c:pt>
                <c:pt idx="142">
                  <c:v>0.71068099999999923</c:v>
                </c:pt>
                <c:pt idx="143">
                  <c:v>0.71568599999999982</c:v>
                </c:pt>
                <c:pt idx="144">
                  <c:v>0.72069099999999864</c:v>
                </c:pt>
                <c:pt idx="145">
                  <c:v>0.72569599999999923</c:v>
                </c:pt>
                <c:pt idx="146">
                  <c:v>0.73069999999999879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49999999988</c:v>
                </c:pt>
                <c:pt idx="150">
                  <c:v>0.75071999999999939</c:v>
                </c:pt>
                <c:pt idx="151">
                  <c:v>0.75572399999999895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899999999895</c:v>
                </c:pt>
                <c:pt idx="155">
                  <c:v>0.77574399999999955</c:v>
                </c:pt>
                <c:pt idx="156">
                  <c:v>0.78074799999999911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299999999911</c:v>
                </c:pt>
                <c:pt idx="160">
                  <c:v>0.8007679999999997</c:v>
                </c:pt>
                <c:pt idx="161">
                  <c:v>0.80577199999999927</c:v>
                </c:pt>
                <c:pt idx="162">
                  <c:v>0.81077699999999986</c:v>
                </c:pt>
                <c:pt idx="163">
                  <c:v>0.81578199999999867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599999999942</c:v>
                </c:pt>
                <c:pt idx="167">
                  <c:v>0.83580100000000002</c:v>
                </c:pt>
                <c:pt idx="168">
                  <c:v>0.84080599999999883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1999999999958</c:v>
                </c:pt>
                <c:pt idx="172">
                  <c:v>0.86082500000000017</c:v>
                </c:pt>
                <c:pt idx="173">
                  <c:v>0.86582999999999899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399999999974</c:v>
                </c:pt>
                <c:pt idx="177">
                  <c:v>0.88584900000000033</c:v>
                </c:pt>
                <c:pt idx="178">
                  <c:v>0.89085399999999915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79999999999</c:v>
                </c:pt>
                <c:pt idx="182">
                  <c:v>0.91087299999999871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799999999871</c:v>
                </c:pt>
                <c:pt idx="186">
                  <c:v>0.93089200000000005</c:v>
                </c:pt>
                <c:pt idx="187">
                  <c:v>0.93589699999999887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887</c:v>
                </c:pt>
                <c:pt idx="191">
                  <c:v>0.95591600000000021</c:v>
                </c:pt>
                <c:pt idx="192">
                  <c:v>0.96092099999999903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599999999903</c:v>
                </c:pt>
                <c:pt idx="196">
                  <c:v>0.98094000000000037</c:v>
                </c:pt>
                <c:pt idx="197">
                  <c:v>0.98594499999999918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599999999992</c:v>
                </c:pt>
                <c:pt idx="201">
                  <c:v>1.0059639999999987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89999999987</c:v>
                </c:pt>
                <c:pt idx="205">
                  <c:v>1.0259839999999993</c:v>
                </c:pt>
                <c:pt idx="206">
                  <c:v>1.030987999999998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29999999989</c:v>
                </c:pt>
                <c:pt idx="210">
                  <c:v>1.0510079999999995</c:v>
                </c:pt>
                <c:pt idx="211">
                  <c:v>1.056011999999999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69999999991</c:v>
                </c:pt>
                <c:pt idx="215">
                  <c:v>1.0760319999999997</c:v>
                </c:pt>
                <c:pt idx="216">
                  <c:v>1.0810359999999992</c:v>
                </c:pt>
                <c:pt idx="217">
                  <c:v>1.0860409999999998</c:v>
                </c:pt>
                <c:pt idx="218">
                  <c:v>1.0910459999999986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599999999994</c:v>
                </c:pt>
                <c:pt idx="222">
                  <c:v>1.111065</c:v>
                </c:pt>
                <c:pt idx="223">
                  <c:v>1.1160699999999988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39999999995</c:v>
                </c:pt>
                <c:pt idx="227">
                  <c:v>1.1360890000000001</c:v>
                </c:pt>
                <c:pt idx="228">
                  <c:v>1.1410939999999989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30000000003</c:v>
                </c:pt>
                <c:pt idx="233">
                  <c:v>1.1661179999999991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19999999998</c:v>
                </c:pt>
                <c:pt idx="237">
                  <c:v>1.1861369999999987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19999999987</c:v>
                </c:pt>
                <c:pt idx="241">
                  <c:v>1.206156</c:v>
                </c:pt>
                <c:pt idx="242">
                  <c:v>1.2111609999999988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59999999988</c:v>
                </c:pt>
                <c:pt idx="246">
                  <c:v>1.2311800000000002</c:v>
                </c:pt>
                <c:pt idx="247">
                  <c:v>1.236184999999999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199999999999</c:v>
                </c:pt>
                <c:pt idx="251">
                  <c:v>1.2562040000000003</c:v>
                </c:pt>
                <c:pt idx="252">
                  <c:v>1.2612089999999991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39999999991</c:v>
                </c:pt>
                <c:pt idx="256">
                  <c:v>1.2812279999999987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29999999987</c:v>
                </c:pt>
                <c:pt idx="260">
                  <c:v>1.3012479999999993</c:v>
                </c:pt>
                <c:pt idx="261">
                  <c:v>1.306251999999998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69999999989</c:v>
                </c:pt>
                <c:pt idx="265">
                  <c:v>1.3262719999999995</c:v>
                </c:pt>
                <c:pt idx="266">
                  <c:v>1.331275999999999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0999999999</c:v>
                </c:pt>
                <c:pt idx="270">
                  <c:v>1.3512959999999996</c:v>
                </c:pt>
                <c:pt idx="271">
                  <c:v>1.356299999999999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49999999992</c:v>
                </c:pt>
                <c:pt idx="275">
                  <c:v>1.3763199999999998</c:v>
                </c:pt>
                <c:pt idx="276">
                  <c:v>1.3813239999999993</c:v>
                </c:pt>
                <c:pt idx="277">
                  <c:v>1.3863289999999999</c:v>
                </c:pt>
                <c:pt idx="278">
                  <c:v>1.3913339999999987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79999999995</c:v>
                </c:pt>
                <c:pt idx="282">
                  <c:v>1.4113530000000001</c:v>
                </c:pt>
                <c:pt idx="283">
                  <c:v>1.4163579999999989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70000000002</c:v>
                </c:pt>
                <c:pt idx="288">
                  <c:v>1.4413819999999991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59999999998</c:v>
                </c:pt>
                <c:pt idx="292">
                  <c:v>1.4614009999999986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59999999986</c:v>
                </c:pt>
                <c:pt idx="296">
                  <c:v>1.48142</c:v>
                </c:pt>
                <c:pt idx="297">
                  <c:v>1.4864249999999988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399999999988</c:v>
                </c:pt>
                <c:pt idx="301">
                  <c:v>1.5064440000000001</c:v>
                </c:pt>
                <c:pt idx="302">
                  <c:v>1.5114489999999989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39999999989</c:v>
                </c:pt>
                <c:pt idx="306">
                  <c:v>1.5314680000000003</c:v>
                </c:pt>
                <c:pt idx="307">
                  <c:v>1.5364729999999991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79999999991</c:v>
                </c:pt>
                <c:pt idx="311">
                  <c:v>1.5564919999999987</c:v>
                </c:pt>
                <c:pt idx="312">
                  <c:v>1.5614969999999992</c:v>
                </c:pt>
                <c:pt idx="313">
                  <c:v>1.5665019999999998</c:v>
                </c:pt>
                <c:pt idx="314">
                  <c:v>1.5715069999999987</c:v>
                </c:pt>
                <c:pt idx="315">
                  <c:v>1.5765119999999992</c:v>
                </c:pt>
                <c:pt idx="316">
                  <c:v>1.5815159999999988</c:v>
                </c:pt>
                <c:pt idx="317">
                  <c:v>1.5865209999999994</c:v>
                </c:pt>
                <c:pt idx="318">
                  <c:v>1.591526</c:v>
                </c:pt>
                <c:pt idx="319">
                  <c:v>1.5965309999999988</c:v>
                </c:pt>
                <c:pt idx="320">
                  <c:v>1.6015359999999994</c:v>
                </c:pt>
                <c:pt idx="321">
                  <c:v>1.606539999999999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4999999999</c:v>
                </c:pt>
                <c:pt idx="325">
                  <c:v>1.6265599999999996</c:v>
                </c:pt>
                <c:pt idx="326">
                  <c:v>1.6315639999999991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89999999991</c:v>
                </c:pt>
                <c:pt idx="330">
                  <c:v>1.6515839999999997</c:v>
                </c:pt>
                <c:pt idx="331">
                  <c:v>1.6565879999999993</c:v>
                </c:pt>
                <c:pt idx="332">
                  <c:v>1.6615929999999999</c:v>
                </c:pt>
                <c:pt idx="333">
                  <c:v>1.6665979999999987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19999999994</c:v>
                </c:pt>
                <c:pt idx="337">
                  <c:v>1.686617</c:v>
                </c:pt>
                <c:pt idx="338">
                  <c:v>1.6916219999999988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59999999996</c:v>
                </c:pt>
                <c:pt idx="342">
                  <c:v>1.7116410000000002</c:v>
                </c:pt>
                <c:pt idx="343">
                  <c:v>1.716645999999999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599999999998</c:v>
                </c:pt>
                <c:pt idx="347">
                  <c:v>1.7366650000000003</c:v>
                </c:pt>
                <c:pt idx="348">
                  <c:v>1.741669999999999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39999999999</c:v>
                </c:pt>
                <c:pt idx="352">
                  <c:v>1.7616889999999987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39999999987</c:v>
                </c:pt>
                <c:pt idx="356">
                  <c:v>1.7817080000000001</c:v>
                </c:pt>
                <c:pt idx="357">
                  <c:v>1.7867129999999989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79999999989</c:v>
                </c:pt>
                <c:pt idx="361">
                  <c:v>1.8067320000000002</c:v>
                </c:pt>
                <c:pt idx="362">
                  <c:v>1.811736999999999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1999999999</c:v>
                </c:pt>
                <c:pt idx="366">
                  <c:v>1.8317559999999986</c:v>
                </c:pt>
                <c:pt idx="367">
                  <c:v>1.8367609999999992</c:v>
                </c:pt>
                <c:pt idx="368">
                  <c:v>1.8417659999999998</c:v>
                </c:pt>
                <c:pt idx="369">
                  <c:v>1.8467709999999986</c:v>
                </c:pt>
                <c:pt idx="370">
                  <c:v>1.8517759999999992</c:v>
                </c:pt>
                <c:pt idx="371">
                  <c:v>1.8567799999999988</c:v>
                </c:pt>
              </c:numCache>
            </c:numRef>
          </c:xVal>
          <c:yVal>
            <c:numRef>
              <c:f>'Mono-1200-15s(10)'!$E$2:$E$2631</c:f>
              <c:numCache>
                <c:formatCode>General</c:formatCode>
                <c:ptCount val="2630"/>
                <c:pt idx="0">
                  <c:v>0</c:v>
                </c:pt>
                <c:pt idx="1">
                  <c:v>0.68708300000002964</c:v>
                </c:pt>
                <c:pt idx="2">
                  <c:v>1.0370659999999816</c:v>
                </c:pt>
                <c:pt idx="3">
                  <c:v>0.96523899999999685</c:v>
                </c:pt>
                <c:pt idx="4">
                  <c:v>0.98489200000005894</c:v>
                </c:pt>
                <c:pt idx="5">
                  <c:v>0.83488699999998062</c:v>
                </c:pt>
                <c:pt idx="6">
                  <c:v>0.74068299999998999</c:v>
                </c:pt>
                <c:pt idx="7">
                  <c:v>1.0551120000000083</c:v>
                </c:pt>
                <c:pt idx="8">
                  <c:v>1.1314489999999751</c:v>
                </c:pt>
                <c:pt idx="9">
                  <c:v>1.0950199999999768</c:v>
                </c:pt>
                <c:pt idx="10">
                  <c:v>0.96462700000006407</c:v>
                </c:pt>
                <c:pt idx="11">
                  <c:v>1.2755690000000186</c:v>
                </c:pt>
                <c:pt idx="12">
                  <c:v>1.5318700000000263</c:v>
                </c:pt>
                <c:pt idx="13">
                  <c:v>1.7121590000000424</c:v>
                </c:pt>
                <c:pt idx="14">
                  <c:v>2.0427960000000667</c:v>
                </c:pt>
                <c:pt idx="15">
                  <c:v>2.454731000000038</c:v>
                </c:pt>
                <c:pt idx="16">
                  <c:v>3.1081440000000384</c:v>
                </c:pt>
                <c:pt idx="17">
                  <c:v>3.2684120000000121</c:v>
                </c:pt>
                <c:pt idx="18">
                  <c:v>3.0578970000000254</c:v>
                </c:pt>
                <c:pt idx="19">
                  <c:v>2.7733769999999822</c:v>
                </c:pt>
                <c:pt idx="20">
                  <c:v>2.6450650000000451</c:v>
                </c:pt>
                <c:pt idx="21">
                  <c:v>2.7396150000000716</c:v>
                </c:pt>
                <c:pt idx="22">
                  <c:v>2.705016999999998</c:v>
                </c:pt>
                <c:pt idx="23">
                  <c:v>2.8422709999999825</c:v>
                </c:pt>
                <c:pt idx="24">
                  <c:v>2.8350590000000011</c:v>
                </c:pt>
                <c:pt idx="25">
                  <c:v>2.7541360000000168</c:v>
                </c:pt>
                <c:pt idx="26">
                  <c:v>2.7482830000000149</c:v>
                </c:pt>
                <c:pt idx="27">
                  <c:v>2.7688450000000557</c:v>
                </c:pt>
                <c:pt idx="28">
                  <c:v>2.6200959999999895</c:v>
                </c:pt>
                <c:pt idx="29">
                  <c:v>2.7132320000000618</c:v>
                </c:pt>
                <c:pt idx="30">
                  <c:v>2.5548999999999751</c:v>
                </c:pt>
                <c:pt idx="31">
                  <c:v>2.4692890000000034</c:v>
                </c:pt>
                <c:pt idx="32">
                  <c:v>2.9602120000000696</c:v>
                </c:pt>
                <c:pt idx="33">
                  <c:v>3.1571760000000495</c:v>
                </c:pt>
                <c:pt idx="34">
                  <c:v>3.1888820000000351</c:v>
                </c:pt>
                <c:pt idx="35">
                  <c:v>2.8707000000000562</c:v>
                </c:pt>
                <c:pt idx="36">
                  <c:v>2.6708660000000464</c:v>
                </c:pt>
                <c:pt idx="37">
                  <c:v>3.2720910000000458</c:v>
                </c:pt>
                <c:pt idx="38">
                  <c:v>3.6870810000000347</c:v>
                </c:pt>
                <c:pt idx="39">
                  <c:v>3.826797000000056</c:v>
                </c:pt>
                <c:pt idx="40">
                  <c:v>3.8096259999999802</c:v>
                </c:pt>
                <c:pt idx="41">
                  <c:v>3.9881530000000112</c:v>
                </c:pt>
                <c:pt idx="42">
                  <c:v>4.2455459999999903</c:v>
                </c:pt>
                <c:pt idx="43">
                  <c:v>4.1863859999999704</c:v>
                </c:pt>
                <c:pt idx="44">
                  <c:v>4.2750770000000102</c:v>
                </c:pt>
                <c:pt idx="45">
                  <c:v>4.6795590000000402</c:v>
                </c:pt>
                <c:pt idx="46">
                  <c:v>5.3367700000000013</c:v>
                </c:pt>
                <c:pt idx="47">
                  <c:v>5.7108600000000251</c:v>
                </c:pt>
                <c:pt idx="48">
                  <c:v>5.4116750000000593</c:v>
                </c:pt>
                <c:pt idx="49">
                  <c:v>5.480474000000072</c:v>
                </c:pt>
                <c:pt idx="50">
                  <c:v>5.9224040000000286</c:v>
                </c:pt>
                <c:pt idx="51">
                  <c:v>6.0547470000000203</c:v>
                </c:pt>
                <c:pt idx="52">
                  <c:v>5.7040359999999737</c:v>
                </c:pt>
                <c:pt idx="53">
                  <c:v>5.1049160000000029</c:v>
                </c:pt>
                <c:pt idx="54">
                  <c:v>4.7213150000000041</c:v>
                </c:pt>
                <c:pt idx="55">
                  <c:v>4.8315969999999879</c:v>
                </c:pt>
                <c:pt idx="56">
                  <c:v>4.4754639999999881</c:v>
                </c:pt>
                <c:pt idx="57">
                  <c:v>3.6457840000000488</c:v>
                </c:pt>
                <c:pt idx="58">
                  <c:v>2.9948190000000068</c:v>
                </c:pt>
                <c:pt idx="59">
                  <c:v>2.650209000000018</c:v>
                </c:pt>
                <c:pt idx="60">
                  <c:v>2.5775650000000496</c:v>
                </c:pt>
                <c:pt idx="61">
                  <c:v>2.3772139999999808</c:v>
                </c:pt>
                <c:pt idx="62">
                  <c:v>2.2126030000000583</c:v>
                </c:pt>
                <c:pt idx="63">
                  <c:v>2.3282570000000078</c:v>
                </c:pt>
                <c:pt idx="64">
                  <c:v>2.5351560000000291</c:v>
                </c:pt>
                <c:pt idx="65">
                  <c:v>2.1020540000000665</c:v>
                </c:pt>
                <c:pt idx="66">
                  <c:v>1.9989259999999831</c:v>
                </c:pt>
                <c:pt idx="67">
                  <c:v>2.1486909999999853</c:v>
                </c:pt>
                <c:pt idx="68">
                  <c:v>2.1526700000000574</c:v>
                </c:pt>
                <c:pt idx="69">
                  <c:v>2.2800409999999829</c:v>
                </c:pt>
                <c:pt idx="70">
                  <c:v>2.5402669999999716</c:v>
                </c:pt>
                <c:pt idx="71">
                  <c:v>2.9363100000000486</c:v>
                </c:pt>
                <c:pt idx="72">
                  <c:v>3.7042850000000271</c:v>
                </c:pt>
                <c:pt idx="73">
                  <c:v>4.078977000000009</c:v>
                </c:pt>
                <c:pt idx="74">
                  <c:v>4.2839670000000751</c:v>
                </c:pt>
                <c:pt idx="75">
                  <c:v>4.7703680000000759</c:v>
                </c:pt>
                <c:pt idx="76">
                  <c:v>5.2443530000000464</c:v>
                </c:pt>
                <c:pt idx="77">
                  <c:v>5.3755409999999983</c:v>
                </c:pt>
                <c:pt idx="78">
                  <c:v>5.2957870000000185</c:v>
                </c:pt>
                <c:pt idx="79">
                  <c:v>5.2290440000000444</c:v>
                </c:pt>
                <c:pt idx="80">
                  <c:v>5.6221219999999903</c:v>
                </c:pt>
                <c:pt idx="81">
                  <c:v>6.135921000000053</c:v>
                </c:pt>
                <c:pt idx="82">
                  <c:v>6.1747500000000173</c:v>
                </c:pt>
                <c:pt idx="83">
                  <c:v>5.9942409999999882</c:v>
                </c:pt>
                <c:pt idx="84">
                  <c:v>6.0267860000000155</c:v>
                </c:pt>
                <c:pt idx="85">
                  <c:v>6.4337860000000546</c:v>
                </c:pt>
                <c:pt idx="86">
                  <c:v>6.3360890000000154</c:v>
                </c:pt>
                <c:pt idx="87">
                  <c:v>5.6570760000000746</c:v>
                </c:pt>
                <c:pt idx="88">
                  <c:v>5.1820480000000089</c:v>
                </c:pt>
                <c:pt idx="89">
                  <c:v>5.0423399999999674</c:v>
                </c:pt>
                <c:pt idx="90">
                  <c:v>4.4340889999999717</c:v>
                </c:pt>
                <c:pt idx="91">
                  <c:v>3.9512230000000272</c:v>
                </c:pt>
                <c:pt idx="92">
                  <c:v>3.8155100000000175</c:v>
                </c:pt>
                <c:pt idx="93">
                  <c:v>4.1546930000000657</c:v>
                </c:pt>
                <c:pt idx="94">
                  <c:v>4.5452649999999721</c:v>
                </c:pt>
                <c:pt idx="95">
                  <c:v>4.9267130000000634</c:v>
                </c:pt>
                <c:pt idx="96">
                  <c:v>5.1342130000000452</c:v>
                </c:pt>
                <c:pt idx="97">
                  <c:v>5.165251000000012</c:v>
                </c:pt>
                <c:pt idx="98">
                  <c:v>5.4441930000000411</c:v>
                </c:pt>
                <c:pt idx="99">
                  <c:v>5.6971859999999879</c:v>
                </c:pt>
                <c:pt idx="100">
                  <c:v>6.1695019999999658</c:v>
                </c:pt>
                <c:pt idx="101">
                  <c:v>6.2899710000000368</c:v>
                </c:pt>
                <c:pt idx="102">
                  <c:v>6.2170959999999695</c:v>
                </c:pt>
                <c:pt idx="103">
                  <c:v>6.484689000000003</c:v>
                </c:pt>
                <c:pt idx="104">
                  <c:v>6.2739689999999655</c:v>
                </c:pt>
                <c:pt idx="105">
                  <c:v>6.2697600000000193</c:v>
                </c:pt>
                <c:pt idx="106">
                  <c:v>6.0844990000000507</c:v>
                </c:pt>
                <c:pt idx="107">
                  <c:v>6.0206789999999728</c:v>
                </c:pt>
                <c:pt idx="108">
                  <c:v>5.8577980000000025</c:v>
                </c:pt>
                <c:pt idx="109">
                  <c:v>5.3650180000000773</c:v>
                </c:pt>
                <c:pt idx="110">
                  <c:v>5.2054349999999658</c:v>
                </c:pt>
                <c:pt idx="111">
                  <c:v>5.5311599999999999</c:v>
                </c:pt>
                <c:pt idx="112">
                  <c:v>5.813368999999966</c:v>
                </c:pt>
                <c:pt idx="113">
                  <c:v>6.1562450000000126</c:v>
                </c:pt>
                <c:pt idx="114">
                  <c:v>6.3231160000000273</c:v>
                </c:pt>
                <c:pt idx="115">
                  <c:v>6.7324240000000373</c:v>
                </c:pt>
                <c:pt idx="116">
                  <c:v>7.302503999999999</c:v>
                </c:pt>
                <c:pt idx="117">
                  <c:v>7.585215000000062</c:v>
                </c:pt>
                <c:pt idx="118">
                  <c:v>7.2693179999999984</c:v>
                </c:pt>
                <c:pt idx="119">
                  <c:v>7.1582140000000436</c:v>
                </c:pt>
                <c:pt idx="120">
                  <c:v>7.3343909999999823</c:v>
                </c:pt>
                <c:pt idx="121">
                  <c:v>7.3144240000000309</c:v>
                </c:pt>
                <c:pt idx="122">
                  <c:v>6.8372699999999895</c:v>
                </c:pt>
                <c:pt idx="123">
                  <c:v>6.2582519999999704</c:v>
                </c:pt>
                <c:pt idx="124">
                  <c:v>5.931650999999988</c:v>
                </c:pt>
                <c:pt idx="125">
                  <c:v>5.7732760000000098</c:v>
                </c:pt>
                <c:pt idx="126">
                  <c:v>5.1679510000000164</c:v>
                </c:pt>
                <c:pt idx="127">
                  <c:v>4.7010099999999966</c:v>
                </c:pt>
                <c:pt idx="128">
                  <c:v>4.4549180000000206</c:v>
                </c:pt>
                <c:pt idx="129">
                  <c:v>4.6636110000000599</c:v>
                </c:pt>
                <c:pt idx="130">
                  <c:v>4.430419000000029</c:v>
                </c:pt>
                <c:pt idx="131">
                  <c:v>4.130608000000052</c:v>
                </c:pt>
                <c:pt idx="132">
                  <c:v>4.4548580000000584</c:v>
                </c:pt>
                <c:pt idx="133">
                  <c:v>4.8887690000000248</c:v>
                </c:pt>
                <c:pt idx="134">
                  <c:v>5.5936219999999821</c:v>
                </c:pt>
                <c:pt idx="135">
                  <c:v>6.0137660000000324</c:v>
                </c:pt>
                <c:pt idx="136">
                  <c:v>6.5439539999999852</c:v>
                </c:pt>
                <c:pt idx="137">
                  <c:v>7.3731260000000702</c:v>
                </c:pt>
                <c:pt idx="138">
                  <c:v>8.2553890000000365</c:v>
                </c:pt>
                <c:pt idx="139">
                  <c:v>8.9058330000000296</c:v>
                </c:pt>
                <c:pt idx="140">
                  <c:v>9.2340360000000601</c:v>
                </c:pt>
                <c:pt idx="141">
                  <c:v>9.6789750000000367</c:v>
                </c:pt>
                <c:pt idx="142">
                  <c:v>10.029215000000022</c:v>
                </c:pt>
                <c:pt idx="143">
                  <c:v>10.028121000000056</c:v>
                </c:pt>
                <c:pt idx="144">
                  <c:v>10.053526000000033</c:v>
                </c:pt>
                <c:pt idx="145">
                  <c:v>10.469199000000003</c:v>
                </c:pt>
                <c:pt idx="146">
                  <c:v>10.500384000000054</c:v>
                </c:pt>
                <c:pt idx="147">
                  <c:v>10.287459000000013</c:v>
                </c:pt>
                <c:pt idx="148">
                  <c:v>9.9381339999999909</c:v>
                </c:pt>
                <c:pt idx="149">
                  <c:v>9.5749369999999772</c:v>
                </c:pt>
                <c:pt idx="150">
                  <c:v>9.1916969999999765</c:v>
                </c:pt>
                <c:pt idx="151">
                  <c:v>8.7669520000000603</c:v>
                </c:pt>
                <c:pt idx="152">
                  <c:v>8.1113219999999728</c:v>
                </c:pt>
                <c:pt idx="153">
                  <c:v>7.5478200000000015</c:v>
                </c:pt>
                <c:pt idx="154">
                  <c:v>7.2128810000000385</c:v>
                </c:pt>
                <c:pt idx="155">
                  <c:v>7.1080880000000661</c:v>
                </c:pt>
                <c:pt idx="156">
                  <c:v>6.8521759999999858</c:v>
                </c:pt>
                <c:pt idx="157">
                  <c:v>6.5258340000000317</c:v>
                </c:pt>
                <c:pt idx="158">
                  <c:v>6.3534980000000587</c:v>
                </c:pt>
                <c:pt idx="159">
                  <c:v>6.7499750000000631</c:v>
                </c:pt>
                <c:pt idx="160">
                  <c:v>7.1025060000000622</c:v>
                </c:pt>
                <c:pt idx="161">
                  <c:v>7.436380999999983</c:v>
                </c:pt>
                <c:pt idx="162">
                  <c:v>7.773052000000007</c:v>
                </c:pt>
                <c:pt idx="163">
                  <c:v>8.4373229999999921</c:v>
                </c:pt>
                <c:pt idx="164">
                  <c:v>9.0347770000000764</c:v>
                </c:pt>
                <c:pt idx="165">
                  <c:v>9.4232190000000173</c:v>
                </c:pt>
                <c:pt idx="166">
                  <c:v>9.6182959999999866</c:v>
                </c:pt>
                <c:pt idx="167">
                  <c:v>10.034387000000038</c:v>
                </c:pt>
                <c:pt idx="168">
                  <c:v>10.24665200000004</c:v>
                </c:pt>
                <c:pt idx="169">
                  <c:v>10.232023000000027</c:v>
                </c:pt>
                <c:pt idx="170">
                  <c:v>10.12771900000007</c:v>
                </c:pt>
                <c:pt idx="171">
                  <c:v>10.118606999999997</c:v>
                </c:pt>
                <c:pt idx="172">
                  <c:v>9.9973449999999957</c:v>
                </c:pt>
                <c:pt idx="173">
                  <c:v>9.767983000000072</c:v>
                </c:pt>
                <c:pt idx="174">
                  <c:v>9.3829910000000609</c:v>
                </c:pt>
                <c:pt idx="175">
                  <c:v>9.2905930000000581</c:v>
                </c:pt>
                <c:pt idx="176">
                  <c:v>9.0831789999999728</c:v>
                </c:pt>
                <c:pt idx="177">
                  <c:v>9.0257360000000517</c:v>
                </c:pt>
                <c:pt idx="178">
                  <c:v>8.7246200000000727</c:v>
                </c:pt>
                <c:pt idx="179">
                  <c:v>8.723969000000011</c:v>
                </c:pt>
                <c:pt idx="180">
                  <c:v>9.0171360000000504</c:v>
                </c:pt>
                <c:pt idx="181">
                  <c:v>9.1633030000000417</c:v>
                </c:pt>
                <c:pt idx="182">
                  <c:v>9.3517170000000078</c:v>
                </c:pt>
                <c:pt idx="183">
                  <c:v>9.8820070000000442</c:v>
                </c:pt>
                <c:pt idx="184">
                  <c:v>10.429625999999985</c:v>
                </c:pt>
                <c:pt idx="185">
                  <c:v>10.773858000000018</c:v>
                </c:pt>
                <c:pt idx="186">
                  <c:v>10.608661999999981</c:v>
                </c:pt>
                <c:pt idx="187">
                  <c:v>10.955304000000069</c:v>
                </c:pt>
                <c:pt idx="188">
                  <c:v>11.087795000000028</c:v>
                </c:pt>
                <c:pt idx="189">
                  <c:v>11.090686000000005</c:v>
                </c:pt>
                <c:pt idx="190">
                  <c:v>11.023494000000028</c:v>
                </c:pt>
                <c:pt idx="191">
                  <c:v>10.843962000000033</c:v>
                </c:pt>
                <c:pt idx="192">
                  <c:v>10.677248000000077</c:v>
                </c:pt>
                <c:pt idx="193">
                  <c:v>10.218616999999995</c:v>
                </c:pt>
                <c:pt idx="194">
                  <c:v>9.528171000000043</c:v>
                </c:pt>
                <c:pt idx="195">
                  <c:v>8.781755999999973</c:v>
                </c:pt>
                <c:pt idx="196">
                  <c:v>8.3974769999999808</c:v>
                </c:pt>
                <c:pt idx="197">
                  <c:v>8.4144059999999854</c:v>
                </c:pt>
                <c:pt idx="198">
                  <c:v>8.1807850000000144</c:v>
                </c:pt>
                <c:pt idx="199">
                  <c:v>8.0104320000000371</c:v>
                </c:pt>
                <c:pt idx="200">
                  <c:v>8.1589579999999842</c:v>
                </c:pt>
                <c:pt idx="201">
                  <c:v>8.7488980000000538</c:v>
                </c:pt>
                <c:pt idx="202">
                  <c:v>8.9057930000000169</c:v>
                </c:pt>
                <c:pt idx="203">
                  <c:v>8.6949480000000676</c:v>
                </c:pt>
                <c:pt idx="204">
                  <c:v>8.8978570000000445</c:v>
                </c:pt>
                <c:pt idx="205">
                  <c:v>9.6307570000000169</c:v>
                </c:pt>
                <c:pt idx="206">
                  <c:v>10.711505999999986</c:v>
                </c:pt>
                <c:pt idx="207">
                  <c:v>11.46429999999998</c:v>
                </c:pt>
                <c:pt idx="208">
                  <c:v>11.830476999999973</c:v>
                </c:pt>
                <c:pt idx="209">
                  <c:v>12.464072999999985</c:v>
                </c:pt>
                <c:pt idx="210">
                  <c:v>13.296407000000045</c:v>
                </c:pt>
                <c:pt idx="211">
                  <c:v>14.00713600000006</c:v>
                </c:pt>
                <c:pt idx="212">
                  <c:v>13.779532000000017</c:v>
                </c:pt>
                <c:pt idx="213">
                  <c:v>13.259511999999972</c:v>
                </c:pt>
                <c:pt idx="214">
                  <c:v>13.273593000000005</c:v>
                </c:pt>
                <c:pt idx="215">
                  <c:v>13.352137999999968</c:v>
                </c:pt>
                <c:pt idx="216">
                  <c:v>12.827226999999993</c:v>
                </c:pt>
                <c:pt idx="217">
                  <c:v>11.92971</c:v>
                </c:pt>
                <c:pt idx="218">
                  <c:v>11.083493999999973</c:v>
                </c:pt>
                <c:pt idx="219">
                  <c:v>10.704696000000013</c:v>
                </c:pt>
                <c:pt idx="220">
                  <c:v>9.9527590000000146</c:v>
                </c:pt>
                <c:pt idx="221">
                  <c:v>8.7836510000000771</c:v>
                </c:pt>
                <c:pt idx="222">
                  <c:v>8.3015450000000328</c:v>
                </c:pt>
                <c:pt idx="223">
                  <c:v>8.5820130000000745</c:v>
                </c:pt>
                <c:pt idx="224">
                  <c:v>8.6139520000000402</c:v>
                </c:pt>
                <c:pt idx="225">
                  <c:v>7.986725999999976</c:v>
                </c:pt>
                <c:pt idx="226">
                  <c:v>7.3905359999999973</c:v>
                </c:pt>
                <c:pt idx="227">
                  <c:v>7.8841800000000148</c:v>
                </c:pt>
                <c:pt idx="228">
                  <c:v>8.3534060000000636</c:v>
                </c:pt>
                <c:pt idx="229">
                  <c:v>8.4536930000000439</c:v>
                </c:pt>
                <c:pt idx="230">
                  <c:v>8.2837329999999838</c:v>
                </c:pt>
                <c:pt idx="231">
                  <c:v>9.1497749999999769</c:v>
                </c:pt>
                <c:pt idx="232">
                  <c:v>9.8150410000000647</c:v>
                </c:pt>
                <c:pt idx="233">
                  <c:v>10.383424999999988</c:v>
                </c:pt>
                <c:pt idx="234">
                  <c:v>10.567807000000016</c:v>
                </c:pt>
                <c:pt idx="235">
                  <c:v>11.66998000000001</c:v>
                </c:pt>
                <c:pt idx="236">
                  <c:v>12.675771000000054</c:v>
                </c:pt>
                <c:pt idx="237">
                  <c:v>12.934934999999996</c:v>
                </c:pt>
                <c:pt idx="238">
                  <c:v>12.47184500000003</c:v>
                </c:pt>
                <c:pt idx="239">
                  <c:v>12.398910000000001</c:v>
                </c:pt>
                <c:pt idx="240">
                  <c:v>12.547840000000065</c:v>
                </c:pt>
                <c:pt idx="241">
                  <c:v>12.627124999999978</c:v>
                </c:pt>
                <c:pt idx="242">
                  <c:v>12.061635000000024</c:v>
                </c:pt>
                <c:pt idx="243">
                  <c:v>11.785829000000035</c:v>
                </c:pt>
                <c:pt idx="244">
                  <c:v>11.902794999999969</c:v>
                </c:pt>
                <c:pt idx="245">
                  <c:v>11.98548100000005</c:v>
                </c:pt>
                <c:pt idx="246">
                  <c:v>11.487488999999982</c:v>
                </c:pt>
                <c:pt idx="247">
                  <c:v>11.097028000000023</c:v>
                </c:pt>
                <c:pt idx="248">
                  <c:v>10.965192000000002</c:v>
                </c:pt>
                <c:pt idx="249">
                  <c:v>11.333555000000047</c:v>
                </c:pt>
                <c:pt idx="250">
                  <c:v>11.162535000000048</c:v>
                </c:pt>
                <c:pt idx="251">
                  <c:v>10.505529000000024</c:v>
                </c:pt>
                <c:pt idx="252">
                  <c:v>10.402738999999997</c:v>
                </c:pt>
                <c:pt idx="253">
                  <c:v>10.696318000000019</c:v>
                </c:pt>
                <c:pt idx="254">
                  <c:v>10.717318999999975</c:v>
                </c:pt>
                <c:pt idx="255">
                  <c:v>10.793785000000071</c:v>
                </c:pt>
                <c:pt idx="256">
                  <c:v>11.579813000000058</c:v>
                </c:pt>
                <c:pt idx="257">
                  <c:v>12.303347000000031</c:v>
                </c:pt>
                <c:pt idx="258">
                  <c:v>12.513654999999972</c:v>
                </c:pt>
                <c:pt idx="259">
                  <c:v>12.083307999999988</c:v>
                </c:pt>
                <c:pt idx="260">
                  <c:v>12.003538000000049</c:v>
                </c:pt>
                <c:pt idx="261">
                  <c:v>11.749549000000002</c:v>
                </c:pt>
                <c:pt idx="262">
                  <c:v>11.518403000000035</c:v>
                </c:pt>
                <c:pt idx="263">
                  <c:v>11.293602000000078</c:v>
                </c:pt>
                <c:pt idx="264">
                  <c:v>10.879980000000046</c:v>
                </c:pt>
                <c:pt idx="265">
                  <c:v>10.779718000000003</c:v>
                </c:pt>
                <c:pt idx="266">
                  <c:v>10.848067000000015</c:v>
                </c:pt>
                <c:pt idx="267">
                  <c:v>10.880139999999983</c:v>
                </c:pt>
                <c:pt idx="268">
                  <c:v>10.856007999999974</c:v>
                </c:pt>
                <c:pt idx="269">
                  <c:v>11.179063000000042</c:v>
                </c:pt>
                <c:pt idx="270">
                  <c:v>11.484544000000028</c:v>
                </c:pt>
                <c:pt idx="271">
                  <c:v>11.877371000000039</c:v>
                </c:pt>
                <c:pt idx="272">
                  <c:v>12.470154999999977</c:v>
                </c:pt>
                <c:pt idx="273">
                  <c:v>13.134959999999978</c:v>
                </c:pt>
                <c:pt idx="274">
                  <c:v>13.310338000000002</c:v>
                </c:pt>
                <c:pt idx="275">
                  <c:v>13.298299000000043</c:v>
                </c:pt>
                <c:pt idx="276">
                  <c:v>13.797200999999973</c:v>
                </c:pt>
                <c:pt idx="277">
                  <c:v>14.400986999999986</c:v>
                </c:pt>
                <c:pt idx="278">
                  <c:v>14.418317000000002</c:v>
                </c:pt>
                <c:pt idx="279">
                  <c:v>14.232972000000018</c:v>
                </c:pt>
                <c:pt idx="280">
                  <c:v>14.122555000000034</c:v>
                </c:pt>
                <c:pt idx="281">
                  <c:v>14.100850000000037</c:v>
                </c:pt>
                <c:pt idx="282">
                  <c:v>13.905230000000074</c:v>
                </c:pt>
                <c:pt idx="283">
                  <c:v>13.662952000000018</c:v>
                </c:pt>
                <c:pt idx="284">
                  <c:v>13.364870999999994</c:v>
                </c:pt>
                <c:pt idx="285">
                  <c:v>13.165393999999992</c:v>
                </c:pt>
                <c:pt idx="286">
                  <c:v>12.878272000000038</c:v>
                </c:pt>
                <c:pt idx="287">
                  <c:v>12.632961000000023</c:v>
                </c:pt>
                <c:pt idx="288">
                  <c:v>11.864413000000013</c:v>
                </c:pt>
                <c:pt idx="289">
                  <c:v>11.381621999999993</c:v>
                </c:pt>
                <c:pt idx="290">
                  <c:v>11.060387999999989</c:v>
                </c:pt>
                <c:pt idx="291">
                  <c:v>10.37777600000004</c:v>
                </c:pt>
                <c:pt idx="292">
                  <c:v>9.8896980000000667</c:v>
                </c:pt>
                <c:pt idx="293">
                  <c:v>9.8449070000000347</c:v>
                </c:pt>
                <c:pt idx="294">
                  <c:v>9.9717180000000099</c:v>
                </c:pt>
                <c:pt idx="295">
                  <c:v>10.281667999999968</c:v>
                </c:pt>
                <c:pt idx="296">
                  <c:v>10.492624999999975</c:v>
                </c:pt>
                <c:pt idx="297">
                  <c:v>11.069377000000031</c:v>
                </c:pt>
                <c:pt idx="298">
                  <c:v>12.021490999999969</c:v>
                </c:pt>
                <c:pt idx="299">
                  <c:v>12.491304000000014</c:v>
                </c:pt>
                <c:pt idx="300">
                  <c:v>12.660888</c:v>
                </c:pt>
                <c:pt idx="301">
                  <c:v>13.36359200000004</c:v>
                </c:pt>
                <c:pt idx="302">
                  <c:v>13.85756200000003</c:v>
                </c:pt>
                <c:pt idx="303">
                  <c:v>13.781119999999987</c:v>
                </c:pt>
                <c:pt idx="304">
                  <c:v>13.627235000000042</c:v>
                </c:pt>
                <c:pt idx="305">
                  <c:v>13.777488000000062</c:v>
                </c:pt>
                <c:pt idx="306">
                  <c:v>14.008194000000003</c:v>
                </c:pt>
                <c:pt idx="307">
                  <c:v>13.933623000000011</c:v>
                </c:pt>
                <c:pt idx="308">
                  <c:v>13.841836000000058</c:v>
                </c:pt>
                <c:pt idx="309">
                  <c:v>14.268379999999979</c:v>
                </c:pt>
                <c:pt idx="310">
                  <c:v>14.352632999999969</c:v>
                </c:pt>
                <c:pt idx="311">
                  <c:v>14.37429700000007</c:v>
                </c:pt>
                <c:pt idx="312">
                  <c:v>13.866825000000063</c:v>
                </c:pt>
                <c:pt idx="313">
                  <c:v>13.266713999999979</c:v>
                </c:pt>
                <c:pt idx="314">
                  <c:v>13.061194999999998</c:v>
                </c:pt>
                <c:pt idx="315">
                  <c:v>12.752338000000009</c:v>
                </c:pt>
                <c:pt idx="316">
                  <c:v>12.449575999999979</c:v>
                </c:pt>
                <c:pt idx="317">
                  <c:v>11.692683999999986</c:v>
                </c:pt>
                <c:pt idx="318">
                  <c:v>11.228075999999987</c:v>
                </c:pt>
                <c:pt idx="319">
                  <c:v>11.040815000000066</c:v>
                </c:pt>
                <c:pt idx="320">
                  <c:v>11.111557000000062</c:v>
                </c:pt>
                <c:pt idx="321">
                  <c:v>11.357039999999984</c:v>
                </c:pt>
                <c:pt idx="322">
                  <c:v>11.348748000000001</c:v>
                </c:pt>
                <c:pt idx="323">
                  <c:v>11.778447000000028</c:v>
                </c:pt>
                <c:pt idx="324">
                  <c:v>12.289597000000072</c:v>
                </c:pt>
                <c:pt idx="325">
                  <c:v>12.595612000000074</c:v>
                </c:pt>
                <c:pt idx="326">
                  <c:v>13.058300000000031</c:v>
                </c:pt>
                <c:pt idx="327">
                  <c:v>13.535013000000049</c:v>
                </c:pt>
                <c:pt idx="328">
                  <c:v>14.108482999999978</c:v>
                </c:pt>
                <c:pt idx="329">
                  <c:v>14.627852000000075</c:v>
                </c:pt>
                <c:pt idx="330">
                  <c:v>15.004980000000046</c:v>
                </c:pt>
                <c:pt idx="331">
                  <c:v>15.262880999999993</c:v>
                </c:pt>
                <c:pt idx="332">
                  <c:v>15.497033999999985</c:v>
                </c:pt>
                <c:pt idx="333">
                  <c:v>15.490782999999965</c:v>
                </c:pt>
                <c:pt idx="334">
                  <c:v>15.397760000000062</c:v>
                </c:pt>
                <c:pt idx="335">
                  <c:v>15.221561000000065</c:v>
                </c:pt>
                <c:pt idx="336">
                  <c:v>14.809877000000029</c:v>
                </c:pt>
                <c:pt idx="337">
                  <c:v>14.572262000000023</c:v>
                </c:pt>
                <c:pt idx="338">
                  <c:v>14.717417000000069</c:v>
                </c:pt>
                <c:pt idx="339">
                  <c:v>14.675333000000023</c:v>
                </c:pt>
                <c:pt idx="340">
                  <c:v>14.08317999999997</c:v>
                </c:pt>
                <c:pt idx="341">
                  <c:v>13.666291000000001</c:v>
                </c:pt>
                <c:pt idx="342">
                  <c:v>13.133347000000072</c:v>
                </c:pt>
                <c:pt idx="343">
                  <c:v>12.863054000000034</c:v>
                </c:pt>
                <c:pt idx="344">
                  <c:v>12.925270000000069</c:v>
                </c:pt>
                <c:pt idx="345">
                  <c:v>13.012830000000008</c:v>
                </c:pt>
                <c:pt idx="346">
                  <c:v>13.326046000000019</c:v>
                </c:pt>
                <c:pt idx="347">
                  <c:v>13.518862000000013</c:v>
                </c:pt>
                <c:pt idx="348">
                  <c:v>13.833499000000074</c:v>
                </c:pt>
                <c:pt idx="349">
                  <c:v>14.080871000000002</c:v>
                </c:pt>
                <c:pt idx="350">
                  <c:v>14.411270000000059</c:v>
                </c:pt>
                <c:pt idx="351">
                  <c:v>14.878408000000036</c:v>
                </c:pt>
                <c:pt idx="352">
                  <c:v>15.032958000000008</c:v>
                </c:pt>
                <c:pt idx="353">
                  <c:v>14.725638000000004</c:v>
                </c:pt>
                <c:pt idx="354">
                  <c:v>14.441569000000072</c:v>
                </c:pt>
                <c:pt idx="355">
                  <c:v>14.891914000000043</c:v>
                </c:pt>
                <c:pt idx="356">
                  <c:v>14.996153000000049</c:v>
                </c:pt>
                <c:pt idx="357">
                  <c:v>14.431250999999975</c:v>
                </c:pt>
                <c:pt idx="358">
                  <c:v>14.026695000000018</c:v>
                </c:pt>
                <c:pt idx="359">
                  <c:v>14.091967000000068</c:v>
                </c:pt>
                <c:pt idx="360">
                  <c:v>14.331542000000013</c:v>
                </c:pt>
                <c:pt idx="361">
                  <c:v>13.827548999999976</c:v>
                </c:pt>
                <c:pt idx="362">
                  <c:v>13.153710000000046</c:v>
                </c:pt>
                <c:pt idx="363">
                  <c:v>12.734422999999992</c:v>
                </c:pt>
                <c:pt idx="364">
                  <c:v>12.702015000000074</c:v>
                </c:pt>
                <c:pt idx="365">
                  <c:v>12.896074999999996</c:v>
                </c:pt>
                <c:pt idx="366">
                  <c:v>12.560112000000004</c:v>
                </c:pt>
                <c:pt idx="367">
                  <c:v>12.406429000000003</c:v>
                </c:pt>
                <c:pt idx="368">
                  <c:v>12.952726999999982</c:v>
                </c:pt>
                <c:pt idx="369">
                  <c:v>13.668316000000004</c:v>
                </c:pt>
                <c:pt idx="370">
                  <c:v>13.897162999999978</c:v>
                </c:pt>
                <c:pt idx="371">
                  <c:v>14.27410700000007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28C-4AEB-B516-A8563726D36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ono-1200-15s(10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1.8453193350831145E-2"/>
                  <c:y val="-0.5384321230679498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15s(10)'!$D$2:$D$384</c:f>
              <c:numCache>
                <c:formatCode>General</c:formatCode>
                <c:ptCount val="383"/>
                <c:pt idx="0">
                  <c:v>0</c:v>
                </c:pt>
                <c:pt idx="1">
                  <c:v>5.0039999999995644E-3</c:v>
                </c:pt>
                <c:pt idx="2">
                  <c:v>1.0009000000000157E-2</c:v>
                </c:pt>
                <c:pt idx="3">
                  <c:v>1.5013999999998973E-2</c:v>
                </c:pt>
                <c:pt idx="4">
                  <c:v>2.0018999999999565E-2</c:v>
                </c:pt>
                <c:pt idx="5">
                  <c:v>2.5024000000000157E-2</c:v>
                </c:pt>
                <c:pt idx="6">
                  <c:v>3.0027999999999722E-2</c:v>
                </c:pt>
                <c:pt idx="7">
                  <c:v>3.5033000000000314E-2</c:v>
                </c:pt>
                <c:pt idx="8">
                  <c:v>4.003799999999913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1999999999879E-2</c:v>
                </c:pt>
                <c:pt idx="12">
                  <c:v>6.0056999999998695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1999999998695E-2</c:v>
                </c:pt>
                <c:pt idx="16">
                  <c:v>8.0076000000000036E-2</c:v>
                </c:pt>
                <c:pt idx="17">
                  <c:v>8.5080999999998852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885</c:v>
                </c:pt>
                <c:pt idx="21">
                  <c:v>0.10510000000000019</c:v>
                </c:pt>
                <c:pt idx="22">
                  <c:v>0.11010499999999901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1999999999901</c:v>
                </c:pt>
                <c:pt idx="26">
                  <c:v>0.13012400000000035</c:v>
                </c:pt>
                <c:pt idx="27">
                  <c:v>0.13512899999999917</c:v>
                </c:pt>
                <c:pt idx="28">
                  <c:v>0.14013399999999976</c:v>
                </c:pt>
                <c:pt idx="29">
                  <c:v>0.14513900000000035</c:v>
                </c:pt>
                <c:pt idx="30">
                  <c:v>0.15014399999999917</c:v>
                </c:pt>
                <c:pt idx="31">
                  <c:v>0.15514799999999873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299999999873</c:v>
                </c:pt>
                <c:pt idx="35">
                  <c:v>0.17516799999999932</c:v>
                </c:pt>
                <c:pt idx="36">
                  <c:v>0.18017199999999889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699999999889</c:v>
                </c:pt>
                <c:pt idx="40">
                  <c:v>0.20019199999999948</c:v>
                </c:pt>
                <c:pt idx="41">
                  <c:v>0.20519599999999905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099999999905</c:v>
                </c:pt>
                <c:pt idx="45">
                  <c:v>0.22521599999999964</c:v>
                </c:pt>
                <c:pt idx="46">
                  <c:v>0.2302199999999992</c:v>
                </c:pt>
                <c:pt idx="47">
                  <c:v>0.2352249999999998</c:v>
                </c:pt>
                <c:pt idx="48">
                  <c:v>0.24022999999999861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399999999936</c:v>
                </c:pt>
                <c:pt idx="52">
                  <c:v>0.26024899999999995</c:v>
                </c:pt>
                <c:pt idx="53">
                  <c:v>0.26525399999999877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799999999952</c:v>
                </c:pt>
                <c:pt idx="57">
                  <c:v>0.28527300000000011</c:v>
                </c:pt>
                <c:pt idx="58">
                  <c:v>0.29027799999999893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700000000027</c:v>
                </c:pt>
                <c:pt idx="63">
                  <c:v>0.31530199999999908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599999999983</c:v>
                </c:pt>
                <c:pt idx="67">
                  <c:v>0.33532099999999865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599999999865</c:v>
                </c:pt>
                <c:pt idx="71">
                  <c:v>0.35533999999999999</c:v>
                </c:pt>
                <c:pt idx="72">
                  <c:v>0.36034499999999881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5999999999881</c:v>
                </c:pt>
                <c:pt idx="76">
                  <c:v>0.38036400000000015</c:v>
                </c:pt>
                <c:pt idx="77">
                  <c:v>0.38536899999999896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399999999896</c:v>
                </c:pt>
                <c:pt idx="81">
                  <c:v>0.4053880000000003</c:v>
                </c:pt>
                <c:pt idx="82">
                  <c:v>0.41039299999999912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799999999912</c:v>
                </c:pt>
                <c:pt idx="86">
                  <c:v>0.43041199999999868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699999999869</c:v>
                </c:pt>
                <c:pt idx="90">
                  <c:v>0.45043199999999928</c:v>
                </c:pt>
                <c:pt idx="91">
                  <c:v>0.45543599999999884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099999999884</c:v>
                </c:pt>
                <c:pt idx="95">
                  <c:v>0.47545599999999943</c:v>
                </c:pt>
                <c:pt idx="96">
                  <c:v>0.480459999999999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4999999999</c:v>
                </c:pt>
                <c:pt idx="100">
                  <c:v>0.50047999999999959</c:v>
                </c:pt>
                <c:pt idx="101">
                  <c:v>0.50548399999999916</c:v>
                </c:pt>
                <c:pt idx="102">
                  <c:v>0.51048899999999975</c:v>
                </c:pt>
                <c:pt idx="103">
                  <c:v>0.51549400000000034</c:v>
                </c:pt>
                <c:pt idx="104">
                  <c:v>0.52049899999999916</c:v>
                </c:pt>
                <c:pt idx="105">
                  <c:v>0.52550399999999975</c:v>
                </c:pt>
                <c:pt idx="106">
                  <c:v>0.53050799999999931</c:v>
                </c:pt>
                <c:pt idx="107">
                  <c:v>0.53551299999999991</c:v>
                </c:pt>
                <c:pt idx="108">
                  <c:v>0.54051799999999872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199999999947</c:v>
                </c:pt>
                <c:pt idx="112">
                  <c:v>0.56053700000000006</c:v>
                </c:pt>
                <c:pt idx="113">
                  <c:v>0.56554199999999888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599999999963</c:v>
                </c:pt>
                <c:pt idx="117">
                  <c:v>0.58556100000000022</c:v>
                </c:pt>
                <c:pt idx="118">
                  <c:v>0.59056599999999904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7999999999979</c:v>
                </c:pt>
                <c:pt idx="122">
                  <c:v>0.6105849999999986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5999999999986</c:v>
                </c:pt>
                <c:pt idx="126">
                  <c:v>0.63060399999999994</c:v>
                </c:pt>
                <c:pt idx="127">
                  <c:v>0.63560899999999876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399999999876</c:v>
                </c:pt>
                <c:pt idx="131">
                  <c:v>0.6556280000000001</c:v>
                </c:pt>
                <c:pt idx="132">
                  <c:v>0.66063299999999892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799999999892</c:v>
                </c:pt>
                <c:pt idx="136">
                  <c:v>0.68065200000000026</c:v>
                </c:pt>
                <c:pt idx="137">
                  <c:v>0.68565699999999907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199999999907</c:v>
                </c:pt>
                <c:pt idx="141">
                  <c:v>0.70567599999999864</c:v>
                </c:pt>
                <c:pt idx="142">
                  <c:v>0.71068099999999923</c:v>
                </c:pt>
                <c:pt idx="143">
                  <c:v>0.71568599999999982</c:v>
                </c:pt>
                <c:pt idx="144">
                  <c:v>0.72069099999999864</c:v>
                </c:pt>
                <c:pt idx="145">
                  <c:v>0.72569599999999923</c:v>
                </c:pt>
                <c:pt idx="146">
                  <c:v>0.73069999999999879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49999999988</c:v>
                </c:pt>
                <c:pt idx="150">
                  <c:v>0.75071999999999939</c:v>
                </c:pt>
                <c:pt idx="151">
                  <c:v>0.75572399999999895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899999999895</c:v>
                </c:pt>
                <c:pt idx="155">
                  <c:v>0.77574399999999955</c:v>
                </c:pt>
                <c:pt idx="156">
                  <c:v>0.78074799999999911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299999999911</c:v>
                </c:pt>
                <c:pt idx="160">
                  <c:v>0.8007679999999997</c:v>
                </c:pt>
                <c:pt idx="161">
                  <c:v>0.80577199999999927</c:v>
                </c:pt>
                <c:pt idx="162">
                  <c:v>0.81077699999999986</c:v>
                </c:pt>
                <c:pt idx="163">
                  <c:v>0.81578199999999867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599999999942</c:v>
                </c:pt>
                <c:pt idx="167">
                  <c:v>0.83580100000000002</c:v>
                </c:pt>
                <c:pt idx="168">
                  <c:v>0.84080599999999883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1999999999958</c:v>
                </c:pt>
                <c:pt idx="172">
                  <c:v>0.86082500000000017</c:v>
                </c:pt>
                <c:pt idx="173">
                  <c:v>0.86582999999999899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399999999974</c:v>
                </c:pt>
                <c:pt idx="177">
                  <c:v>0.88584900000000033</c:v>
                </c:pt>
                <c:pt idx="178">
                  <c:v>0.89085399999999915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79999999999</c:v>
                </c:pt>
                <c:pt idx="182">
                  <c:v>0.91087299999999871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799999999871</c:v>
                </c:pt>
                <c:pt idx="186">
                  <c:v>0.93089200000000005</c:v>
                </c:pt>
                <c:pt idx="187">
                  <c:v>0.93589699999999887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887</c:v>
                </c:pt>
                <c:pt idx="191">
                  <c:v>0.95591600000000021</c:v>
                </c:pt>
                <c:pt idx="192">
                  <c:v>0.96092099999999903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599999999903</c:v>
                </c:pt>
                <c:pt idx="196">
                  <c:v>0.98094000000000037</c:v>
                </c:pt>
                <c:pt idx="197">
                  <c:v>0.98594499999999918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599999999992</c:v>
                </c:pt>
                <c:pt idx="201">
                  <c:v>1.0059639999999987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89999999987</c:v>
                </c:pt>
                <c:pt idx="205">
                  <c:v>1.0259839999999993</c:v>
                </c:pt>
                <c:pt idx="206">
                  <c:v>1.030987999999998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29999999989</c:v>
                </c:pt>
                <c:pt idx="210">
                  <c:v>1.0510079999999995</c:v>
                </c:pt>
                <c:pt idx="211">
                  <c:v>1.056011999999999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69999999991</c:v>
                </c:pt>
                <c:pt idx="215">
                  <c:v>1.0760319999999997</c:v>
                </c:pt>
                <c:pt idx="216">
                  <c:v>1.0810359999999992</c:v>
                </c:pt>
                <c:pt idx="217">
                  <c:v>1.0860409999999998</c:v>
                </c:pt>
                <c:pt idx="218">
                  <c:v>1.0910459999999986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599999999994</c:v>
                </c:pt>
                <c:pt idx="222">
                  <c:v>1.111065</c:v>
                </c:pt>
                <c:pt idx="223">
                  <c:v>1.1160699999999988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39999999995</c:v>
                </c:pt>
                <c:pt idx="227">
                  <c:v>1.1360890000000001</c:v>
                </c:pt>
                <c:pt idx="228">
                  <c:v>1.1410939999999989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30000000003</c:v>
                </c:pt>
                <c:pt idx="233">
                  <c:v>1.1661179999999991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19999999998</c:v>
                </c:pt>
                <c:pt idx="237">
                  <c:v>1.1861369999999987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19999999987</c:v>
                </c:pt>
                <c:pt idx="241">
                  <c:v>1.206156</c:v>
                </c:pt>
                <c:pt idx="242">
                  <c:v>1.2111609999999988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59999999988</c:v>
                </c:pt>
                <c:pt idx="246">
                  <c:v>1.2311800000000002</c:v>
                </c:pt>
                <c:pt idx="247">
                  <c:v>1.236184999999999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199999999999</c:v>
                </c:pt>
                <c:pt idx="251">
                  <c:v>1.2562040000000003</c:v>
                </c:pt>
                <c:pt idx="252">
                  <c:v>1.2612089999999991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39999999991</c:v>
                </c:pt>
                <c:pt idx="256">
                  <c:v>1.2812279999999987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29999999987</c:v>
                </c:pt>
                <c:pt idx="260">
                  <c:v>1.3012479999999993</c:v>
                </c:pt>
                <c:pt idx="261">
                  <c:v>1.306251999999998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69999999989</c:v>
                </c:pt>
                <c:pt idx="265">
                  <c:v>1.3262719999999995</c:v>
                </c:pt>
                <c:pt idx="266">
                  <c:v>1.331275999999999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0999999999</c:v>
                </c:pt>
                <c:pt idx="270">
                  <c:v>1.3512959999999996</c:v>
                </c:pt>
                <c:pt idx="271">
                  <c:v>1.356299999999999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49999999992</c:v>
                </c:pt>
                <c:pt idx="275">
                  <c:v>1.3763199999999998</c:v>
                </c:pt>
                <c:pt idx="276">
                  <c:v>1.3813239999999993</c:v>
                </c:pt>
                <c:pt idx="277">
                  <c:v>1.3863289999999999</c:v>
                </c:pt>
                <c:pt idx="278">
                  <c:v>1.3913339999999987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79999999995</c:v>
                </c:pt>
                <c:pt idx="282">
                  <c:v>1.4113530000000001</c:v>
                </c:pt>
                <c:pt idx="283">
                  <c:v>1.4163579999999989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70000000002</c:v>
                </c:pt>
                <c:pt idx="288">
                  <c:v>1.4413819999999991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59999999998</c:v>
                </c:pt>
                <c:pt idx="292">
                  <c:v>1.4614009999999986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59999999986</c:v>
                </c:pt>
                <c:pt idx="296">
                  <c:v>1.48142</c:v>
                </c:pt>
                <c:pt idx="297">
                  <c:v>1.4864249999999988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399999999988</c:v>
                </c:pt>
                <c:pt idx="301">
                  <c:v>1.5064440000000001</c:v>
                </c:pt>
                <c:pt idx="302">
                  <c:v>1.5114489999999989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39999999989</c:v>
                </c:pt>
                <c:pt idx="306">
                  <c:v>1.5314680000000003</c:v>
                </c:pt>
                <c:pt idx="307">
                  <c:v>1.5364729999999991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79999999991</c:v>
                </c:pt>
                <c:pt idx="311">
                  <c:v>1.5564919999999987</c:v>
                </c:pt>
                <c:pt idx="312">
                  <c:v>1.5614969999999992</c:v>
                </c:pt>
                <c:pt idx="313">
                  <c:v>1.5665019999999998</c:v>
                </c:pt>
                <c:pt idx="314">
                  <c:v>1.5715069999999987</c:v>
                </c:pt>
                <c:pt idx="315">
                  <c:v>1.5765119999999992</c:v>
                </c:pt>
                <c:pt idx="316">
                  <c:v>1.5815159999999988</c:v>
                </c:pt>
                <c:pt idx="317">
                  <c:v>1.5865209999999994</c:v>
                </c:pt>
                <c:pt idx="318">
                  <c:v>1.591526</c:v>
                </c:pt>
                <c:pt idx="319">
                  <c:v>1.5965309999999988</c:v>
                </c:pt>
                <c:pt idx="320">
                  <c:v>1.6015359999999994</c:v>
                </c:pt>
                <c:pt idx="321">
                  <c:v>1.606539999999999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4999999999</c:v>
                </c:pt>
                <c:pt idx="325">
                  <c:v>1.6265599999999996</c:v>
                </c:pt>
                <c:pt idx="326">
                  <c:v>1.6315639999999991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89999999991</c:v>
                </c:pt>
                <c:pt idx="330">
                  <c:v>1.6515839999999997</c:v>
                </c:pt>
                <c:pt idx="331">
                  <c:v>1.6565879999999993</c:v>
                </c:pt>
                <c:pt idx="332">
                  <c:v>1.6615929999999999</c:v>
                </c:pt>
                <c:pt idx="333">
                  <c:v>1.6665979999999987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19999999994</c:v>
                </c:pt>
                <c:pt idx="337">
                  <c:v>1.686617</c:v>
                </c:pt>
                <c:pt idx="338">
                  <c:v>1.6916219999999988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59999999996</c:v>
                </c:pt>
                <c:pt idx="342">
                  <c:v>1.7116410000000002</c:v>
                </c:pt>
                <c:pt idx="343">
                  <c:v>1.716645999999999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599999999998</c:v>
                </c:pt>
                <c:pt idx="347">
                  <c:v>1.7366650000000003</c:v>
                </c:pt>
                <c:pt idx="348">
                  <c:v>1.7416699999999992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39999999999</c:v>
                </c:pt>
                <c:pt idx="352">
                  <c:v>1.7616889999999987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39999999987</c:v>
                </c:pt>
                <c:pt idx="356">
                  <c:v>1.7817080000000001</c:v>
                </c:pt>
                <c:pt idx="357">
                  <c:v>1.7867129999999989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79999999989</c:v>
                </c:pt>
                <c:pt idx="361">
                  <c:v>1.8067320000000002</c:v>
                </c:pt>
                <c:pt idx="362">
                  <c:v>1.811736999999999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1999999999</c:v>
                </c:pt>
                <c:pt idx="366">
                  <c:v>1.8317559999999986</c:v>
                </c:pt>
                <c:pt idx="367">
                  <c:v>1.8367609999999992</c:v>
                </c:pt>
                <c:pt idx="368">
                  <c:v>1.8417659999999998</c:v>
                </c:pt>
                <c:pt idx="369">
                  <c:v>1.8467709999999986</c:v>
                </c:pt>
                <c:pt idx="370">
                  <c:v>1.8517759999999992</c:v>
                </c:pt>
                <c:pt idx="371">
                  <c:v>1.8567799999999988</c:v>
                </c:pt>
              </c:numCache>
            </c:numRef>
          </c:xVal>
          <c:yVal>
            <c:numRef>
              <c:f>'Mono-1200-15s(10)'!$F$2:$F$384</c:f>
              <c:numCache>
                <c:formatCode>General</c:formatCode>
                <c:ptCount val="383"/>
                <c:pt idx="1">
                  <c:v>0.24923139013706389</c:v>
                </c:pt>
                <c:pt idx="2">
                  <c:v>0.18795363888964012</c:v>
                </c:pt>
                <c:pt idx="3">
                  <c:v>0.11663531598547655</c:v>
                </c:pt>
                <c:pt idx="4">
                  <c:v>8.9252906253661432E-2</c:v>
                </c:pt>
                <c:pt idx="5">
                  <c:v>6.0543190792709818E-2</c:v>
                </c:pt>
                <c:pt idx="6">
                  <c:v>4.4768707497708574E-2</c:v>
                </c:pt>
                <c:pt idx="7">
                  <c:v>5.463136453871225E-2</c:v>
                </c:pt>
                <c:pt idx="8">
                  <c:v>5.1253471917049646E-2</c:v>
                </c:pt>
                <c:pt idx="9">
                  <c:v>4.4094469350534495E-2</c:v>
                </c:pt>
                <c:pt idx="10">
                  <c:v>3.4967516591924368E-2</c:v>
                </c:pt>
                <c:pt idx="11">
                  <c:v>4.2012452333352483E-2</c:v>
                </c:pt>
                <c:pt idx="12">
                  <c:v>4.622784765008163E-2</c:v>
                </c:pt>
                <c:pt idx="13">
                  <c:v>4.7678238093464956E-2</c:v>
                </c:pt>
                <c:pt idx="14">
                  <c:v>5.2790394647828462E-2</c:v>
                </c:pt>
                <c:pt idx="15">
                  <c:v>5.9162366963628234E-2</c:v>
                </c:pt>
                <c:pt idx="16">
                  <c:v>7.0146376385914533E-2</c:v>
                </c:pt>
                <c:pt idx="17">
                  <c:v>6.9404067255853227E-2</c:v>
                </c:pt>
                <c:pt idx="18">
                  <c:v>6.1349562255836307E-2</c:v>
                </c:pt>
                <c:pt idx="19">
                  <c:v>5.2739838987575199E-2</c:v>
                </c:pt>
                <c:pt idx="20">
                  <c:v>4.7795797234451598E-2</c:v>
                </c:pt>
                <c:pt idx="21">
                  <c:v>4.713924681721543E-2</c:v>
                </c:pt>
                <c:pt idx="22">
                  <c:v>4.4430985971004713E-2</c:v>
                </c:pt>
                <c:pt idx="23">
                  <c:v>4.4644466061606491E-2</c:v>
                </c:pt>
                <c:pt idx="24">
                  <c:v>4.2676198071097217E-2</c:v>
                </c:pt>
                <c:pt idx="25">
                  <c:v>3.9805498006099824E-2</c:v>
                </c:pt>
                <c:pt idx="26">
                  <c:v>3.819381662422229E-2</c:v>
                </c:pt>
                <c:pt idx="27">
                  <c:v>3.7052963231800302E-2</c:v>
                </c:pt>
                <c:pt idx="28">
                  <c:v>3.3819204138383095E-2</c:v>
                </c:pt>
                <c:pt idx="29">
                  <c:v>3.3807989513555584E-2</c:v>
                </c:pt>
                <c:pt idx="30">
                  <c:v>3.0782709235783016E-2</c:v>
                </c:pt>
                <c:pt idx="31">
                  <c:v>2.8796116421071861E-2</c:v>
                </c:pt>
                <c:pt idx="32">
                  <c:v>3.3412605130726594E-2</c:v>
                </c:pt>
                <c:pt idx="33">
                  <c:v>3.4543566660836453E-2</c:v>
                </c:pt>
                <c:pt idx="34">
                  <c:v>3.3862298437338477E-2</c:v>
                </c:pt>
                <c:pt idx="35">
                  <c:v>2.9629608852127415E-2</c:v>
                </c:pt>
                <c:pt idx="36">
                  <c:v>2.6811099067993893E-2</c:v>
                </c:pt>
                <c:pt idx="37">
                  <c:v>3.1923915610504984E-2</c:v>
                </c:pt>
                <c:pt idx="38">
                  <c:v>3.4999803292745629E-2</c:v>
                </c:pt>
                <c:pt idx="39">
                  <c:v>3.5385663415787937E-2</c:v>
                </c:pt>
                <c:pt idx="40">
                  <c:v>3.4347243555357274E-2</c:v>
                </c:pt>
                <c:pt idx="41">
                  <c:v>3.5068667808681384E-2</c:v>
                </c:pt>
                <c:pt idx="42">
                  <c:v>3.6426166757833327E-2</c:v>
                </c:pt>
                <c:pt idx="43">
                  <c:v>3.508697535586864E-2</c:v>
                </c:pt>
                <c:pt idx="44">
                  <c:v>3.5010353936283226E-2</c:v>
                </c:pt>
                <c:pt idx="45">
                  <c:v>3.7443857024760496E-2</c:v>
                </c:pt>
                <c:pt idx="46">
                  <c:v>4.1724993401668388E-2</c:v>
                </c:pt>
                <c:pt idx="47">
                  <c:v>4.3670337195797507E-2</c:v>
                </c:pt>
                <c:pt idx="48">
                  <c:v>4.0542148090380502E-2</c:v>
                </c:pt>
                <c:pt idx="49">
                  <c:v>4.0214640308904391E-2</c:v>
                </c:pt>
                <c:pt idx="50">
                  <c:v>4.255441101769513E-2</c:v>
                </c:pt>
                <c:pt idx="51">
                  <c:v>4.2642279446577502E-2</c:v>
                </c:pt>
                <c:pt idx="52">
                  <c:v>3.9424575701793495E-2</c:v>
                </c:pt>
                <c:pt idx="53">
                  <c:v>3.4655229455034818E-2</c:v>
                </c:pt>
                <c:pt idx="54">
                  <c:v>3.1479296984521773E-2</c:v>
                </c:pt>
                <c:pt idx="55">
                  <c:v>3.1622573035694483E-2</c:v>
                </c:pt>
                <c:pt idx="56">
                  <c:v>2.8787185529205259E-2</c:v>
                </c:pt>
                <c:pt idx="57">
                  <c:v>2.3073579845152403E-2</c:v>
                </c:pt>
                <c:pt idx="58">
                  <c:v>1.8648842940768368E-2</c:v>
                </c:pt>
                <c:pt idx="59">
                  <c:v>1.6233333956046127E-2</c:v>
                </c:pt>
                <c:pt idx="60">
                  <c:v>1.5527257592699122E-2</c:v>
                </c:pt>
                <c:pt idx="61">
                  <c:v>1.4090726684031427E-2</c:v>
                </c:pt>
                <c:pt idx="62">
                  <c:v>1.2907313014627338E-2</c:v>
                </c:pt>
                <c:pt idx="63">
                  <c:v>1.3363591893585509E-2</c:v>
                </c:pt>
                <c:pt idx="64">
                  <c:v>1.4318406451043137E-2</c:v>
                </c:pt>
                <c:pt idx="65">
                  <c:v>1.1698781279487536E-2</c:v>
                </c:pt>
                <c:pt idx="66">
                  <c:v>1.0958346752047271E-2</c:v>
                </c:pt>
                <c:pt idx="67">
                  <c:v>1.160041110116381E-2</c:v>
                </c:pt>
                <c:pt idx="68">
                  <c:v>1.1450893326882934E-2</c:v>
                </c:pt>
                <c:pt idx="69">
                  <c:v>1.1949892561924689E-2</c:v>
                </c:pt>
                <c:pt idx="70">
                  <c:v>1.3117377328175918E-2</c:v>
                </c:pt>
                <c:pt idx="71">
                  <c:v>1.4938231070334082E-2</c:v>
                </c:pt>
                <c:pt idx="72">
                  <c:v>1.8557725201408023E-2</c:v>
                </c:pt>
                <c:pt idx="73">
                  <c:v>2.014129208761567E-2</c:v>
                </c:pt>
                <c:pt idx="74">
                  <c:v>2.0859913867351743E-2</c:v>
                </c:pt>
                <c:pt idx="75">
                  <c:v>2.2898536160779574E-2</c:v>
                </c:pt>
                <c:pt idx="76">
                  <c:v>2.4821361506949566E-2</c:v>
                </c:pt>
                <c:pt idx="77">
                  <c:v>2.5105908168333024E-2</c:v>
                </c:pt>
                <c:pt idx="78">
                  <c:v>2.4419822470520484E-2</c:v>
                </c:pt>
                <c:pt idx="79">
                  <c:v>2.3809690828407816E-2</c:v>
                </c:pt>
                <c:pt idx="80">
                  <c:v>2.5261630966694714E-2</c:v>
                </c:pt>
                <c:pt idx="81">
                  <c:v>2.720479488208909E-2</c:v>
                </c:pt>
                <c:pt idx="82">
                  <c:v>2.7041184492737257E-2</c:v>
                </c:pt>
                <c:pt idx="83">
                  <c:v>2.594280859268009E-2</c:v>
                </c:pt>
                <c:pt idx="84">
                  <c:v>2.5771621662446748E-2</c:v>
                </c:pt>
                <c:pt idx="85">
                  <c:v>2.7168464682967994E-2</c:v>
                </c:pt>
                <c:pt idx="86">
                  <c:v>2.6449487590599213E-2</c:v>
                </c:pt>
                <c:pt idx="87">
                  <c:v>2.3372068908468633E-2</c:v>
                </c:pt>
                <c:pt idx="88">
                  <c:v>2.1184305512310167E-2</c:v>
                </c:pt>
                <c:pt idx="89">
                  <c:v>2.0386686627103363E-2</c:v>
                </c:pt>
                <c:pt idx="90">
                  <c:v>1.7747705647943462E-2</c:v>
                </c:pt>
                <c:pt idx="91">
                  <c:v>1.5654870236661251E-2</c:v>
                </c:pt>
                <c:pt idx="92">
                  <c:v>1.4956509853428336E-2</c:v>
                </c:pt>
                <c:pt idx="93">
                  <c:v>1.6101098267352277E-2</c:v>
                </c:pt>
                <c:pt idx="94">
                  <c:v>1.7415053799431805E-2</c:v>
                </c:pt>
                <c:pt idx="95">
                  <c:v>1.8665018938445237E-2</c:v>
                </c:pt>
                <c:pt idx="96">
                  <c:v>1.9241363957979381E-2</c:v>
                </c:pt>
                <c:pt idx="97">
                  <c:v>1.9157041696077855E-2</c:v>
                </c:pt>
                <c:pt idx="98">
                  <c:v>1.9975512877816688E-2</c:v>
                </c:pt>
                <c:pt idx="99">
                  <c:v>2.0683205306798066E-2</c:v>
                </c:pt>
                <c:pt idx="100">
                  <c:v>2.2155102083037479E-2</c:v>
                </c:pt>
                <c:pt idx="101">
                  <c:v>2.235926803683028E-2</c:v>
                </c:pt>
                <c:pt idx="102">
                  <c:v>2.1886403964682961E-2</c:v>
                </c:pt>
                <c:pt idx="103">
                  <c:v>2.2595916686998799E-2</c:v>
                </c:pt>
                <c:pt idx="104">
                  <c:v>2.1659643750706992E-2</c:v>
                </c:pt>
                <c:pt idx="105">
                  <c:v>2.1439122984153885E-2</c:v>
                </c:pt>
                <c:pt idx="106">
                  <c:v>2.0616247202047851E-2</c:v>
                </c:pt>
                <c:pt idx="107">
                  <c:v>2.0211661007812274E-2</c:v>
                </c:pt>
                <c:pt idx="108">
                  <c:v>1.948848004643277E-2</c:v>
                </c:pt>
                <c:pt idx="109">
                  <c:v>1.7700962271476783E-2</c:v>
                </c:pt>
                <c:pt idx="110">
                  <c:v>1.7023197330901976E-2</c:v>
                </c:pt>
                <c:pt idx="111">
                  <c:v>1.7914968594291616E-2</c:v>
                </c:pt>
                <c:pt idx="112">
                  <c:v>1.8651426082711486E-2</c:v>
                </c:pt>
                <c:pt idx="113">
                  <c:v>1.9564635115539828E-2</c:v>
                </c:pt>
                <c:pt idx="114">
                  <c:v>1.9912702759252915E-2</c:v>
                </c:pt>
                <c:pt idx="115">
                  <c:v>2.1001876713007843E-2</c:v>
                </c:pt>
                <c:pt idx="116">
                  <c:v>2.2560805718617457E-2</c:v>
                </c:pt>
                <c:pt idx="117">
                  <c:v>2.3222154416236644E-2</c:v>
                </c:pt>
                <c:pt idx="118">
                  <c:v>2.2078928777712881E-2</c:v>
                </c:pt>
                <c:pt idx="119">
                  <c:v>2.1563063646877326E-2</c:v>
                </c:pt>
                <c:pt idx="120">
                  <c:v>2.1902725875319343E-2</c:v>
                </c:pt>
                <c:pt idx="121">
                  <c:v>2.1663381258640153E-2</c:v>
                </c:pt>
                <c:pt idx="122">
                  <c:v>2.0101388900987189E-2</c:v>
                </c:pt>
                <c:pt idx="123">
                  <c:v>1.8268487667913006E-2</c:v>
                </c:pt>
                <c:pt idx="124">
                  <c:v>1.7185547921393981E-2</c:v>
                </c:pt>
                <c:pt idx="125">
                  <c:v>1.6597601502324318E-2</c:v>
                </c:pt>
                <c:pt idx="126">
                  <c:v>1.4755519125737434E-2</c:v>
                </c:pt>
                <c:pt idx="127">
                  <c:v>1.3327823748659996E-2</c:v>
                </c:pt>
                <c:pt idx="128">
                  <c:v>1.2537011619014158E-2</c:v>
                </c:pt>
                <c:pt idx="129">
                  <c:v>1.3017673919480657E-2</c:v>
                </c:pt>
                <c:pt idx="130">
                  <c:v>1.2276784790763448E-2</c:v>
                </c:pt>
                <c:pt idx="131">
                  <c:v>1.1364784938077865E-2</c:v>
                </c:pt>
                <c:pt idx="132">
                  <c:v>1.2156943206352619E-2</c:v>
                </c:pt>
                <c:pt idx="133">
                  <c:v>1.3230388511115522E-2</c:v>
                </c:pt>
                <c:pt idx="134">
                  <c:v>1.5005892179519951E-2</c:v>
                </c:pt>
                <c:pt idx="135">
                  <c:v>1.6001399862966309E-2</c:v>
                </c:pt>
                <c:pt idx="136">
                  <c:v>1.7267652885676672E-2</c:v>
                </c:pt>
                <c:pt idx="137">
                  <c:v>1.9284867250091733E-2</c:v>
                </c:pt>
                <c:pt idx="138">
                  <c:v>2.1402143977312747E-2</c:v>
                </c:pt>
                <c:pt idx="139">
                  <c:v>2.2895647971736054E-2</c:v>
                </c:pt>
                <c:pt idx="140">
                  <c:v>2.3556010987486505E-2</c:v>
                </c:pt>
                <c:pt idx="141">
                  <c:v>2.4496481823926518E-2</c:v>
                </c:pt>
                <c:pt idx="142">
                  <c:v>2.5188386811846975E-2</c:v>
                </c:pt>
                <c:pt idx="143">
                  <c:v>2.5009557576548852E-2</c:v>
                </c:pt>
                <c:pt idx="144">
                  <c:v>2.4897662725675333E-2</c:v>
                </c:pt>
                <c:pt idx="145">
                  <c:v>2.5729178384032492E-2</c:v>
                </c:pt>
                <c:pt idx="146">
                  <c:v>2.5627669387201586E-2</c:v>
                </c:pt>
                <c:pt idx="147">
                  <c:v>2.4946659091458077E-2</c:v>
                </c:pt>
                <c:pt idx="148">
                  <c:v>2.3951646086246569E-2</c:v>
                </c:pt>
                <c:pt idx="149">
                  <c:v>2.2936304480655253E-2</c:v>
                </c:pt>
                <c:pt idx="150">
                  <c:v>2.1886460290026846E-2</c:v>
                </c:pt>
                <c:pt idx="151">
                  <c:v>2.0752627631188389E-2</c:v>
                </c:pt>
                <c:pt idx="152">
                  <c:v>1.9096730316009853E-2</c:v>
                </c:pt>
                <c:pt idx="153">
                  <c:v>1.7671746619124122E-2</c:v>
                </c:pt>
                <c:pt idx="154">
                  <c:v>1.678796942533552E-2</c:v>
                </c:pt>
                <c:pt idx="155">
                  <c:v>1.6440414310459804E-2</c:v>
                </c:pt>
                <c:pt idx="156">
                  <c:v>1.575416809417694E-2</c:v>
                </c:pt>
                <c:pt idx="157">
                  <c:v>1.4917028021677369E-2</c:v>
                </c:pt>
                <c:pt idx="158">
                  <c:v>1.4435641365213605E-2</c:v>
                </c:pt>
                <c:pt idx="159">
                  <c:v>1.5229160002607116E-2</c:v>
                </c:pt>
                <c:pt idx="160">
                  <c:v>1.5914303510591046E-2</c:v>
                </c:pt>
                <c:pt idx="161">
                  <c:v>1.654901346165024E-2</c:v>
                </c:pt>
                <c:pt idx="162">
                  <c:v>1.7181089200547905E-2</c:v>
                </c:pt>
                <c:pt idx="163">
                  <c:v>1.851289783358015E-2</c:v>
                </c:pt>
                <c:pt idx="164">
                  <c:v>1.9681881875472998E-2</c:v>
                </c:pt>
                <c:pt idx="165">
                  <c:v>2.0389507217819524E-2</c:v>
                </c:pt>
                <c:pt idx="166">
                  <c:v>2.0679046234566976E-2</c:v>
                </c:pt>
                <c:pt idx="167">
                  <c:v>2.142851465140163E-2</c:v>
                </c:pt>
                <c:pt idx="168">
                  <c:v>2.1743316407289257E-2</c:v>
                </c:pt>
                <c:pt idx="169">
                  <c:v>2.1584356994558379E-2</c:v>
                </c:pt>
                <c:pt idx="170">
                  <c:v>2.1242604435587804E-2</c:v>
                </c:pt>
                <c:pt idx="171">
                  <c:v>2.1099741107837008E-2</c:v>
                </c:pt>
                <c:pt idx="172">
                  <c:v>2.0730158880392393E-2</c:v>
                </c:pt>
                <c:pt idx="173">
                  <c:v>2.0145726198868334E-2</c:v>
                </c:pt>
                <c:pt idx="174">
                  <c:v>1.9253724745855801E-2</c:v>
                </c:pt>
                <c:pt idx="175">
                  <c:v>1.8958313733148373E-2</c:v>
                </c:pt>
                <c:pt idx="176">
                  <c:v>1.8436604551412817E-2</c:v>
                </c:pt>
                <c:pt idx="177">
                  <c:v>1.8218373463094767E-2</c:v>
                </c:pt>
                <c:pt idx="178">
                  <c:v>1.7521067182772413E-2</c:v>
                </c:pt>
                <c:pt idx="179">
                  <c:v>1.7421900427657278E-2</c:v>
                </c:pt>
                <c:pt idx="180">
                  <c:v>1.7897927296273534E-2</c:v>
                </c:pt>
                <c:pt idx="181">
                  <c:v>1.8082854489894332E-2</c:v>
                </c:pt>
                <c:pt idx="182">
                  <c:v>1.8347087515640511E-2</c:v>
                </c:pt>
                <c:pt idx="183">
                  <c:v>1.9263259376564836E-2</c:v>
                </c:pt>
                <c:pt idx="184">
                  <c:v>2.0200500233687805E-2</c:v>
                </c:pt>
                <c:pt idx="185">
                  <c:v>2.07416868608221E-2</c:v>
                </c:pt>
                <c:pt idx="186">
                  <c:v>2.0319850050781924E-2</c:v>
                </c:pt>
                <c:pt idx="187">
                  <c:v>2.0858699100167855E-2</c:v>
                </c:pt>
                <c:pt idx="188">
                  <c:v>2.0993706275841722E-2</c:v>
                </c:pt>
                <c:pt idx="189">
                  <c:v>2.0887961298029521E-2</c:v>
                </c:pt>
                <c:pt idx="190">
                  <c:v>2.0654610767295134E-2</c:v>
                </c:pt>
                <c:pt idx="191">
                  <c:v>2.021832956419746E-2</c:v>
                </c:pt>
                <c:pt idx="192">
                  <c:v>1.9809691974836535E-2</c:v>
                </c:pt>
                <c:pt idx="193">
                  <c:v>1.8875983562567967E-2</c:v>
                </c:pt>
                <c:pt idx="194">
                  <c:v>1.7531450769102959E-2</c:v>
                </c:pt>
                <c:pt idx="195">
                  <c:v>1.6096676122599251E-2</c:v>
                </c:pt>
                <c:pt idx="196">
                  <c:v>1.5324319663202921E-2</c:v>
                </c:pt>
                <c:pt idx="197">
                  <c:v>1.5276801559032041E-2</c:v>
                </c:pt>
                <c:pt idx="198">
                  <c:v>1.4783816239729195E-2</c:v>
                </c:pt>
                <c:pt idx="199">
                  <c:v>1.4407613480093983E-2</c:v>
                </c:pt>
                <c:pt idx="200">
                  <c:v>1.4597492783696561E-2</c:v>
                </c:pt>
                <c:pt idx="201">
                  <c:v>1.5558675397359363E-2</c:v>
                </c:pt>
                <c:pt idx="202">
                  <c:v>1.5754861265284009E-2</c:v>
                </c:pt>
                <c:pt idx="203">
                  <c:v>1.5311862441142726E-2</c:v>
                </c:pt>
                <c:pt idx="204">
                  <c:v>1.5586715267977596E-2</c:v>
                </c:pt>
                <c:pt idx="205">
                  <c:v>1.6766288449217348E-2</c:v>
                </c:pt>
                <c:pt idx="206">
                  <c:v>1.8521513734851509E-2</c:v>
                </c:pt>
                <c:pt idx="207">
                  <c:v>1.9700980337474212E-2</c:v>
                </c:pt>
                <c:pt idx="208">
                  <c:v>2.0219315439741693E-2</c:v>
                </c:pt>
                <c:pt idx="209">
                  <c:v>2.1176386325427912E-2</c:v>
                </c:pt>
                <c:pt idx="210">
                  <c:v>2.2449731379816092E-2</c:v>
                </c:pt>
                <c:pt idx="211">
                  <c:v>2.3508015672799518E-2</c:v>
                </c:pt>
                <c:pt idx="212">
                  <c:v>2.3026229362018834E-2</c:v>
                </c:pt>
                <c:pt idx="213">
                  <c:v>2.2073575088530663E-2</c:v>
                </c:pt>
                <c:pt idx="214">
                  <c:v>2.1993205409713831E-2</c:v>
                </c:pt>
                <c:pt idx="215">
                  <c:v>2.2017375422987082E-2</c:v>
                </c:pt>
                <c:pt idx="216">
                  <c:v>2.1073526924482111E-2</c:v>
                </c:pt>
                <c:pt idx="217">
                  <c:v>1.9539843655396912E-2</c:v>
                </c:pt>
                <c:pt idx="218">
                  <c:v>1.8097778867603886E-2</c:v>
                </c:pt>
                <c:pt idx="219">
                  <c:v>1.7411187853483414E-2</c:v>
                </c:pt>
                <c:pt idx="220">
                  <c:v>1.6136207399061693E-2</c:v>
                </c:pt>
                <c:pt idx="221">
                  <c:v>1.4205976468318688E-2</c:v>
                </c:pt>
                <c:pt idx="222">
                  <c:v>1.3377312417509868E-2</c:v>
                </c:pt>
                <c:pt idx="223">
                  <c:v>1.3760338518736381E-2</c:v>
                </c:pt>
                <c:pt idx="224">
                  <c:v>1.3749102279535427E-2</c:v>
                </c:pt>
                <c:pt idx="225">
                  <c:v>1.2705559963308197E-2</c:v>
                </c:pt>
                <c:pt idx="226">
                  <c:v>1.1717620553928873E-2</c:v>
                </c:pt>
                <c:pt idx="227">
                  <c:v>1.2434211032013101E-2</c:v>
                </c:pt>
                <c:pt idx="228">
                  <c:v>1.3105429403770921E-2</c:v>
                </c:pt>
                <c:pt idx="229">
                  <c:v>1.3202478256222025E-2</c:v>
                </c:pt>
                <c:pt idx="230">
                  <c:v>1.2884714199744685E-2</c:v>
                </c:pt>
                <c:pt idx="231">
                  <c:v>1.414823840874614E-2</c:v>
                </c:pt>
                <c:pt idx="232">
                  <c:v>1.5093563948565775E-2</c:v>
                </c:pt>
                <c:pt idx="233">
                  <c:v>1.5882971811675396E-2</c:v>
                </c:pt>
                <c:pt idx="234">
                  <c:v>1.6090635046354215E-2</c:v>
                </c:pt>
                <c:pt idx="235">
                  <c:v>1.7658493095424183E-2</c:v>
                </c:pt>
                <c:pt idx="236">
                  <c:v>1.9065025340016625E-2</c:v>
                </c:pt>
                <c:pt idx="237">
                  <c:v>1.9363815314095371E-2</c:v>
                </c:pt>
                <c:pt idx="238">
                  <c:v>1.8607411649610616E-2</c:v>
                </c:pt>
                <c:pt idx="239">
                  <c:v>1.8423580908270707E-2</c:v>
                </c:pt>
                <c:pt idx="240">
                  <c:v>1.8562272920916945E-2</c:v>
                </c:pt>
                <c:pt idx="241">
                  <c:v>1.8599444307492392E-2</c:v>
                </c:pt>
                <c:pt idx="242">
                  <c:v>1.7710866828620071E-2</c:v>
                </c:pt>
                <c:pt idx="243">
                  <c:v>1.72431205723746E-2</c:v>
                </c:pt>
                <c:pt idx="244">
                  <c:v>1.7339264996456834E-2</c:v>
                </c:pt>
                <c:pt idx="245">
                  <c:v>1.7385892581689884E-2</c:v>
                </c:pt>
                <c:pt idx="246">
                  <c:v>1.6610501468900779E-2</c:v>
                </c:pt>
                <c:pt idx="247">
                  <c:v>1.5992059222454377E-2</c:v>
                </c:pt>
                <c:pt idx="248">
                  <c:v>1.574204543552583E-2</c:v>
                </c:pt>
                <c:pt idx="249">
                  <c:v>1.6194903694818918E-2</c:v>
                </c:pt>
                <c:pt idx="250">
                  <c:v>1.5891562343677296E-2</c:v>
                </c:pt>
                <c:pt idx="251">
                  <c:v>1.4914091651937109E-2</c:v>
                </c:pt>
                <c:pt idx="252">
                  <c:v>1.4712257358171027E-2</c:v>
                </c:pt>
                <c:pt idx="253">
                  <c:v>1.5059775818980149E-2</c:v>
                </c:pt>
                <c:pt idx="254">
                  <c:v>1.5029372027402618E-2</c:v>
                </c:pt>
                <c:pt idx="255">
                  <c:v>1.5075187117136193E-2</c:v>
                </c:pt>
                <c:pt idx="256">
                  <c:v>1.6087291746290582E-2</c:v>
                </c:pt>
                <c:pt idx="257">
                  <c:v>1.7004054563218216E-2</c:v>
                </c:pt>
                <c:pt idx="258">
                  <c:v>1.7221239645423839E-2</c:v>
                </c:pt>
                <c:pt idx="259">
                  <c:v>1.6577467908961346E-2</c:v>
                </c:pt>
                <c:pt idx="260">
                  <c:v>1.6407015339421457E-2</c:v>
                </c:pt>
                <c:pt idx="261">
                  <c:v>1.6005559175970525E-2</c:v>
                </c:pt>
                <c:pt idx="262">
                  <c:v>1.5637226850997953E-2</c:v>
                </c:pt>
                <c:pt idx="263">
                  <c:v>1.5279855667571157E-2</c:v>
                </c:pt>
                <c:pt idx="264">
                  <c:v>1.4675288430241296E-2</c:v>
                </c:pt>
                <c:pt idx="265">
                  <c:v>1.4487770041797717E-2</c:v>
                </c:pt>
                <c:pt idx="266">
                  <c:v>1.4523058739838878E-2</c:v>
                </c:pt>
                <c:pt idx="267">
                  <c:v>1.4510611118835113E-2</c:v>
                </c:pt>
                <c:pt idx="268">
                  <c:v>1.4425021010004802E-2</c:v>
                </c:pt>
                <c:pt idx="269">
                  <c:v>1.4790544872915349E-2</c:v>
                </c:pt>
                <c:pt idx="270">
                  <c:v>1.5130202098865193E-2</c:v>
                </c:pt>
                <c:pt idx="271">
                  <c:v>1.557910180573383E-2</c:v>
                </c:pt>
                <c:pt idx="272">
                  <c:v>1.6279329568151032E-2</c:v>
                </c:pt>
                <c:pt idx="273">
                  <c:v>1.706423478062679E-2</c:v>
                </c:pt>
                <c:pt idx="274">
                  <c:v>1.7223602414222397E-2</c:v>
                </c:pt>
                <c:pt idx="275">
                  <c:v>1.714581307879556E-2</c:v>
                </c:pt>
                <c:pt idx="276">
                  <c:v>1.7708938494311047E-2</c:v>
                </c:pt>
                <c:pt idx="277">
                  <c:v>1.8397482121520693E-2</c:v>
                </c:pt>
                <c:pt idx="278">
                  <c:v>1.8352797873160388E-2</c:v>
                </c:pt>
                <c:pt idx="279">
                  <c:v>1.8057865580841839E-2</c:v>
                </c:pt>
                <c:pt idx="280">
                  <c:v>1.7857274201562249E-2</c:v>
                </c:pt>
                <c:pt idx="281">
                  <c:v>1.7767071373331139E-2</c:v>
                </c:pt>
                <c:pt idx="282">
                  <c:v>1.746451177610675E-2</c:v>
                </c:pt>
                <c:pt idx="283">
                  <c:v>1.7106926145638215E-2</c:v>
                </c:pt>
                <c:pt idx="284">
                  <c:v>1.6683604109859172E-2</c:v>
                </c:pt>
                <c:pt idx="285">
                  <c:v>1.6382724321012839E-2</c:v>
                </c:pt>
                <c:pt idx="286">
                  <c:v>1.5977554557566748E-2</c:v>
                </c:pt>
                <c:pt idx="287">
                  <c:v>1.5625401338726721E-2</c:v>
                </c:pt>
                <c:pt idx="288">
                  <c:v>1.4643841792867778E-2</c:v>
                </c:pt>
                <c:pt idx="289">
                  <c:v>1.4011372988422845E-2</c:v>
                </c:pt>
                <c:pt idx="290">
                  <c:v>1.3576729438019871E-2</c:v>
                </c:pt>
                <c:pt idx="291">
                  <c:v>1.2710505560989441E-2</c:v>
                </c:pt>
                <c:pt idx="292">
                  <c:v>1.2081751772787176E-2</c:v>
                </c:pt>
                <c:pt idx="293">
                  <c:v>1.1986941843907195E-2</c:v>
                </c:pt>
                <c:pt idx="294">
                  <c:v>1.2097306349724455E-2</c:v>
                </c:pt>
                <c:pt idx="295">
                  <c:v>1.2424167634908393E-2</c:v>
                </c:pt>
                <c:pt idx="296">
                  <c:v>1.2631502026954343E-2</c:v>
                </c:pt>
                <c:pt idx="297">
                  <c:v>1.3267306083247155E-2</c:v>
                </c:pt>
                <c:pt idx="298">
                  <c:v>1.4335801571048221E-2</c:v>
                </c:pt>
                <c:pt idx="299">
                  <c:v>1.4833843795350882E-2</c:v>
                </c:pt>
                <c:pt idx="300">
                  <c:v>1.4980596479325698E-2</c:v>
                </c:pt>
                <c:pt idx="301">
                  <c:v>1.5739876193026376E-2</c:v>
                </c:pt>
                <c:pt idx="302">
                  <c:v>1.6253389918634807E-2</c:v>
                </c:pt>
                <c:pt idx="303">
                  <c:v>1.6112567569480766E-2</c:v>
                </c:pt>
                <c:pt idx="304">
                  <c:v>1.5884570571043383E-2</c:v>
                </c:pt>
                <c:pt idx="305">
                  <c:v>1.6002791613314193E-2</c:v>
                </c:pt>
                <c:pt idx="306">
                  <c:v>1.6210965675100882E-2</c:v>
                </c:pt>
                <c:pt idx="307">
                  <c:v>1.6074267403131476E-2</c:v>
                </c:pt>
                <c:pt idx="308">
                  <c:v>1.5919121506049443E-2</c:v>
                </c:pt>
                <c:pt idx="309">
                  <c:v>1.6344211144329077E-2</c:v>
                </c:pt>
                <c:pt idx="310">
                  <c:v>1.6385239434481579E-2</c:v>
                </c:pt>
                <c:pt idx="311">
                  <c:v>1.6356587069437198E-2</c:v>
                </c:pt>
                <c:pt idx="312">
                  <c:v>1.5742705476883317E-2</c:v>
                </c:pt>
                <c:pt idx="313">
                  <c:v>1.5029279721960614E-2</c:v>
                </c:pt>
                <c:pt idx="314">
                  <c:v>1.4754713195560817E-2</c:v>
                </c:pt>
                <c:pt idx="315">
                  <c:v>1.4367953163846899E-2</c:v>
                </c:pt>
                <c:pt idx="316">
                  <c:v>1.3989975608367306E-2</c:v>
                </c:pt>
                <c:pt idx="317">
                  <c:v>1.3115623998686481E-2</c:v>
                </c:pt>
                <c:pt idx="318">
                  <c:v>1.2565257830786922E-2</c:v>
                </c:pt>
                <c:pt idx="319">
                  <c:v>1.2321070646654733E-2</c:v>
                </c:pt>
                <c:pt idx="320">
                  <c:v>1.2359706258355131E-2</c:v>
                </c:pt>
                <c:pt idx="321">
                  <c:v>1.2587911121619531E-2</c:v>
                </c:pt>
                <c:pt idx="322">
                  <c:v>1.2539839666657795E-2</c:v>
                </c:pt>
                <c:pt idx="323">
                  <c:v>1.2964422673694661E-2</c:v>
                </c:pt>
                <c:pt idx="324">
                  <c:v>1.3473035011384816E-2</c:v>
                </c:pt>
                <c:pt idx="325">
                  <c:v>1.3758543856148886E-2</c:v>
                </c:pt>
                <c:pt idx="326">
                  <c:v>1.4208523115369354E-2</c:v>
                </c:pt>
                <c:pt idx="327">
                  <c:v>1.4669772541870055E-2</c:v>
                </c:pt>
                <c:pt idx="328">
                  <c:v>1.522920856234725E-2</c:v>
                </c:pt>
                <c:pt idx="329">
                  <c:v>1.5727364938336319E-2</c:v>
                </c:pt>
                <c:pt idx="330">
                  <c:v>1.6073219452860329E-2</c:v>
                </c:pt>
                <c:pt idx="331">
                  <c:v>1.6292660855289048E-2</c:v>
                </c:pt>
                <c:pt idx="332">
                  <c:v>1.6485956624383704E-2</c:v>
                </c:pt>
                <c:pt idx="333">
                  <c:v>1.6429998870127051E-2</c:v>
                </c:pt>
                <c:pt idx="334">
                  <c:v>1.6285115440603033E-2</c:v>
                </c:pt>
                <c:pt idx="335">
                  <c:v>1.6055705853444263E-2</c:v>
                </c:pt>
                <c:pt idx="336">
                  <c:v>1.5586324186976905E-2</c:v>
                </c:pt>
                <c:pt idx="337">
                  <c:v>1.5297174434504287E-2</c:v>
                </c:pt>
                <c:pt idx="338">
                  <c:v>1.5399881989820542E-2</c:v>
                </c:pt>
                <c:pt idx="339">
                  <c:v>1.5311687793475408E-2</c:v>
                </c:pt>
                <c:pt idx="340">
                  <c:v>1.466601209042958E-2</c:v>
                </c:pt>
                <c:pt idx="341">
                  <c:v>1.4200631824834668E-2</c:v>
                </c:pt>
                <c:pt idx="342">
                  <c:v>1.3619817610795289E-2</c:v>
                </c:pt>
                <c:pt idx="343">
                  <c:v>1.3307004904461597E-2</c:v>
                </c:pt>
                <c:pt idx="344">
                  <c:v>1.3331023459779028E-2</c:v>
                </c:pt>
                <c:pt idx="345">
                  <c:v>1.3380347822063139E-2</c:v>
                </c:pt>
                <c:pt idx="346">
                  <c:v>1.3655220330598119E-2</c:v>
                </c:pt>
                <c:pt idx="347">
                  <c:v>1.3808151656126658E-2</c:v>
                </c:pt>
                <c:pt idx="348">
                  <c:v>1.4081059050831407E-2</c:v>
                </c:pt>
                <c:pt idx="349">
                  <c:v>1.4285523013076984E-2</c:v>
                </c:pt>
                <c:pt idx="350">
                  <c:v>1.4570418086154911E-2</c:v>
                </c:pt>
                <c:pt idx="351">
                  <c:v>1.4987465606638358E-2</c:v>
                </c:pt>
                <c:pt idx="352">
                  <c:v>1.5095997867224932E-2</c:v>
                </c:pt>
                <c:pt idx="353">
                  <c:v>1.4753517917228226E-2</c:v>
                </c:pt>
                <c:pt idx="354">
                  <c:v>1.4435295080292747E-2</c:v>
                </c:pt>
                <c:pt idx="355">
                  <c:v>1.4831683229862867E-2</c:v>
                </c:pt>
                <c:pt idx="356">
                  <c:v>1.4890807015150029E-2</c:v>
                </c:pt>
                <c:pt idx="357">
                  <c:v>1.430402778862652E-2</c:v>
                </c:pt>
                <c:pt idx="358">
                  <c:v>1.3874141588382604E-2</c:v>
                </c:pt>
                <c:pt idx="359">
                  <c:v>1.3898267954670798E-2</c:v>
                </c:pt>
                <c:pt idx="360">
                  <c:v>1.4089304326511672E-2</c:v>
                </c:pt>
                <c:pt idx="361">
                  <c:v>1.3568292538492548E-2</c:v>
                </c:pt>
                <c:pt idx="362">
                  <c:v>1.2886826017178278E-2</c:v>
                </c:pt>
                <c:pt idx="363">
                  <c:v>1.2450941845501967E-2</c:v>
                </c:pt>
                <c:pt idx="364">
                  <c:v>1.2385848087645163E-2</c:v>
                </c:pt>
                <c:pt idx="365">
                  <c:v>1.2536302458507452E-2</c:v>
                </c:pt>
                <c:pt idx="366">
                  <c:v>1.2183626293314216E-2</c:v>
                </c:pt>
                <c:pt idx="367">
                  <c:v>1.2005035120317547E-2</c:v>
                </c:pt>
                <c:pt idx="368">
                  <c:v>1.2487473367072604E-2</c:v>
                </c:pt>
                <c:pt idx="369">
                  <c:v>1.3124969752162976E-2</c:v>
                </c:pt>
                <c:pt idx="370">
                  <c:v>1.3303252492276769E-2</c:v>
                </c:pt>
                <c:pt idx="371">
                  <c:v>1.3618163366382078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DF5-4E5F-AFB0-B931F5AF2C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12156592"/>
        <c:axId val="1012155608"/>
      </c:scatterChart>
      <c:valAx>
        <c:axId val="1012156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5608"/>
        <c:crosses val="autoZero"/>
        <c:crossBetween val="midCat"/>
      </c:valAx>
      <c:valAx>
        <c:axId val="10121556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659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0.1135706107708218"/>
                  <c:y val="-0.21419302959610084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15s(11)'!$D$2:$D$2649</c:f>
              <c:numCache>
                <c:formatCode>General</c:formatCode>
                <c:ptCount val="2648"/>
                <c:pt idx="0">
                  <c:v>0</c:v>
                </c:pt>
                <c:pt idx="1">
                  <c:v>5.0050000000005923E-3</c:v>
                </c:pt>
                <c:pt idx="2">
                  <c:v>1.0009999999999408E-2</c:v>
                </c:pt>
                <c:pt idx="3">
                  <c:v>1.5015000000000001E-2</c:v>
                </c:pt>
                <c:pt idx="4">
                  <c:v>2.0020000000000593E-2</c:v>
                </c:pt>
                <c:pt idx="5">
                  <c:v>7.5072000000000472E-2</c:v>
                </c:pt>
                <c:pt idx="6">
                  <c:v>8.0077000000001064E-2</c:v>
                </c:pt>
                <c:pt idx="7">
                  <c:v>8.508199999999988E-2</c:v>
                </c:pt>
                <c:pt idx="8">
                  <c:v>9.0087000000000472E-2</c:v>
                </c:pt>
                <c:pt idx="9">
                  <c:v>9.5092000000001065E-2</c:v>
                </c:pt>
                <c:pt idx="10">
                  <c:v>0.10009600000000063</c:v>
                </c:pt>
                <c:pt idx="11">
                  <c:v>0.10510099999999944</c:v>
                </c:pt>
                <c:pt idx="12">
                  <c:v>0.11010600000000004</c:v>
                </c:pt>
                <c:pt idx="13">
                  <c:v>0.11511100000000063</c:v>
                </c:pt>
                <c:pt idx="14">
                  <c:v>0.12011599999999945</c:v>
                </c:pt>
                <c:pt idx="15">
                  <c:v>0.12512000000000079</c:v>
                </c:pt>
                <c:pt idx="16">
                  <c:v>0.1301249999999996</c:v>
                </c:pt>
                <c:pt idx="17">
                  <c:v>0.13513000000000019</c:v>
                </c:pt>
                <c:pt idx="18">
                  <c:v>0.14013500000000079</c:v>
                </c:pt>
                <c:pt idx="19">
                  <c:v>0.1451399999999996</c:v>
                </c:pt>
                <c:pt idx="20">
                  <c:v>0.15014400000000094</c:v>
                </c:pt>
                <c:pt idx="21">
                  <c:v>0.15514899999999976</c:v>
                </c:pt>
                <c:pt idx="22">
                  <c:v>0.16015400000000035</c:v>
                </c:pt>
                <c:pt idx="23">
                  <c:v>0.16515900000000094</c:v>
                </c:pt>
                <c:pt idx="24">
                  <c:v>0.17016399999999976</c:v>
                </c:pt>
                <c:pt idx="25">
                  <c:v>0.1751680000000011</c:v>
                </c:pt>
                <c:pt idx="26">
                  <c:v>0.18017299999999992</c:v>
                </c:pt>
                <c:pt idx="27">
                  <c:v>0.18517800000000051</c:v>
                </c:pt>
                <c:pt idx="28">
                  <c:v>0.1901830000000011</c:v>
                </c:pt>
                <c:pt idx="29">
                  <c:v>0.19518799999999992</c:v>
                </c:pt>
                <c:pt idx="30">
                  <c:v>0.20019199999999948</c:v>
                </c:pt>
                <c:pt idx="31">
                  <c:v>0.20519700000000007</c:v>
                </c:pt>
                <c:pt idx="32">
                  <c:v>0.21020200000000067</c:v>
                </c:pt>
                <c:pt idx="33">
                  <c:v>0.21520699999999948</c:v>
                </c:pt>
                <c:pt idx="34">
                  <c:v>0.22021200000000007</c:v>
                </c:pt>
                <c:pt idx="35">
                  <c:v>0.22521599999999964</c:v>
                </c:pt>
                <c:pt idx="36">
                  <c:v>0.23022100000000023</c:v>
                </c:pt>
                <c:pt idx="37">
                  <c:v>0.23522600000000082</c:v>
                </c:pt>
                <c:pt idx="38">
                  <c:v>0.24023099999999964</c:v>
                </c:pt>
                <c:pt idx="39">
                  <c:v>0.24523600000000023</c:v>
                </c:pt>
                <c:pt idx="40">
                  <c:v>0.2502399999999998</c:v>
                </c:pt>
                <c:pt idx="41">
                  <c:v>0.25524500000000039</c:v>
                </c:pt>
                <c:pt idx="42">
                  <c:v>0.26025000000000098</c:v>
                </c:pt>
                <c:pt idx="43">
                  <c:v>0.2652549999999998</c:v>
                </c:pt>
                <c:pt idx="44">
                  <c:v>0.27026000000000039</c:v>
                </c:pt>
                <c:pt idx="45">
                  <c:v>0.27526399999999995</c:v>
                </c:pt>
                <c:pt idx="46">
                  <c:v>0.28026900000000055</c:v>
                </c:pt>
                <c:pt idx="47">
                  <c:v>0.28527399999999936</c:v>
                </c:pt>
                <c:pt idx="48">
                  <c:v>0.29027899999999995</c:v>
                </c:pt>
                <c:pt idx="49">
                  <c:v>0.29528400000000055</c:v>
                </c:pt>
                <c:pt idx="50">
                  <c:v>0.30028800000000011</c:v>
                </c:pt>
                <c:pt idx="51">
                  <c:v>0.3052930000000007</c:v>
                </c:pt>
                <c:pt idx="52">
                  <c:v>0.31029799999999952</c:v>
                </c:pt>
                <c:pt idx="53">
                  <c:v>0.31530300000000011</c:v>
                </c:pt>
                <c:pt idx="54">
                  <c:v>0.3203080000000007</c:v>
                </c:pt>
                <c:pt idx="55">
                  <c:v>0.32531200000000027</c:v>
                </c:pt>
                <c:pt idx="56">
                  <c:v>0.33031700000000086</c:v>
                </c:pt>
                <c:pt idx="57">
                  <c:v>0.33532199999999968</c:v>
                </c:pt>
                <c:pt idx="58">
                  <c:v>0.34032700000000027</c:v>
                </c:pt>
                <c:pt idx="59">
                  <c:v>0.34533200000000086</c:v>
                </c:pt>
                <c:pt idx="60">
                  <c:v>0.35033600000000042</c:v>
                </c:pt>
                <c:pt idx="61">
                  <c:v>0.35534100000000102</c:v>
                </c:pt>
                <c:pt idx="62">
                  <c:v>0.36034599999999983</c:v>
                </c:pt>
                <c:pt idx="63">
                  <c:v>0.36535100000000043</c:v>
                </c:pt>
                <c:pt idx="64">
                  <c:v>0.37035600000000102</c:v>
                </c:pt>
                <c:pt idx="65">
                  <c:v>0.37536000000000058</c:v>
                </c:pt>
                <c:pt idx="66">
                  <c:v>0.3803649999999994</c:v>
                </c:pt>
                <c:pt idx="67">
                  <c:v>0.38536999999999999</c:v>
                </c:pt>
                <c:pt idx="68">
                  <c:v>0.39037500000000058</c:v>
                </c:pt>
                <c:pt idx="69">
                  <c:v>0.3953799999999994</c:v>
                </c:pt>
                <c:pt idx="70">
                  <c:v>0.40038400000000074</c:v>
                </c:pt>
                <c:pt idx="71">
                  <c:v>0.40538899999999956</c:v>
                </c:pt>
                <c:pt idx="72">
                  <c:v>0.41039400000000015</c:v>
                </c:pt>
                <c:pt idx="73">
                  <c:v>0.41539900000000074</c:v>
                </c:pt>
                <c:pt idx="74">
                  <c:v>0.42040399999999956</c:v>
                </c:pt>
                <c:pt idx="75">
                  <c:v>0.4254080000000009</c:v>
                </c:pt>
                <c:pt idx="76">
                  <c:v>0.43041299999999971</c:v>
                </c:pt>
                <c:pt idx="77">
                  <c:v>0.4354180000000003</c:v>
                </c:pt>
                <c:pt idx="78">
                  <c:v>0.4404230000000009</c:v>
                </c:pt>
                <c:pt idx="79">
                  <c:v>0.44542799999999971</c:v>
                </c:pt>
                <c:pt idx="80">
                  <c:v>0.45043200000000105</c:v>
                </c:pt>
                <c:pt idx="81">
                  <c:v>0.45543699999999987</c:v>
                </c:pt>
                <c:pt idx="82">
                  <c:v>0.46044200000000046</c:v>
                </c:pt>
                <c:pt idx="83">
                  <c:v>0.46544700000000105</c:v>
                </c:pt>
                <c:pt idx="84">
                  <c:v>0.47045199999999987</c:v>
                </c:pt>
                <c:pt idx="85">
                  <c:v>0.47545599999999943</c:v>
                </c:pt>
                <c:pt idx="86">
                  <c:v>0.48046100000000003</c:v>
                </c:pt>
                <c:pt idx="87">
                  <c:v>0.48546600000000062</c:v>
                </c:pt>
                <c:pt idx="88">
                  <c:v>0.49047099999999944</c:v>
                </c:pt>
                <c:pt idx="89">
                  <c:v>0.49547600000000003</c:v>
                </c:pt>
                <c:pt idx="90">
                  <c:v>0.50047999999999959</c:v>
                </c:pt>
                <c:pt idx="91">
                  <c:v>0.50548500000000018</c:v>
                </c:pt>
                <c:pt idx="92">
                  <c:v>0.51049000000000078</c:v>
                </c:pt>
                <c:pt idx="93">
                  <c:v>0.51549499999999959</c:v>
                </c:pt>
                <c:pt idx="94">
                  <c:v>0.52050000000000018</c:v>
                </c:pt>
                <c:pt idx="95">
                  <c:v>0.52550399999999975</c:v>
                </c:pt>
                <c:pt idx="96">
                  <c:v>0.53050900000000034</c:v>
                </c:pt>
                <c:pt idx="97">
                  <c:v>0.53551400000000093</c:v>
                </c:pt>
                <c:pt idx="98">
                  <c:v>0.54051899999999975</c:v>
                </c:pt>
                <c:pt idx="99">
                  <c:v>0.54552400000000034</c:v>
                </c:pt>
                <c:pt idx="100">
                  <c:v>0.55052799999999991</c:v>
                </c:pt>
                <c:pt idx="101">
                  <c:v>0.5555330000000005</c:v>
                </c:pt>
                <c:pt idx="102">
                  <c:v>0.56053800000000109</c:v>
                </c:pt>
                <c:pt idx="103">
                  <c:v>0.56554299999999991</c:v>
                </c:pt>
                <c:pt idx="104">
                  <c:v>0.5705480000000005</c:v>
                </c:pt>
                <c:pt idx="105">
                  <c:v>0.57555200000000006</c:v>
                </c:pt>
                <c:pt idx="106">
                  <c:v>0.58055700000000066</c:v>
                </c:pt>
                <c:pt idx="107">
                  <c:v>0.58556199999999947</c:v>
                </c:pt>
                <c:pt idx="108">
                  <c:v>0.59056700000000006</c:v>
                </c:pt>
                <c:pt idx="109">
                  <c:v>0.59557200000000066</c:v>
                </c:pt>
                <c:pt idx="110">
                  <c:v>0.60057600000000022</c:v>
                </c:pt>
                <c:pt idx="111">
                  <c:v>0.60558100000000081</c:v>
                </c:pt>
                <c:pt idx="112">
                  <c:v>0.61058599999999963</c:v>
                </c:pt>
                <c:pt idx="113">
                  <c:v>0.61559100000000022</c:v>
                </c:pt>
                <c:pt idx="114">
                  <c:v>0.62059600000000081</c:v>
                </c:pt>
                <c:pt idx="115">
                  <c:v>0.62560000000000038</c:v>
                </c:pt>
                <c:pt idx="116">
                  <c:v>0.63060500000000097</c:v>
                </c:pt>
                <c:pt idx="117">
                  <c:v>0.63560999999999979</c:v>
                </c:pt>
                <c:pt idx="118">
                  <c:v>0.64061500000000038</c:v>
                </c:pt>
                <c:pt idx="119">
                  <c:v>0.64562000000000097</c:v>
                </c:pt>
                <c:pt idx="120">
                  <c:v>0.65062400000000054</c:v>
                </c:pt>
                <c:pt idx="121">
                  <c:v>0.65562900000000113</c:v>
                </c:pt>
                <c:pt idx="122">
                  <c:v>0.66063399999999994</c:v>
                </c:pt>
                <c:pt idx="123">
                  <c:v>0.66563900000000054</c:v>
                </c:pt>
                <c:pt idx="124">
                  <c:v>0.67064400000000113</c:v>
                </c:pt>
                <c:pt idx="125">
                  <c:v>0.67564800000000069</c:v>
                </c:pt>
                <c:pt idx="126">
                  <c:v>0.68065299999999951</c:v>
                </c:pt>
                <c:pt idx="127">
                  <c:v>0.6856580000000001</c:v>
                </c:pt>
                <c:pt idx="128">
                  <c:v>0.69066300000000069</c:v>
                </c:pt>
                <c:pt idx="129">
                  <c:v>0.69566799999999951</c:v>
                </c:pt>
                <c:pt idx="130">
                  <c:v>0.70067200000000085</c:v>
                </c:pt>
                <c:pt idx="131">
                  <c:v>0.70567699999999967</c:v>
                </c:pt>
                <c:pt idx="132">
                  <c:v>0.71068200000000026</c:v>
                </c:pt>
                <c:pt idx="133">
                  <c:v>0.71568700000000085</c:v>
                </c:pt>
                <c:pt idx="134">
                  <c:v>0.72069199999999967</c:v>
                </c:pt>
                <c:pt idx="135">
                  <c:v>0.72569600000000101</c:v>
                </c:pt>
                <c:pt idx="136">
                  <c:v>0.73070099999999982</c:v>
                </c:pt>
                <c:pt idx="137">
                  <c:v>0.73570600000000042</c:v>
                </c:pt>
                <c:pt idx="138">
                  <c:v>0.74071100000000101</c:v>
                </c:pt>
                <c:pt idx="139">
                  <c:v>0.74571599999999982</c:v>
                </c:pt>
                <c:pt idx="140">
                  <c:v>0.75071999999999939</c:v>
                </c:pt>
                <c:pt idx="141">
                  <c:v>0.75572499999999998</c:v>
                </c:pt>
                <c:pt idx="142">
                  <c:v>0.76073000000000057</c:v>
                </c:pt>
                <c:pt idx="143">
                  <c:v>0.76573499999999939</c:v>
                </c:pt>
                <c:pt idx="144">
                  <c:v>0.77073999999999998</c:v>
                </c:pt>
                <c:pt idx="145">
                  <c:v>0.77574399999999955</c:v>
                </c:pt>
                <c:pt idx="146">
                  <c:v>0.78074900000000014</c:v>
                </c:pt>
                <c:pt idx="147">
                  <c:v>0.78575400000000073</c:v>
                </c:pt>
                <c:pt idx="148">
                  <c:v>0.79075899999999955</c:v>
                </c:pt>
                <c:pt idx="149">
                  <c:v>0.79576400000000014</c:v>
                </c:pt>
                <c:pt idx="150">
                  <c:v>0.8007679999999997</c:v>
                </c:pt>
                <c:pt idx="151">
                  <c:v>0.80577300000000029</c:v>
                </c:pt>
                <c:pt idx="152">
                  <c:v>0.81077800000000089</c:v>
                </c:pt>
                <c:pt idx="153">
                  <c:v>0.8157829999999997</c:v>
                </c:pt>
                <c:pt idx="154">
                  <c:v>0.8207880000000003</c:v>
                </c:pt>
                <c:pt idx="155">
                  <c:v>0.82579199999999986</c:v>
                </c:pt>
                <c:pt idx="156">
                  <c:v>0.83079700000000045</c:v>
                </c:pt>
                <c:pt idx="157">
                  <c:v>0.83580200000000104</c:v>
                </c:pt>
                <c:pt idx="158">
                  <c:v>0.84080699999999986</c:v>
                </c:pt>
                <c:pt idx="159">
                  <c:v>0.84581200000000045</c:v>
                </c:pt>
                <c:pt idx="160">
                  <c:v>0.85081600000000002</c:v>
                </c:pt>
                <c:pt idx="161">
                  <c:v>0.85582100000000061</c:v>
                </c:pt>
                <c:pt idx="162">
                  <c:v>0.86082599999999942</c:v>
                </c:pt>
                <c:pt idx="163">
                  <c:v>0.86583100000000002</c:v>
                </c:pt>
                <c:pt idx="164">
                  <c:v>0.87083600000000061</c:v>
                </c:pt>
                <c:pt idx="165">
                  <c:v>0.87584000000000017</c:v>
                </c:pt>
                <c:pt idx="166">
                  <c:v>0.88084500000000077</c:v>
                </c:pt>
                <c:pt idx="167">
                  <c:v>0.88584999999999958</c:v>
                </c:pt>
                <c:pt idx="168">
                  <c:v>0.89085500000000017</c:v>
                </c:pt>
                <c:pt idx="169">
                  <c:v>0.89586000000000077</c:v>
                </c:pt>
                <c:pt idx="170">
                  <c:v>0.90086400000000033</c:v>
                </c:pt>
                <c:pt idx="171">
                  <c:v>0.90586900000000092</c:v>
                </c:pt>
                <c:pt idx="172">
                  <c:v>0.91087399999999974</c:v>
                </c:pt>
                <c:pt idx="173">
                  <c:v>0.91587900000000033</c:v>
                </c:pt>
                <c:pt idx="174">
                  <c:v>0.92088400000000092</c:v>
                </c:pt>
                <c:pt idx="175">
                  <c:v>0.92588800000000049</c:v>
                </c:pt>
                <c:pt idx="176">
                  <c:v>0.93089300000000108</c:v>
                </c:pt>
                <c:pt idx="177">
                  <c:v>0.9358979999999999</c:v>
                </c:pt>
                <c:pt idx="178">
                  <c:v>0.94090300000000049</c:v>
                </c:pt>
                <c:pt idx="179">
                  <c:v>0.94590800000000108</c:v>
                </c:pt>
                <c:pt idx="180">
                  <c:v>0.95091200000000065</c:v>
                </c:pt>
                <c:pt idx="181">
                  <c:v>0.95591699999999946</c:v>
                </c:pt>
                <c:pt idx="182">
                  <c:v>0.96092200000000005</c:v>
                </c:pt>
                <c:pt idx="183">
                  <c:v>0.96592700000000065</c:v>
                </c:pt>
                <c:pt idx="184">
                  <c:v>0.97093199999999946</c:v>
                </c:pt>
                <c:pt idx="185">
                  <c:v>0.9759360000000008</c:v>
                </c:pt>
                <c:pt idx="186">
                  <c:v>0.98094099999999962</c:v>
                </c:pt>
                <c:pt idx="187">
                  <c:v>0.98594600000000021</c:v>
                </c:pt>
                <c:pt idx="188">
                  <c:v>0.9909510000000008</c:v>
                </c:pt>
                <c:pt idx="189">
                  <c:v>0.99595599999999962</c:v>
                </c:pt>
                <c:pt idx="190">
                  <c:v>1.000960000000001</c:v>
                </c:pt>
                <c:pt idx="191">
                  <c:v>1.0059649999999998</c:v>
                </c:pt>
                <c:pt idx="192">
                  <c:v>1.0109700000000004</c:v>
                </c:pt>
                <c:pt idx="193">
                  <c:v>1.015975000000001</c:v>
                </c:pt>
                <c:pt idx="194">
                  <c:v>1.0209799999999998</c:v>
                </c:pt>
                <c:pt idx="195">
                  <c:v>1.0259840000000011</c:v>
                </c:pt>
                <c:pt idx="196">
                  <c:v>1.0309889999999999</c:v>
                </c:pt>
                <c:pt idx="197">
                  <c:v>1.0359940000000005</c:v>
                </c:pt>
                <c:pt idx="198">
                  <c:v>1.0409990000000011</c:v>
                </c:pt>
                <c:pt idx="199">
                  <c:v>1.0460039999999999</c:v>
                </c:pt>
                <c:pt idx="200">
                  <c:v>1.0510079999999995</c:v>
                </c:pt>
                <c:pt idx="201">
                  <c:v>1.0560130000000001</c:v>
                </c:pt>
                <c:pt idx="202">
                  <c:v>1.0610180000000007</c:v>
                </c:pt>
                <c:pt idx="203">
                  <c:v>1.0660229999999995</c:v>
                </c:pt>
                <c:pt idx="204">
                  <c:v>1.0710280000000001</c:v>
                </c:pt>
                <c:pt idx="205">
                  <c:v>1.0760319999999997</c:v>
                </c:pt>
                <c:pt idx="206">
                  <c:v>1.0810370000000002</c:v>
                </c:pt>
                <c:pt idx="207">
                  <c:v>1.0860420000000008</c:v>
                </c:pt>
                <c:pt idx="208">
                  <c:v>1.0910469999999997</c:v>
                </c:pt>
                <c:pt idx="209">
                  <c:v>1.0960520000000002</c:v>
                </c:pt>
                <c:pt idx="210">
                  <c:v>1.1010559999999998</c:v>
                </c:pt>
                <c:pt idx="211">
                  <c:v>1.1060610000000004</c:v>
                </c:pt>
                <c:pt idx="212">
                  <c:v>1.111066000000001</c:v>
                </c:pt>
                <c:pt idx="213">
                  <c:v>1.1160709999999998</c:v>
                </c:pt>
                <c:pt idx="214">
                  <c:v>1.1210760000000004</c:v>
                </c:pt>
                <c:pt idx="215">
                  <c:v>1.12608</c:v>
                </c:pt>
                <c:pt idx="216">
                  <c:v>1.1310850000000006</c:v>
                </c:pt>
                <c:pt idx="217">
                  <c:v>1.1360899999999994</c:v>
                </c:pt>
                <c:pt idx="218">
                  <c:v>1.141095</c:v>
                </c:pt>
                <c:pt idx="219">
                  <c:v>1.1461000000000006</c:v>
                </c:pt>
                <c:pt idx="220">
                  <c:v>1.1511040000000001</c:v>
                </c:pt>
                <c:pt idx="221">
                  <c:v>1.1561090000000007</c:v>
                </c:pt>
                <c:pt idx="222">
                  <c:v>1.1611139999999995</c:v>
                </c:pt>
                <c:pt idx="223">
                  <c:v>1.1661190000000001</c:v>
                </c:pt>
                <c:pt idx="224">
                  <c:v>1.1711240000000007</c:v>
                </c:pt>
                <c:pt idx="225">
                  <c:v>1.1761280000000003</c:v>
                </c:pt>
                <c:pt idx="226">
                  <c:v>1.1811330000000009</c:v>
                </c:pt>
                <c:pt idx="227">
                  <c:v>1.1861379999999997</c:v>
                </c:pt>
                <c:pt idx="228">
                  <c:v>1.1911430000000003</c:v>
                </c:pt>
                <c:pt idx="229">
                  <c:v>1.1961480000000009</c:v>
                </c:pt>
                <c:pt idx="230">
                  <c:v>1.2011520000000004</c:v>
                </c:pt>
                <c:pt idx="231">
                  <c:v>1.206157000000001</c:v>
                </c:pt>
                <c:pt idx="232">
                  <c:v>1.2111619999999998</c:v>
                </c:pt>
                <c:pt idx="233">
                  <c:v>1.2161670000000004</c:v>
                </c:pt>
                <c:pt idx="234">
                  <c:v>1.221172000000001</c:v>
                </c:pt>
                <c:pt idx="235">
                  <c:v>1.2261760000000006</c:v>
                </c:pt>
                <c:pt idx="236">
                  <c:v>1.2311809999999994</c:v>
                </c:pt>
                <c:pt idx="237">
                  <c:v>1.236186</c:v>
                </c:pt>
                <c:pt idx="238">
                  <c:v>1.2411910000000006</c:v>
                </c:pt>
                <c:pt idx="239">
                  <c:v>1.2461959999999994</c:v>
                </c:pt>
                <c:pt idx="240">
                  <c:v>1.2512000000000008</c:v>
                </c:pt>
                <c:pt idx="241">
                  <c:v>1.2562049999999996</c:v>
                </c:pt>
                <c:pt idx="242">
                  <c:v>1.2612100000000002</c:v>
                </c:pt>
                <c:pt idx="243">
                  <c:v>1.2662150000000008</c:v>
                </c:pt>
                <c:pt idx="244">
                  <c:v>1.2712199999999996</c:v>
                </c:pt>
                <c:pt idx="245">
                  <c:v>1.2762240000000009</c:v>
                </c:pt>
                <c:pt idx="246">
                  <c:v>1.2812289999999997</c:v>
                </c:pt>
                <c:pt idx="247">
                  <c:v>1.2862340000000003</c:v>
                </c:pt>
                <c:pt idx="248">
                  <c:v>1.2912390000000009</c:v>
                </c:pt>
                <c:pt idx="249">
                  <c:v>1.2962439999999997</c:v>
                </c:pt>
                <c:pt idx="250">
                  <c:v>1.3012480000000011</c:v>
                </c:pt>
                <c:pt idx="251">
                  <c:v>1.3062529999999999</c:v>
                </c:pt>
                <c:pt idx="252">
                  <c:v>1.3112580000000005</c:v>
                </c:pt>
                <c:pt idx="253">
                  <c:v>1.3162630000000011</c:v>
                </c:pt>
                <c:pt idx="254">
                  <c:v>1.3212679999999999</c:v>
                </c:pt>
                <c:pt idx="255">
                  <c:v>1.3262719999999995</c:v>
                </c:pt>
                <c:pt idx="256">
                  <c:v>1.331277</c:v>
                </c:pt>
                <c:pt idx="257">
                  <c:v>1.3362820000000006</c:v>
                </c:pt>
                <c:pt idx="258">
                  <c:v>1.3412869999999995</c:v>
                </c:pt>
                <c:pt idx="259">
                  <c:v>1.346292</c:v>
                </c:pt>
                <c:pt idx="260">
                  <c:v>1.3512959999999996</c:v>
                </c:pt>
                <c:pt idx="261">
                  <c:v>1.3563010000000002</c:v>
                </c:pt>
                <c:pt idx="262">
                  <c:v>1.3613060000000008</c:v>
                </c:pt>
                <c:pt idx="263">
                  <c:v>1.3663109999999996</c:v>
                </c:pt>
                <c:pt idx="264">
                  <c:v>1.3713160000000002</c:v>
                </c:pt>
                <c:pt idx="265">
                  <c:v>1.3763199999999998</c:v>
                </c:pt>
                <c:pt idx="266">
                  <c:v>1.3813250000000004</c:v>
                </c:pt>
                <c:pt idx="267">
                  <c:v>1.386330000000001</c:v>
                </c:pt>
                <c:pt idx="268">
                  <c:v>1.3913349999999998</c:v>
                </c:pt>
                <c:pt idx="269">
                  <c:v>1.3963400000000004</c:v>
                </c:pt>
                <c:pt idx="270">
                  <c:v>1.4013439999999999</c:v>
                </c:pt>
                <c:pt idx="271">
                  <c:v>1.4063490000000005</c:v>
                </c:pt>
                <c:pt idx="272">
                  <c:v>1.4113540000000011</c:v>
                </c:pt>
                <c:pt idx="273">
                  <c:v>1.4163589999999999</c:v>
                </c:pt>
                <c:pt idx="274">
                  <c:v>1.4213640000000005</c:v>
                </c:pt>
                <c:pt idx="275">
                  <c:v>1.4263680000000001</c:v>
                </c:pt>
                <c:pt idx="276">
                  <c:v>1.4313730000000007</c:v>
                </c:pt>
                <c:pt idx="277">
                  <c:v>1.4363779999999995</c:v>
                </c:pt>
                <c:pt idx="278">
                  <c:v>1.4413830000000001</c:v>
                </c:pt>
                <c:pt idx="279">
                  <c:v>1.4463880000000007</c:v>
                </c:pt>
                <c:pt idx="280">
                  <c:v>1.4513920000000002</c:v>
                </c:pt>
                <c:pt idx="281">
                  <c:v>1.4563970000000008</c:v>
                </c:pt>
                <c:pt idx="282">
                  <c:v>1.4614019999999996</c:v>
                </c:pt>
                <c:pt idx="283">
                  <c:v>1.4664070000000002</c:v>
                </c:pt>
                <c:pt idx="284">
                  <c:v>1.4714120000000008</c:v>
                </c:pt>
                <c:pt idx="285">
                  <c:v>1.4764160000000004</c:v>
                </c:pt>
                <c:pt idx="286">
                  <c:v>1.481421000000001</c:v>
                </c:pt>
                <c:pt idx="287">
                  <c:v>1.4864259999999998</c:v>
                </c:pt>
                <c:pt idx="288">
                  <c:v>1.4914310000000004</c:v>
                </c:pt>
                <c:pt idx="289">
                  <c:v>1.496436000000001</c:v>
                </c:pt>
                <c:pt idx="290">
                  <c:v>1.5014400000000006</c:v>
                </c:pt>
                <c:pt idx="291">
                  <c:v>1.5064449999999994</c:v>
                </c:pt>
                <c:pt idx="292">
                  <c:v>1.51145</c:v>
                </c:pt>
                <c:pt idx="293">
                  <c:v>1.5164550000000006</c:v>
                </c:pt>
                <c:pt idx="294">
                  <c:v>1.5214599999999994</c:v>
                </c:pt>
                <c:pt idx="295">
                  <c:v>1.5264640000000007</c:v>
                </c:pt>
                <c:pt idx="296">
                  <c:v>1.5314689999999995</c:v>
                </c:pt>
                <c:pt idx="297">
                  <c:v>1.5364740000000001</c:v>
                </c:pt>
                <c:pt idx="298">
                  <c:v>1.5414790000000007</c:v>
                </c:pt>
                <c:pt idx="299">
                  <c:v>1.5464839999999995</c:v>
                </c:pt>
                <c:pt idx="300">
                  <c:v>1.5514880000000009</c:v>
                </c:pt>
                <c:pt idx="301">
                  <c:v>1.5564929999999997</c:v>
                </c:pt>
                <c:pt idx="302">
                  <c:v>1.5614980000000003</c:v>
                </c:pt>
                <c:pt idx="303">
                  <c:v>1.5665030000000009</c:v>
                </c:pt>
                <c:pt idx="304">
                  <c:v>1.5715079999999997</c:v>
                </c:pt>
                <c:pt idx="305">
                  <c:v>1.576512000000001</c:v>
                </c:pt>
                <c:pt idx="306">
                  <c:v>1.5815169999999998</c:v>
                </c:pt>
                <c:pt idx="307">
                  <c:v>1.5865220000000004</c:v>
                </c:pt>
                <c:pt idx="308">
                  <c:v>1.591527000000001</c:v>
                </c:pt>
                <c:pt idx="309">
                  <c:v>1.5965319999999998</c:v>
                </c:pt>
                <c:pt idx="310">
                  <c:v>1.6015359999999994</c:v>
                </c:pt>
                <c:pt idx="311">
                  <c:v>1.606541</c:v>
                </c:pt>
                <c:pt idx="312">
                  <c:v>1.6115460000000006</c:v>
                </c:pt>
                <c:pt idx="313">
                  <c:v>1.6165509999999994</c:v>
                </c:pt>
                <c:pt idx="314">
                  <c:v>1.621556</c:v>
                </c:pt>
                <c:pt idx="315">
                  <c:v>1.6265599999999996</c:v>
                </c:pt>
                <c:pt idx="316">
                  <c:v>1.6315650000000002</c:v>
                </c:pt>
                <c:pt idx="317">
                  <c:v>1.6365700000000007</c:v>
                </c:pt>
                <c:pt idx="318">
                  <c:v>1.6415749999999996</c:v>
                </c:pt>
                <c:pt idx="319">
                  <c:v>1.6465800000000002</c:v>
                </c:pt>
                <c:pt idx="320">
                  <c:v>1.6515839999999997</c:v>
                </c:pt>
                <c:pt idx="321">
                  <c:v>1.6565890000000003</c:v>
                </c:pt>
                <c:pt idx="322">
                  <c:v>1.6615940000000009</c:v>
                </c:pt>
                <c:pt idx="323">
                  <c:v>1.6665989999999997</c:v>
                </c:pt>
                <c:pt idx="324">
                  <c:v>1.6716040000000003</c:v>
                </c:pt>
                <c:pt idx="325">
                  <c:v>1.6766079999999999</c:v>
                </c:pt>
                <c:pt idx="326">
                  <c:v>1.6816130000000005</c:v>
                </c:pt>
                <c:pt idx="327">
                  <c:v>1.6866180000000011</c:v>
                </c:pt>
                <c:pt idx="328">
                  <c:v>1.6916229999999999</c:v>
                </c:pt>
                <c:pt idx="329">
                  <c:v>1.6966280000000005</c:v>
                </c:pt>
                <c:pt idx="330">
                  <c:v>1.701632</c:v>
                </c:pt>
                <c:pt idx="331">
                  <c:v>1.7066370000000006</c:v>
                </c:pt>
                <c:pt idx="332">
                  <c:v>1.7116419999999994</c:v>
                </c:pt>
                <c:pt idx="333">
                  <c:v>1.716647</c:v>
                </c:pt>
                <c:pt idx="334">
                  <c:v>1.7216520000000006</c:v>
                </c:pt>
                <c:pt idx="335">
                  <c:v>1.7266560000000002</c:v>
                </c:pt>
                <c:pt idx="336">
                  <c:v>1.7316610000000008</c:v>
                </c:pt>
                <c:pt idx="337">
                  <c:v>1.7366659999999996</c:v>
                </c:pt>
                <c:pt idx="338">
                  <c:v>1.7416710000000002</c:v>
                </c:pt>
                <c:pt idx="339">
                  <c:v>1.7466760000000008</c:v>
                </c:pt>
                <c:pt idx="340">
                  <c:v>1.7516800000000003</c:v>
                </c:pt>
                <c:pt idx="341">
                  <c:v>1.7566850000000009</c:v>
                </c:pt>
                <c:pt idx="342">
                  <c:v>1.7616899999999998</c:v>
                </c:pt>
                <c:pt idx="343">
                  <c:v>1.7666950000000003</c:v>
                </c:pt>
                <c:pt idx="344">
                  <c:v>1.7717000000000009</c:v>
                </c:pt>
                <c:pt idx="345">
                  <c:v>1.7767040000000005</c:v>
                </c:pt>
                <c:pt idx="346">
                  <c:v>1.7817090000000011</c:v>
                </c:pt>
                <c:pt idx="347">
                  <c:v>1.7867139999999999</c:v>
                </c:pt>
                <c:pt idx="348">
                  <c:v>1.7917190000000005</c:v>
                </c:pt>
                <c:pt idx="349">
                  <c:v>1.7967240000000011</c:v>
                </c:pt>
                <c:pt idx="350">
                  <c:v>1.8017280000000007</c:v>
                </c:pt>
                <c:pt idx="351">
                  <c:v>1.8067329999999995</c:v>
                </c:pt>
                <c:pt idx="352">
                  <c:v>1.8117380000000001</c:v>
                </c:pt>
                <c:pt idx="353">
                  <c:v>1.8167430000000007</c:v>
                </c:pt>
                <c:pt idx="354">
                  <c:v>1.8217479999999995</c:v>
                </c:pt>
                <c:pt idx="355">
                  <c:v>1.8267520000000008</c:v>
                </c:pt>
                <c:pt idx="356">
                  <c:v>1.8317569999999996</c:v>
                </c:pt>
                <c:pt idx="357">
                  <c:v>1.8367620000000002</c:v>
                </c:pt>
                <c:pt idx="358">
                  <c:v>1.8417670000000008</c:v>
                </c:pt>
                <c:pt idx="359">
                  <c:v>1.8467719999999996</c:v>
                </c:pt>
                <c:pt idx="360">
                  <c:v>1.851776000000001</c:v>
                </c:pt>
                <c:pt idx="361">
                  <c:v>1.8567809999999998</c:v>
                </c:pt>
                <c:pt idx="362">
                  <c:v>1.8617860000000004</c:v>
                </c:pt>
                <c:pt idx="363">
                  <c:v>1.866791000000001</c:v>
                </c:pt>
                <c:pt idx="364">
                  <c:v>1.8717959999999998</c:v>
                </c:pt>
                <c:pt idx="365">
                  <c:v>1.8768000000000011</c:v>
                </c:pt>
                <c:pt idx="366">
                  <c:v>1.8818049999999999</c:v>
                </c:pt>
                <c:pt idx="367">
                  <c:v>1.8868100000000005</c:v>
                </c:pt>
                <c:pt idx="368">
                  <c:v>1.8918150000000011</c:v>
                </c:pt>
                <c:pt idx="369">
                  <c:v>1.89682</c:v>
                </c:pt>
                <c:pt idx="370">
                  <c:v>1.9018239999999995</c:v>
                </c:pt>
                <c:pt idx="371">
                  <c:v>1.9068290000000001</c:v>
                </c:pt>
                <c:pt idx="372">
                  <c:v>1.9118340000000007</c:v>
                </c:pt>
                <c:pt idx="373">
                  <c:v>1.9168389999999995</c:v>
                </c:pt>
                <c:pt idx="374">
                  <c:v>1.9218440000000001</c:v>
                </c:pt>
                <c:pt idx="375">
                  <c:v>1.9268479999999997</c:v>
                </c:pt>
                <c:pt idx="376">
                  <c:v>1.9318530000000003</c:v>
                </c:pt>
                <c:pt idx="377">
                  <c:v>1.9368580000000009</c:v>
                </c:pt>
                <c:pt idx="378">
                  <c:v>1.9418629999999997</c:v>
                </c:pt>
                <c:pt idx="379">
                  <c:v>1.9468680000000003</c:v>
                </c:pt>
                <c:pt idx="380">
                  <c:v>1.9518719999999998</c:v>
                </c:pt>
                <c:pt idx="381">
                  <c:v>1.9568770000000004</c:v>
                </c:pt>
                <c:pt idx="382">
                  <c:v>1.961882000000001</c:v>
                </c:pt>
                <c:pt idx="383">
                  <c:v>1.9668869999999998</c:v>
                </c:pt>
                <c:pt idx="384">
                  <c:v>1.9718920000000004</c:v>
                </c:pt>
                <c:pt idx="385">
                  <c:v>1.976896</c:v>
                </c:pt>
                <c:pt idx="386">
                  <c:v>1.9819010000000006</c:v>
                </c:pt>
                <c:pt idx="387">
                  <c:v>1.9869059999999994</c:v>
                </c:pt>
                <c:pt idx="388">
                  <c:v>1.991911</c:v>
                </c:pt>
                <c:pt idx="389">
                  <c:v>1.9969160000000006</c:v>
                </c:pt>
              </c:numCache>
            </c:numRef>
          </c:xVal>
          <c:yVal>
            <c:numRef>
              <c:f>'Mono-1200-15s(11)'!$E$2:$E$2649</c:f>
              <c:numCache>
                <c:formatCode>General</c:formatCode>
                <c:ptCount val="2648"/>
                <c:pt idx="0">
                  <c:v>0</c:v>
                </c:pt>
                <c:pt idx="1">
                  <c:v>0.46473300000002382</c:v>
                </c:pt>
                <c:pt idx="2">
                  <c:v>0.80718699999999899</c:v>
                </c:pt>
                <c:pt idx="3">
                  <c:v>0.59753499999999349</c:v>
                </c:pt>
                <c:pt idx="4">
                  <c:v>0.23230799999998908</c:v>
                </c:pt>
                <c:pt idx="5">
                  <c:v>0.78368599999998878</c:v>
                </c:pt>
                <c:pt idx="6">
                  <c:v>1.1390519999999924</c:v>
                </c:pt>
                <c:pt idx="7">
                  <c:v>1.83256700000004</c:v>
                </c:pt>
                <c:pt idx="8">
                  <c:v>2.7690810000000283</c:v>
                </c:pt>
                <c:pt idx="9">
                  <c:v>3.3907880000000432</c:v>
                </c:pt>
                <c:pt idx="10">
                  <c:v>3.4309940000000552</c:v>
                </c:pt>
                <c:pt idx="11">
                  <c:v>3.651499000000058</c:v>
                </c:pt>
                <c:pt idx="12">
                  <c:v>3.7103650000000243</c:v>
                </c:pt>
                <c:pt idx="13">
                  <c:v>3.6376619999999775</c:v>
                </c:pt>
                <c:pt idx="14">
                  <c:v>3.3470710000000281</c:v>
                </c:pt>
                <c:pt idx="15">
                  <c:v>2.9834769999999935</c:v>
                </c:pt>
                <c:pt idx="16">
                  <c:v>3.0544009999999844</c:v>
                </c:pt>
                <c:pt idx="17">
                  <c:v>2.7176070000000436</c:v>
                </c:pt>
                <c:pt idx="18">
                  <c:v>2.2282000000000153</c:v>
                </c:pt>
                <c:pt idx="19">
                  <c:v>1.8550430000000233</c:v>
                </c:pt>
                <c:pt idx="20">
                  <c:v>1.6082599999999729</c:v>
                </c:pt>
                <c:pt idx="21">
                  <c:v>1.025965000000042</c:v>
                </c:pt>
                <c:pt idx="22">
                  <c:v>0.59391400000004069</c:v>
                </c:pt>
                <c:pt idx="23">
                  <c:v>0.34925299999997605</c:v>
                </c:pt>
                <c:pt idx="24">
                  <c:v>0.32281000000000404</c:v>
                </c:pt>
                <c:pt idx="25">
                  <c:v>0.47859300000004623</c:v>
                </c:pt>
                <c:pt idx="26">
                  <c:v>0.20666300000004867</c:v>
                </c:pt>
                <c:pt idx="27">
                  <c:v>0.24648500000000695</c:v>
                </c:pt>
                <c:pt idx="28">
                  <c:v>0.48312399999997524</c:v>
                </c:pt>
                <c:pt idx="29">
                  <c:v>1.1204139999999825</c:v>
                </c:pt>
                <c:pt idx="30">
                  <c:v>2.095154999999977</c:v>
                </c:pt>
                <c:pt idx="31">
                  <c:v>3.3063090000000557</c:v>
                </c:pt>
                <c:pt idx="32">
                  <c:v>4.1238720000000058</c:v>
                </c:pt>
                <c:pt idx="33">
                  <c:v>4.8154789999999821</c:v>
                </c:pt>
                <c:pt idx="34">
                  <c:v>5.3325120000000652</c:v>
                </c:pt>
                <c:pt idx="35">
                  <c:v>5.820775000000026</c:v>
                </c:pt>
                <c:pt idx="36">
                  <c:v>5.863933999999972</c:v>
                </c:pt>
                <c:pt idx="37">
                  <c:v>5.6486200000000508</c:v>
                </c:pt>
                <c:pt idx="38">
                  <c:v>5.5551100000000133</c:v>
                </c:pt>
                <c:pt idx="39">
                  <c:v>5.5103490000000193</c:v>
                </c:pt>
                <c:pt idx="40">
                  <c:v>4.9730610000000297</c:v>
                </c:pt>
                <c:pt idx="41">
                  <c:v>4.2031809999999723</c:v>
                </c:pt>
                <c:pt idx="42">
                  <c:v>2.9656999999999698</c:v>
                </c:pt>
                <c:pt idx="43">
                  <c:v>2.4946200000000545</c:v>
                </c:pt>
                <c:pt idx="44">
                  <c:v>2.2523469999999861</c:v>
                </c:pt>
                <c:pt idx="45">
                  <c:v>2.1839290000000346</c:v>
                </c:pt>
                <c:pt idx="46">
                  <c:v>1.7054980000000342</c:v>
                </c:pt>
                <c:pt idx="47">
                  <c:v>1.7663750000000391</c:v>
                </c:pt>
                <c:pt idx="48">
                  <c:v>2.1538590000000113</c:v>
                </c:pt>
                <c:pt idx="49">
                  <c:v>2.141742000000022</c:v>
                </c:pt>
                <c:pt idx="50">
                  <c:v>1.9492680000000746</c:v>
                </c:pt>
                <c:pt idx="51">
                  <c:v>2.5343540000000075</c:v>
                </c:pt>
                <c:pt idx="52">
                  <c:v>3.1796430000000555</c:v>
                </c:pt>
                <c:pt idx="53">
                  <c:v>3.576671000000033</c:v>
                </c:pt>
                <c:pt idx="54">
                  <c:v>4.0202460000000428</c:v>
                </c:pt>
                <c:pt idx="55">
                  <c:v>4.6685840000000098</c:v>
                </c:pt>
                <c:pt idx="56">
                  <c:v>5.2532770000000255</c:v>
                </c:pt>
                <c:pt idx="57">
                  <c:v>5.53927699999997</c:v>
                </c:pt>
                <c:pt idx="58">
                  <c:v>5.4429049999999961</c:v>
                </c:pt>
                <c:pt idx="59">
                  <c:v>5.8010170000000016</c:v>
                </c:pt>
                <c:pt idx="60">
                  <c:v>6.0950179999999818</c:v>
                </c:pt>
                <c:pt idx="61">
                  <c:v>6.2013299999999845</c:v>
                </c:pt>
                <c:pt idx="62">
                  <c:v>5.5595000000000709</c:v>
                </c:pt>
                <c:pt idx="63">
                  <c:v>5.0658500000000686</c:v>
                </c:pt>
                <c:pt idx="64">
                  <c:v>4.8903480000000172</c:v>
                </c:pt>
                <c:pt idx="65">
                  <c:v>4.5175780000000714</c:v>
                </c:pt>
                <c:pt idx="66">
                  <c:v>3.6909819999999627</c:v>
                </c:pt>
                <c:pt idx="67">
                  <c:v>3.0176710000000639</c:v>
                </c:pt>
                <c:pt idx="68">
                  <c:v>2.6731919999999718</c:v>
                </c:pt>
                <c:pt idx="69">
                  <c:v>2.5248080000000073</c:v>
                </c:pt>
                <c:pt idx="70">
                  <c:v>2.1073370000000295</c:v>
                </c:pt>
                <c:pt idx="71">
                  <c:v>1.8956190000000106</c:v>
                </c:pt>
                <c:pt idx="72">
                  <c:v>2.0701000000000249</c:v>
                </c:pt>
                <c:pt idx="73">
                  <c:v>2.5923270000000684</c:v>
                </c:pt>
                <c:pt idx="74">
                  <c:v>3.3796180000000504</c:v>
                </c:pt>
                <c:pt idx="75">
                  <c:v>4.0893489999999701</c:v>
                </c:pt>
                <c:pt idx="76">
                  <c:v>5.0262750000000551</c:v>
                </c:pt>
                <c:pt idx="77">
                  <c:v>5.964994000000047</c:v>
                </c:pt>
                <c:pt idx="78">
                  <c:v>6.4410330000000613</c:v>
                </c:pt>
                <c:pt idx="79">
                  <c:v>7.2700889999999845</c:v>
                </c:pt>
                <c:pt idx="80">
                  <c:v>8.1514660000000276</c:v>
                </c:pt>
                <c:pt idx="81">
                  <c:v>8.8093619999999646</c:v>
                </c:pt>
                <c:pt idx="82">
                  <c:v>8.5537339999999631</c:v>
                </c:pt>
                <c:pt idx="83">
                  <c:v>8.3355370000000448</c:v>
                </c:pt>
                <c:pt idx="84">
                  <c:v>8.1879490000000033</c:v>
                </c:pt>
                <c:pt idx="85">
                  <c:v>7.5449049999999716</c:v>
                </c:pt>
                <c:pt idx="86">
                  <c:v>6.3138760000000502</c:v>
                </c:pt>
                <c:pt idx="87">
                  <c:v>5.426001000000042</c:v>
                </c:pt>
                <c:pt idx="88">
                  <c:v>4.801804000000061</c:v>
                </c:pt>
                <c:pt idx="89">
                  <c:v>4.297505000000001</c:v>
                </c:pt>
                <c:pt idx="90">
                  <c:v>3.5845800000000736</c:v>
                </c:pt>
                <c:pt idx="91">
                  <c:v>2.9067599999999629</c:v>
                </c:pt>
                <c:pt idx="92">
                  <c:v>2.8296669999999722</c:v>
                </c:pt>
                <c:pt idx="93">
                  <c:v>3.2317980000000261</c:v>
                </c:pt>
                <c:pt idx="94">
                  <c:v>3.076118000000065</c:v>
                </c:pt>
                <c:pt idx="95">
                  <c:v>2.995853000000011</c:v>
                </c:pt>
                <c:pt idx="96">
                  <c:v>3.4545070000000351</c:v>
                </c:pt>
                <c:pt idx="97">
                  <c:v>4.3623619999999619</c:v>
                </c:pt>
                <c:pt idx="98">
                  <c:v>5.1217410000000427</c:v>
                </c:pt>
                <c:pt idx="99">
                  <c:v>5.7765130000000227</c:v>
                </c:pt>
                <c:pt idx="100">
                  <c:v>6.7480319999999665</c:v>
                </c:pt>
                <c:pt idx="101">
                  <c:v>7.9343989999999849</c:v>
                </c:pt>
                <c:pt idx="102">
                  <c:v>8.4574470000000019</c:v>
                </c:pt>
                <c:pt idx="103">
                  <c:v>8.2452289999999948</c:v>
                </c:pt>
                <c:pt idx="104">
                  <c:v>8.3459910000000264</c:v>
                </c:pt>
                <c:pt idx="105">
                  <c:v>8.9639869999999746</c:v>
                </c:pt>
                <c:pt idx="106">
                  <c:v>9.1820340000000442</c:v>
                </c:pt>
                <c:pt idx="107">
                  <c:v>8.7390550000000076</c:v>
                </c:pt>
                <c:pt idx="108">
                  <c:v>8.0180890000000318</c:v>
                </c:pt>
                <c:pt idx="109">
                  <c:v>7.9823149999999714</c:v>
                </c:pt>
                <c:pt idx="110">
                  <c:v>7.7400609999999688</c:v>
                </c:pt>
                <c:pt idx="111">
                  <c:v>7.0465030000000297</c:v>
                </c:pt>
                <c:pt idx="112">
                  <c:v>5.9488300000000436</c:v>
                </c:pt>
                <c:pt idx="113">
                  <c:v>5.5523150000000214</c:v>
                </c:pt>
                <c:pt idx="114">
                  <c:v>5.4964119999999639</c:v>
                </c:pt>
                <c:pt idx="115">
                  <c:v>5.0636590000000297</c:v>
                </c:pt>
                <c:pt idx="116">
                  <c:v>4.4077970000000732</c:v>
                </c:pt>
                <c:pt idx="117">
                  <c:v>4.222898999999984</c:v>
                </c:pt>
                <c:pt idx="118">
                  <c:v>4.6293359999999666</c:v>
                </c:pt>
                <c:pt idx="119">
                  <c:v>4.9832800000000361</c:v>
                </c:pt>
                <c:pt idx="120">
                  <c:v>5.018732</c:v>
                </c:pt>
                <c:pt idx="121">
                  <c:v>5.0194770000000517</c:v>
                </c:pt>
                <c:pt idx="122">
                  <c:v>5.4139480000000049</c:v>
                </c:pt>
                <c:pt idx="123">
                  <c:v>5.7532860000000028</c:v>
                </c:pt>
                <c:pt idx="124">
                  <c:v>6.3347969999999805</c:v>
                </c:pt>
                <c:pt idx="125">
                  <c:v>6.9419410000000425</c:v>
                </c:pt>
                <c:pt idx="126">
                  <c:v>7.730907000000002</c:v>
                </c:pt>
                <c:pt idx="127">
                  <c:v>8.5174670000000106</c:v>
                </c:pt>
                <c:pt idx="128">
                  <c:v>9.3011420000000271</c:v>
                </c:pt>
                <c:pt idx="129">
                  <c:v>9.8295689999999922</c:v>
                </c:pt>
                <c:pt idx="130">
                  <c:v>9.9741850000000341</c:v>
                </c:pt>
                <c:pt idx="131">
                  <c:v>10.035852999999975</c:v>
                </c:pt>
                <c:pt idx="132">
                  <c:v>10.135277999999971</c:v>
                </c:pt>
                <c:pt idx="133">
                  <c:v>9.781519000000003</c:v>
                </c:pt>
                <c:pt idx="134">
                  <c:v>9.1918530000000374</c:v>
                </c:pt>
                <c:pt idx="135">
                  <c:v>8.6219399999999951</c:v>
                </c:pt>
                <c:pt idx="136">
                  <c:v>8.1733870000000479</c:v>
                </c:pt>
                <c:pt idx="137">
                  <c:v>7.781755999999973</c:v>
                </c:pt>
                <c:pt idx="138">
                  <c:v>7.3456079999999702</c:v>
                </c:pt>
                <c:pt idx="139">
                  <c:v>7.1526380000000245</c:v>
                </c:pt>
                <c:pt idx="140">
                  <c:v>7.1410950000000639</c:v>
                </c:pt>
                <c:pt idx="141">
                  <c:v>7.3396619999999757</c:v>
                </c:pt>
                <c:pt idx="142">
                  <c:v>7.1242570000000569</c:v>
                </c:pt>
                <c:pt idx="143">
                  <c:v>7.3381239999999934</c:v>
                </c:pt>
                <c:pt idx="144">
                  <c:v>7.7681830000000218</c:v>
                </c:pt>
                <c:pt idx="145">
                  <c:v>8.3122379999999794</c:v>
                </c:pt>
                <c:pt idx="146">
                  <c:v>8.6709309999999959</c:v>
                </c:pt>
                <c:pt idx="147">
                  <c:v>9.1481410000000096</c:v>
                </c:pt>
                <c:pt idx="148">
                  <c:v>9.0728430000000344</c:v>
                </c:pt>
                <c:pt idx="149">
                  <c:v>9.2521010000000388</c:v>
                </c:pt>
                <c:pt idx="150">
                  <c:v>9.5614620000000059</c:v>
                </c:pt>
                <c:pt idx="151">
                  <c:v>9.7213120000000117</c:v>
                </c:pt>
                <c:pt idx="152">
                  <c:v>9.6319799999999987</c:v>
                </c:pt>
                <c:pt idx="153">
                  <c:v>9.7285789999999679</c:v>
                </c:pt>
                <c:pt idx="154">
                  <c:v>9.7214649999999665</c:v>
                </c:pt>
                <c:pt idx="155">
                  <c:v>10.054615000000013</c:v>
                </c:pt>
                <c:pt idx="156">
                  <c:v>9.7848380000000361</c:v>
                </c:pt>
                <c:pt idx="157">
                  <c:v>9.4134540000000015</c:v>
                </c:pt>
                <c:pt idx="158">
                  <c:v>9.6128989999999703</c:v>
                </c:pt>
                <c:pt idx="159">
                  <c:v>9.6194249999999784</c:v>
                </c:pt>
                <c:pt idx="160">
                  <c:v>9.0960089999999809</c:v>
                </c:pt>
                <c:pt idx="161">
                  <c:v>8.979015000000004</c:v>
                </c:pt>
                <c:pt idx="162">
                  <c:v>8.9915100000000621</c:v>
                </c:pt>
                <c:pt idx="163">
                  <c:v>9.3398160000000416</c:v>
                </c:pt>
                <c:pt idx="164">
                  <c:v>8.9899599999999964</c:v>
                </c:pt>
                <c:pt idx="165">
                  <c:v>8.7338349999999991</c:v>
                </c:pt>
                <c:pt idx="166">
                  <c:v>8.5442030000000386</c:v>
                </c:pt>
                <c:pt idx="167">
                  <c:v>8.8133179999999811</c:v>
                </c:pt>
                <c:pt idx="168">
                  <c:v>9.1346379999999954</c:v>
                </c:pt>
                <c:pt idx="169">
                  <c:v>9.1135150000000067</c:v>
                </c:pt>
                <c:pt idx="170">
                  <c:v>9.0785620000000335</c:v>
                </c:pt>
                <c:pt idx="171">
                  <c:v>9.3921609999999873</c:v>
                </c:pt>
                <c:pt idx="172">
                  <c:v>10.090896000000043</c:v>
                </c:pt>
                <c:pt idx="173">
                  <c:v>10.319590000000062</c:v>
                </c:pt>
                <c:pt idx="174">
                  <c:v>10.476186999999982</c:v>
                </c:pt>
                <c:pt idx="175">
                  <c:v>10.720755000000054</c:v>
                </c:pt>
                <c:pt idx="176">
                  <c:v>11.164700000000039</c:v>
                </c:pt>
                <c:pt idx="177">
                  <c:v>11.193283000000065</c:v>
                </c:pt>
                <c:pt idx="178">
                  <c:v>10.908003000000008</c:v>
                </c:pt>
                <c:pt idx="179">
                  <c:v>10.76983400000006</c:v>
                </c:pt>
                <c:pt idx="180">
                  <c:v>10.704475000000002</c:v>
                </c:pt>
                <c:pt idx="181">
                  <c:v>10.248530000000073</c:v>
                </c:pt>
                <c:pt idx="182">
                  <c:v>9.4246120000000246</c:v>
                </c:pt>
                <c:pt idx="183">
                  <c:v>8.9866440000000694</c:v>
                </c:pt>
                <c:pt idx="184">
                  <c:v>9.0367400000000089</c:v>
                </c:pt>
                <c:pt idx="185">
                  <c:v>8.7838600000000042</c:v>
                </c:pt>
                <c:pt idx="186">
                  <c:v>8.4335519999999633</c:v>
                </c:pt>
                <c:pt idx="187">
                  <c:v>8.1736819999999852</c:v>
                </c:pt>
                <c:pt idx="188">
                  <c:v>8.1538120000000163</c:v>
                </c:pt>
                <c:pt idx="189">
                  <c:v>8.418643999999972</c:v>
                </c:pt>
                <c:pt idx="190">
                  <c:v>8.7180130000000418</c:v>
                </c:pt>
                <c:pt idx="191">
                  <c:v>9.3415320000000293</c:v>
                </c:pt>
                <c:pt idx="192">
                  <c:v>9.8559030000000121</c:v>
                </c:pt>
                <c:pt idx="193">
                  <c:v>10.436655999999971</c:v>
                </c:pt>
                <c:pt idx="194">
                  <c:v>10.884954999999991</c:v>
                </c:pt>
                <c:pt idx="195">
                  <c:v>11.35885200000007</c:v>
                </c:pt>
                <c:pt idx="196">
                  <c:v>11.465999000000011</c:v>
                </c:pt>
                <c:pt idx="197">
                  <c:v>11.456226000000015</c:v>
                </c:pt>
                <c:pt idx="198">
                  <c:v>11.378317000000038</c:v>
                </c:pt>
                <c:pt idx="199">
                  <c:v>11.23881300000005</c:v>
                </c:pt>
                <c:pt idx="200">
                  <c:v>10.973973000000001</c:v>
                </c:pt>
                <c:pt idx="201">
                  <c:v>10.734100000000012</c:v>
                </c:pt>
                <c:pt idx="202">
                  <c:v>10.728430000000003</c:v>
                </c:pt>
                <c:pt idx="203">
                  <c:v>10.77836400000001</c:v>
                </c:pt>
                <c:pt idx="204">
                  <c:v>10.259649999999965</c:v>
                </c:pt>
                <c:pt idx="205">
                  <c:v>9.4519850000000361</c:v>
                </c:pt>
                <c:pt idx="206">
                  <c:v>8.5119419999999764</c:v>
                </c:pt>
                <c:pt idx="207">
                  <c:v>7.9826810000000705</c:v>
                </c:pt>
                <c:pt idx="208">
                  <c:v>7.6509110000000646</c:v>
                </c:pt>
                <c:pt idx="209">
                  <c:v>7.0840269999999919</c:v>
                </c:pt>
                <c:pt idx="210">
                  <c:v>6.7800110000000586</c:v>
                </c:pt>
                <c:pt idx="211">
                  <c:v>6.9567430000000741</c:v>
                </c:pt>
                <c:pt idx="212">
                  <c:v>7.0660280000000739</c:v>
                </c:pt>
                <c:pt idx="213">
                  <c:v>7.0705490000000282</c:v>
                </c:pt>
                <c:pt idx="214">
                  <c:v>7.0373819999999796</c:v>
                </c:pt>
                <c:pt idx="215">
                  <c:v>7.6040189999999939</c:v>
                </c:pt>
                <c:pt idx="216">
                  <c:v>8.5361080000000129</c:v>
                </c:pt>
                <c:pt idx="217">
                  <c:v>8.9562230000000227</c:v>
                </c:pt>
                <c:pt idx="218">
                  <c:v>8.7938249999999698</c:v>
                </c:pt>
                <c:pt idx="219">
                  <c:v>8.813254000000029</c:v>
                </c:pt>
                <c:pt idx="220">
                  <c:v>9.7742789999999786</c:v>
                </c:pt>
                <c:pt idx="221">
                  <c:v>10.81737499999997</c:v>
                </c:pt>
                <c:pt idx="222">
                  <c:v>10.565118999999981</c:v>
                </c:pt>
                <c:pt idx="223">
                  <c:v>10.707136999999989</c:v>
                </c:pt>
                <c:pt idx="224">
                  <c:v>11.229417000000012</c:v>
                </c:pt>
                <c:pt idx="225">
                  <c:v>11.864374999999995</c:v>
                </c:pt>
                <c:pt idx="226">
                  <c:v>11.346269000000007</c:v>
                </c:pt>
                <c:pt idx="227">
                  <c:v>10.267696000000001</c:v>
                </c:pt>
                <c:pt idx="228">
                  <c:v>9.9104810000000043</c:v>
                </c:pt>
                <c:pt idx="229">
                  <c:v>10.022956000000022</c:v>
                </c:pt>
                <c:pt idx="230">
                  <c:v>9.0777679999999918</c:v>
                </c:pt>
                <c:pt idx="231">
                  <c:v>7.7251150000000735</c:v>
                </c:pt>
                <c:pt idx="232">
                  <c:v>7.0110080000000607</c:v>
                </c:pt>
                <c:pt idx="233">
                  <c:v>7.005072000000041</c:v>
                </c:pt>
                <c:pt idx="234">
                  <c:v>6.6572840000000042</c:v>
                </c:pt>
                <c:pt idx="235">
                  <c:v>5.806412000000023</c:v>
                </c:pt>
                <c:pt idx="236">
                  <c:v>5.5932260000000724</c:v>
                </c:pt>
                <c:pt idx="237">
                  <c:v>6.0087280000000192</c:v>
                </c:pt>
                <c:pt idx="238">
                  <c:v>6.2706329999999753</c:v>
                </c:pt>
                <c:pt idx="239">
                  <c:v>6.4223520000000462</c:v>
                </c:pt>
                <c:pt idx="240">
                  <c:v>6.0308499999999867</c:v>
                </c:pt>
                <c:pt idx="241">
                  <c:v>6.7053650000000289</c:v>
                </c:pt>
                <c:pt idx="242">
                  <c:v>7.9660999999999831</c:v>
                </c:pt>
                <c:pt idx="243">
                  <c:v>8.5943790000000035</c:v>
                </c:pt>
                <c:pt idx="244">
                  <c:v>8.9545269999999846</c:v>
                </c:pt>
                <c:pt idx="245">
                  <c:v>10.065064000000007</c:v>
                </c:pt>
                <c:pt idx="246">
                  <c:v>11.300235000000043</c:v>
                </c:pt>
                <c:pt idx="247">
                  <c:v>11.783333999999968</c:v>
                </c:pt>
                <c:pt idx="248">
                  <c:v>11.669990999999982</c:v>
                </c:pt>
                <c:pt idx="249">
                  <c:v>12.120298000000048</c:v>
                </c:pt>
                <c:pt idx="250">
                  <c:v>12.539954999999964</c:v>
                </c:pt>
                <c:pt idx="251">
                  <c:v>12.304309999999987</c:v>
                </c:pt>
                <c:pt idx="252">
                  <c:v>11.858577999999966</c:v>
                </c:pt>
                <c:pt idx="253">
                  <c:v>11.538252000000057</c:v>
                </c:pt>
                <c:pt idx="254">
                  <c:v>11.168965000000071</c:v>
                </c:pt>
                <c:pt idx="255">
                  <c:v>10.89465400000006</c:v>
                </c:pt>
                <c:pt idx="256">
                  <c:v>10.109222000000045</c:v>
                </c:pt>
                <c:pt idx="257">
                  <c:v>9.1024479999999812</c:v>
                </c:pt>
                <c:pt idx="258">
                  <c:v>8.2426900000000387</c:v>
                </c:pt>
                <c:pt idx="259">
                  <c:v>7.9576940000000604</c:v>
                </c:pt>
                <c:pt idx="260">
                  <c:v>7.9768950000000132</c:v>
                </c:pt>
                <c:pt idx="261">
                  <c:v>7.8402550000000701</c:v>
                </c:pt>
                <c:pt idx="262">
                  <c:v>7.3119090000000142</c:v>
                </c:pt>
                <c:pt idx="263">
                  <c:v>7.0899890000000596</c:v>
                </c:pt>
                <c:pt idx="264">
                  <c:v>6.8331570000000283</c:v>
                </c:pt>
                <c:pt idx="265">
                  <c:v>6.7417580000000044</c:v>
                </c:pt>
                <c:pt idx="266">
                  <c:v>6.5711820000000216</c:v>
                </c:pt>
                <c:pt idx="267">
                  <c:v>6.5123270000000275</c:v>
                </c:pt>
                <c:pt idx="268">
                  <c:v>6.9612460000000738</c:v>
                </c:pt>
                <c:pt idx="269">
                  <c:v>7.5708910000000742</c:v>
                </c:pt>
                <c:pt idx="270">
                  <c:v>7.9738409999999931</c:v>
                </c:pt>
                <c:pt idx="271">
                  <c:v>8.462105000000065</c:v>
                </c:pt>
                <c:pt idx="272">
                  <c:v>9.7236940000000232</c:v>
                </c:pt>
                <c:pt idx="273">
                  <c:v>10.794035000000008</c:v>
                </c:pt>
                <c:pt idx="274">
                  <c:v>11.631421000000046</c:v>
                </c:pt>
                <c:pt idx="275">
                  <c:v>11.680177000000072</c:v>
                </c:pt>
                <c:pt idx="276">
                  <c:v>11.974647000000004</c:v>
                </c:pt>
                <c:pt idx="277">
                  <c:v>12.745839000000046</c:v>
                </c:pt>
                <c:pt idx="278">
                  <c:v>12.858356000000072</c:v>
                </c:pt>
                <c:pt idx="279">
                  <c:v>12.184990999999968</c:v>
                </c:pt>
                <c:pt idx="280">
                  <c:v>11.516030000000001</c:v>
                </c:pt>
                <c:pt idx="281">
                  <c:v>11.381367000000068</c:v>
                </c:pt>
                <c:pt idx="282">
                  <c:v>10.595493000000033</c:v>
                </c:pt>
                <c:pt idx="283">
                  <c:v>9.8685619999999972</c:v>
                </c:pt>
                <c:pt idx="284">
                  <c:v>8.9710230000000593</c:v>
                </c:pt>
                <c:pt idx="285">
                  <c:v>8.5260460000000649</c:v>
                </c:pt>
                <c:pt idx="286">
                  <c:v>8.5602200000000721</c:v>
                </c:pt>
                <c:pt idx="287">
                  <c:v>8.5939439999999649</c:v>
                </c:pt>
                <c:pt idx="288">
                  <c:v>8.3562420000000657</c:v>
                </c:pt>
                <c:pt idx="289">
                  <c:v>8.809125999999992</c:v>
                </c:pt>
                <c:pt idx="290">
                  <c:v>9.5232349999999997</c:v>
                </c:pt>
                <c:pt idx="291">
                  <c:v>10.338763999999969</c:v>
                </c:pt>
                <c:pt idx="292">
                  <c:v>10.385226999999986</c:v>
                </c:pt>
                <c:pt idx="293">
                  <c:v>10.486321999999973</c:v>
                </c:pt>
                <c:pt idx="294">
                  <c:v>10.49016400000005</c:v>
                </c:pt>
                <c:pt idx="295">
                  <c:v>10.821155999999974</c:v>
                </c:pt>
                <c:pt idx="296">
                  <c:v>10.736652000000049</c:v>
                </c:pt>
                <c:pt idx="297">
                  <c:v>10.528452000000016</c:v>
                </c:pt>
                <c:pt idx="298">
                  <c:v>10.556381999999985</c:v>
                </c:pt>
                <c:pt idx="299">
                  <c:v>11.032781</c:v>
                </c:pt>
                <c:pt idx="300">
                  <c:v>10.870979000000034</c:v>
                </c:pt>
                <c:pt idx="301">
                  <c:v>10.901059000000032</c:v>
                </c:pt>
                <c:pt idx="302">
                  <c:v>11.052231000000006</c:v>
                </c:pt>
                <c:pt idx="303">
                  <c:v>11.334911000000034</c:v>
                </c:pt>
                <c:pt idx="304">
                  <c:v>11.433379000000059</c:v>
                </c:pt>
                <c:pt idx="305">
                  <c:v>10.714885999999979</c:v>
                </c:pt>
                <c:pt idx="306">
                  <c:v>10.222428000000036</c:v>
                </c:pt>
                <c:pt idx="307">
                  <c:v>9.8116630000000669</c:v>
                </c:pt>
                <c:pt idx="308">
                  <c:v>9.697640999999976</c:v>
                </c:pt>
                <c:pt idx="309">
                  <c:v>9.0543969999999945</c:v>
                </c:pt>
                <c:pt idx="310">
                  <c:v>8.0864930000000186</c:v>
                </c:pt>
                <c:pt idx="311">
                  <c:v>7.4833840000000009</c:v>
                </c:pt>
                <c:pt idx="312">
                  <c:v>7.1486170000000584</c:v>
                </c:pt>
                <c:pt idx="313">
                  <c:v>6.9590359999999691</c:v>
                </c:pt>
                <c:pt idx="314">
                  <c:v>6.6183929999999691</c:v>
                </c:pt>
                <c:pt idx="315">
                  <c:v>6.9486170000000129</c:v>
                </c:pt>
                <c:pt idx="316">
                  <c:v>7.8366220000000339</c:v>
                </c:pt>
                <c:pt idx="317">
                  <c:v>8.9486590000000206</c:v>
                </c:pt>
                <c:pt idx="318">
                  <c:v>10.262221000000068</c:v>
                </c:pt>
                <c:pt idx="319">
                  <c:v>10.918361000000004</c:v>
                </c:pt>
                <c:pt idx="320">
                  <c:v>11.55762100000004</c:v>
                </c:pt>
                <c:pt idx="321">
                  <c:v>12.478216999999972</c:v>
                </c:pt>
                <c:pt idx="322">
                  <c:v>12.865733999999975</c:v>
                </c:pt>
                <c:pt idx="323">
                  <c:v>13.42999199999997</c:v>
                </c:pt>
                <c:pt idx="324">
                  <c:v>13.731424000000061</c:v>
                </c:pt>
                <c:pt idx="325">
                  <c:v>13.841537000000017</c:v>
                </c:pt>
                <c:pt idx="326">
                  <c:v>13.916083000000071</c:v>
                </c:pt>
                <c:pt idx="327">
                  <c:v>13.588662999999997</c:v>
                </c:pt>
                <c:pt idx="328">
                  <c:v>12.814208000000008</c:v>
                </c:pt>
                <c:pt idx="329">
                  <c:v>11.788397000000032</c:v>
                </c:pt>
                <c:pt idx="330">
                  <c:v>11.227080999999998</c:v>
                </c:pt>
                <c:pt idx="331">
                  <c:v>10.813405999999986</c:v>
                </c:pt>
                <c:pt idx="332">
                  <c:v>9.9562980000000607</c:v>
                </c:pt>
                <c:pt idx="333">
                  <c:v>9.0335900000000038</c:v>
                </c:pt>
                <c:pt idx="334">
                  <c:v>8.1837060000000292</c:v>
                </c:pt>
                <c:pt idx="335">
                  <c:v>7.6463210000000572</c:v>
                </c:pt>
                <c:pt idx="336">
                  <c:v>7.28904</c:v>
                </c:pt>
                <c:pt idx="337">
                  <c:v>6.7763580000000729</c:v>
                </c:pt>
                <c:pt idx="338">
                  <c:v>6.5560370000000603</c:v>
                </c:pt>
                <c:pt idx="339">
                  <c:v>6.7686039999999821</c:v>
                </c:pt>
                <c:pt idx="340">
                  <c:v>7.5968750000000682</c:v>
                </c:pt>
                <c:pt idx="341">
                  <c:v>7.8735580000000027</c:v>
                </c:pt>
                <c:pt idx="342">
                  <c:v>8.4234420000000227</c:v>
                </c:pt>
                <c:pt idx="343">
                  <c:v>9.8235040000000708</c:v>
                </c:pt>
                <c:pt idx="344">
                  <c:v>11.478930999999989</c:v>
                </c:pt>
                <c:pt idx="345">
                  <c:v>12.243966</c:v>
                </c:pt>
                <c:pt idx="346">
                  <c:v>12.990983000000028</c:v>
                </c:pt>
                <c:pt idx="347">
                  <c:v>14.234467999999993</c:v>
                </c:pt>
                <c:pt idx="348">
                  <c:v>15.233286000000021</c:v>
                </c:pt>
                <c:pt idx="349">
                  <c:v>15.374396000000047</c:v>
                </c:pt>
                <c:pt idx="350">
                  <c:v>14.536130000000071</c:v>
                </c:pt>
                <c:pt idx="351">
                  <c:v>13.596127000000024</c:v>
                </c:pt>
                <c:pt idx="352">
                  <c:v>12.956529000000046</c:v>
                </c:pt>
                <c:pt idx="353">
                  <c:v>12.226495999999997</c:v>
                </c:pt>
                <c:pt idx="354">
                  <c:v>11.13728100000003</c:v>
                </c:pt>
                <c:pt idx="355">
                  <c:v>9.8066119999999728</c:v>
                </c:pt>
                <c:pt idx="356">
                  <c:v>9.2130640000000312</c:v>
                </c:pt>
                <c:pt idx="357">
                  <c:v>8.5287470000000667</c:v>
                </c:pt>
                <c:pt idx="358">
                  <c:v>7.8624560000000656</c:v>
                </c:pt>
                <c:pt idx="359">
                  <c:v>7.42044199999998</c:v>
                </c:pt>
                <c:pt idx="360">
                  <c:v>7.4056540000000268</c:v>
                </c:pt>
                <c:pt idx="361">
                  <c:v>7.2828240000000051</c:v>
                </c:pt>
                <c:pt idx="362">
                  <c:v>7.4657190000000355</c:v>
                </c:pt>
                <c:pt idx="363">
                  <c:v>7.6171810000000733</c:v>
                </c:pt>
                <c:pt idx="364">
                  <c:v>7.8046339999999645</c:v>
                </c:pt>
                <c:pt idx="365">
                  <c:v>8.4805069999999887</c:v>
                </c:pt>
                <c:pt idx="366">
                  <c:v>9.1890580000000455</c:v>
                </c:pt>
                <c:pt idx="367">
                  <c:v>10.07022500000005</c:v>
                </c:pt>
                <c:pt idx="368">
                  <c:v>11.241619000000014</c:v>
                </c:pt>
                <c:pt idx="369">
                  <c:v>12.288319000000001</c:v>
                </c:pt>
                <c:pt idx="370">
                  <c:v>12.977659000000017</c:v>
                </c:pt>
                <c:pt idx="371">
                  <c:v>13.465014999999994</c:v>
                </c:pt>
                <c:pt idx="372">
                  <c:v>14.09081900000001</c:v>
                </c:pt>
                <c:pt idx="373">
                  <c:v>14.752038999999968</c:v>
                </c:pt>
                <c:pt idx="374">
                  <c:v>14.730045000000018</c:v>
                </c:pt>
                <c:pt idx="375">
                  <c:v>14.378483000000074</c:v>
                </c:pt>
                <c:pt idx="376">
                  <c:v>13.689929000000006</c:v>
                </c:pt>
                <c:pt idx="377">
                  <c:v>12.808128000000011</c:v>
                </c:pt>
                <c:pt idx="378">
                  <c:v>11.796901000000048</c:v>
                </c:pt>
                <c:pt idx="379">
                  <c:v>10.452325999999971</c:v>
                </c:pt>
                <c:pt idx="380">
                  <c:v>9.3222600000000284</c:v>
                </c:pt>
                <c:pt idx="381">
                  <c:v>7.9682500000000118</c:v>
                </c:pt>
                <c:pt idx="382">
                  <c:v>6.7336649999999736</c:v>
                </c:pt>
                <c:pt idx="383">
                  <c:v>5.9761220000000321</c:v>
                </c:pt>
                <c:pt idx="384">
                  <c:v>6.0536610000000337</c:v>
                </c:pt>
                <c:pt idx="385">
                  <c:v>6.2549870000000283</c:v>
                </c:pt>
                <c:pt idx="386">
                  <c:v>6.5426190000000588</c:v>
                </c:pt>
                <c:pt idx="387">
                  <c:v>6.9009570000000622</c:v>
                </c:pt>
                <c:pt idx="388">
                  <c:v>7.6671310000000403</c:v>
                </c:pt>
                <c:pt idx="389">
                  <c:v>8.800192000000038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E33-43DC-A8BD-E53969662D4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ono-1200-15s(11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1.8453193350831145E-2"/>
                  <c:y val="-0.5384321230679498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ono-1200-15s(11)'!$D$3:$D$402</c:f>
              <c:numCache>
                <c:formatCode>General</c:formatCode>
                <c:ptCount val="400"/>
                <c:pt idx="0">
                  <c:v>5.0050000000005923E-3</c:v>
                </c:pt>
                <c:pt idx="1">
                  <c:v>1.0009999999999408E-2</c:v>
                </c:pt>
                <c:pt idx="2">
                  <c:v>1.5015000000000001E-2</c:v>
                </c:pt>
                <c:pt idx="3">
                  <c:v>2.0020000000000593E-2</c:v>
                </c:pt>
                <c:pt idx="4">
                  <c:v>7.5072000000000472E-2</c:v>
                </c:pt>
                <c:pt idx="5">
                  <c:v>8.0077000000001064E-2</c:v>
                </c:pt>
                <c:pt idx="6">
                  <c:v>8.508199999999988E-2</c:v>
                </c:pt>
                <c:pt idx="7">
                  <c:v>9.0087000000000472E-2</c:v>
                </c:pt>
                <c:pt idx="8">
                  <c:v>9.5092000000001065E-2</c:v>
                </c:pt>
                <c:pt idx="9">
                  <c:v>0.10009600000000063</c:v>
                </c:pt>
                <c:pt idx="10">
                  <c:v>0.10510099999999944</c:v>
                </c:pt>
                <c:pt idx="11">
                  <c:v>0.11010600000000004</c:v>
                </c:pt>
                <c:pt idx="12">
                  <c:v>0.11511100000000063</c:v>
                </c:pt>
                <c:pt idx="13">
                  <c:v>0.12011599999999945</c:v>
                </c:pt>
                <c:pt idx="14">
                  <c:v>0.12512000000000079</c:v>
                </c:pt>
                <c:pt idx="15">
                  <c:v>0.1301249999999996</c:v>
                </c:pt>
                <c:pt idx="16">
                  <c:v>0.13513000000000019</c:v>
                </c:pt>
                <c:pt idx="17">
                  <c:v>0.14013500000000079</c:v>
                </c:pt>
                <c:pt idx="18">
                  <c:v>0.1451399999999996</c:v>
                </c:pt>
                <c:pt idx="19">
                  <c:v>0.15014400000000094</c:v>
                </c:pt>
                <c:pt idx="20">
                  <c:v>0.15514899999999976</c:v>
                </c:pt>
                <c:pt idx="21">
                  <c:v>0.16015400000000035</c:v>
                </c:pt>
                <c:pt idx="22">
                  <c:v>0.16515900000000094</c:v>
                </c:pt>
                <c:pt idx="23">
                  <c:v>0.17016399999999976</c:v>
                </c:pt>
                <c:pt idx="24">
                  <c:v>0.1751680000000011</c:v>
                </c:pt>
                <c:pt idx="25">
                  <c:v>0.18017299999999992</c:v>
                </c:pt>
                <c:pt idx="26">
                  <c:v>0.18517800000000051</c:v>
                </c:pt>
                <c:pt idx="27">
                  <c:v>0.1901830000000011</c:v>
                </c:pt>
                <c:pt idx="28">
                  <c:v>0.19518799999999992</c:v>
                </c:pt>
                <c:pt idx="29">
                  <c:v>0.20019199999999948</c:v>
                </c:pt>
                <c:pt idx="30">
                  <c:v>0.20519700000000007</c:v>
                </c:pt>
                <c:pt idx="31">
                  <c:v>0.21020200000000067</c:v>
                </c:pt>
                <c:pt idx="32">
                  <c:v>0.21520699999999948</c:v>
                </c:pt>
                <c:pt idx="33">
                  <c:v>0.22021200000000007</c:v>
                </c:pt>
                <c:pt idx="34">
                  <c:v>0.22521599999999964</c:v>
                </c:pt>
                <c:pt idx="35">
                  <c:v>0.23022100000000023</c:v>
                </c:pt>
                <c:pt idx="36">
                  <c:v>0.23522600000000082</c:v>
                </c:pt>
                <c:pt idx="37">
                  <c:v>0.24023099999999964</c:v>
                </c:pt>
                <c:pt idx="38">
                  <c:v>0.24523600000000023</c:v>
                </c:pt>
                <c:pt idx="39">
                  <c:v>0.2502399999999998</c:v>
                </c:pt>
                <c:pt idx="40">
                  <c:v>0.25524500000000039</c:v>
                </c:pt>
                <c:pt idx="41">
                  <c:v>0.26025000000000098</c:v>
                </c:pt>
                <c:pt idx="42">
                  <c:v>0.2652549999999998</c:v>
                </c:pt>
                <c:pt idx="43">
                  <c:v>0.27026000000000039</c:v>
                </c:pt>
                <c:pt idx="44">
                  <c:v>0.27526399999999995</c:v>
                </c:pt>
                <c:pt idx="45">
                  <c:v>0.28026900000000055</c:v>
                </c:pt>
                <c:pt idx="46">
                  <c:v>0.28527399999999936</c:v>
                </c:pt>
                <c:pt idx="47">
                  <c:v>0.29027899999999995</c:v>
                </c:pt>
                <c:pt idx="48">
                  <c:v>0.29528400000000055</c:v>
                </c:pt>
                <c:pt idx="49">
                  <c:v>0.30028800000000011</c:v>
                </c:pt>
                <c:pt idx="50">
                  <c:v>0.3052930000000007</c:v>
                </c:pt>
                <c:pt idx="51">
                  <c:v>0.31029799999999952</c:v>
                </c:pt>
                <c:pt idx="52">
                  <c:v>0.31530300000000011</c:v>
                </c:pt>
                <c:pt idx="53">
                  <c:v>0.3203080000000007</c:v>
                </c:pt>
                <c:pt idx="54">
                  <c:v>0.32531200000000027</c:v>
                </c:pt>
                <c:pt idx="55">
                  <c:v>0.33031700000000086</c:v>
                </c:pt>
                <c:pt idx="56">
                  <c:v>0.33532199999999968</c:v>
                </c:pt>
                <c:pt idx="57">
                  <c:v>0.34032700000000027</c:v>
                </c:pt>
                <c:pt idx="58">
                  <c:v>0.34533200000000086</c:v>
                </c:pt>
                <c:pt idx="59">
                  <c:v>0.35033600000000042</c:v>
                </c:pt>
                <c:pt idx="60">
                  <c:v>0.35534100000000102</c:v>
                </c:pt>
                <c:pt idx="61">
                  <c:v>0.36034599999999983</c:v>
                </c:pt>
                <c:pt idx="62">
                  <c:v>0.36535100000000043</c:v>
                </c:pt>
                <c:pt idx="63">
                  <c:v>0.37035600000000102</c:v>
                </c:pt>
                <c:pt idx="64">
                  <c:v>0.37536000000000058</c:v>
                </c:pt>
                <c:pt idx="65">
                  <c:v>0.3803649999999994</c:v>
                </c:pt>
                <c:pt idx="66">
                  <c:v>0.38536999999999999</c:v>
                </c:pt>
                <c:pt idx="67">
                  <c:v>0.39037500000000058</c:v>
                </c:pt>
                <c:pt idx="68">
                  <c:v>0.3953799999999994</c:v>
                </c:pt>
                <c:pt idx="69">
                  <c:v>0.40038400000000074</c:v>
                </c:pt>
                <c:pt idx="70">
                  <c:v>0.40538899999999956</c:v>
                </c:pt>
                <c:pt idx="71">
                  <c:v>0.41039400000000015</c:v>
                </c:pt>
                <c:pt idx="72">
                  <c:v>0.41539900000000074</c:v>
                </c:pt>
                <c:pt idx="73">
                  <c:v>0.42040399999999956</c:v>
                </c:pt>
                <c:pt idx="74">
                  <c:v>0.4254080000000009</c:v>
                </c:pt>
                <c:pt idx="75">
                  <c:v>0.43041299999999971</c:v>
                </c:pt>
                <c:pt idx="76">
                  <c:v>0.4354180000000003</c:v>
                </c:pt>
                <c:pt idx="77">
                  <c:v>0.4404230000000009</c:v>
                </c:pt>
                <c:pt idx="78">
                  <c:v>0.44542799999999971</c:v>
                </c:pt>
                <c:pt idx="79">
                  <c:v>0.45043200000000105</c:v>
                </c:pt>
                <c:pt idx="80">
                  <c:v>0.45543699999999987</c:v>
                </c:pt>
                <c:pt idx="81">
                  <c:v>0.46044200000000046</c:v>
                </c:pt>
                <c:pt idx="82">
                  <c:v>0.46544700000000105</c:v>
                </c:pt>
                <c:pt idx="83">
                  <c:v>0.47045199999999987</c:v>
                </c:pt>
                <c:pt idx="84">
                  <c:v>0.47545599999999943</c:v>
                </c:pt>
                <c:pt idx="85">
                  <c:v>0.48046100000000003</c:v>
                </c:pt>
                <c:pt idx="86">
                  <c:v>0.48546600000000062</c:v>
                </c:pt>
                <c:pt idx="87">
                  <c:v>0.49047099999999944</c:v>
                </c:pt>
                <c:pt idx="88">
                  <c:v>0.49547600000000003</c:v>
                </c:pt>
                <c:pt idx="89">
                  <c:v>0.50047999999999959</c:v>
                </c:pt>
                <c:pt idx="90">
                  <c:v>0.50548500000000018</c:v>
                </c:pt>
                <c:pt idx="91">
                  <c:v>0.51049000000000078</c:v>
                </c:pt>
                <c:pt idx="92">
                  <c:v>0.51549499999999959</c:v>
                </c:pt>
                <c:pt idx="93">
                  <c:v>0.52050000000000018</c:v>
                </c:pt>
                <c:pt idx="94">
                  <c:v>0.52550399999999975</c:v>
                </c:pt>
                <c:pt idx="95">
                  <c:v>0.53050900000000034</c:v>
                </c:pt>
                <c:pt idx="96">
                  <c:v>0.53551400000000093</c:v>
                </c:pt>
                <c:pt idx="97">
                  <c:v>0.54051899999999975</c:v>
                </c:pt>
                <c:pt idx="98">
                  <c:v>0.54552400000000034</c:v>
                </c:pt>
                <c:pt idx="99">
                  <c:v>0.55052799999999991</c:v>
                </c:pt>
                <c:pt idx="100">
                  <c:v>0.5555330000000005</c:v>
                </c:pt>
                <c:pt idx="101">
                  <c:v>0.56053800000000109</c:v>
                </c:pt>
                <c:pt idx="102">
                  <c:v>0.56554299999999991</c:v>
                </c:pt>
                <c:pt idx="103">
                  <c:v>0.5705480000000005</c:v>
                </c:pt>
                <c:pt idx="104">
                  <c:v>0.57555200000000006</c:v>
                </c:pt>
                <c:pt idx="105">
                  <c:v>0.58055700000000066</c:v>
                </c:pt>
                <c:pt idx="106">
                  <c:v>0.58556199999999947</c:v>
                </c:pt>
                <c:pt idx="107">
                  <c:v>0.59056700000000006</c:v>
                </c:pt>
                <c:pt idx="108">
                  <c:v>0.59557200000000066</c:v>
                </c:pt>
                <c:pt idx="109">
                  <c:v>0.60057600000000022</c:v>
                </c:pt>
                <c:pt idx="110">
                  <c:v>0.60558100000000081</c:v>
                </c:pt>
                <c:pt idx="111">
                  <c:v>0.61058599999999963</c:v>
                </c:pt>
                <c:pt idx="112">
                  <c:v>0.61559100000000022</c:v>
                </c:pt>
                <c:pt idx="113">
                  <c:v>0.62059600000000081</c:v>
                </c:pt>
                <c:pt idx="114">
                  <c:v>0.62560000000000038</c:v>
                </c:pt>
                <c:pt idx="115">
                  <c:v>0.63060500000000097</c:v>
                </c:pt>
                <c:pt idx="116">
                  <c:v>0.63560999999999979</c:v>
                </c:pt>
                <c:pt idx="117">
                  <c:v>0.64061500000000038</c:v>
                </c:pt>
                <c:pt idx="118">
                  <c:v>0.64562000000000097</c:v>
                </c:pt>
                <c:pt idx="119">
                  <c:v>0.65062400000000054</c:v>
                </c:pt>
                <c:pt idx="120">
                  <c:v>0.65562900000000113</c:v>
                </c:pt>
                <c:pt idx="121">
                  <c:v>0.66063399999999994</c:v>
                </c:pt>
                <c:pt idx="122">
                  <c:v>0.66563900000000054</c:v>
                </c:pt>
                <c:pt idx="123">
                  <c:v>0.67064400000000113</c:v>
                </c:pt>
                <c:pt idx="124">
                  <c:v>0.67564800000000069</c:v>
                </c:pt>
                <c:pt idx="125">
                  <c:v>0.68065299999999951</c:v>
                </c:pt>
                <c:pt idx="126">
                  <c:v>0.6856580000000001</c:v>
                </c:pt>
                <c:pt idx="127">
                  <c:v>0.69066300000000069</c:v>
                </c:pt>
                <c:pt idx="128">
                  <c:v>0.69566799999999951</c:v>
                </c:pt>
                <c:pt idx="129">
                  <c:v>0.70067200000000085</c:v>
                </c:pt>
                <c:pt idx="130">
                  <c:v>0.70567699999999967</c:v>
                </c:pt>
                <c:pt idx="131">
                  <c:v>0.71068200000000026</c:v>
                </c:pt>
                <c:pt idx="132">
                  <c:v>0.71568700000000085</c:v>
                </c:pt>
                <c:pt idx="133">
                  <c:v>0.72069199999999967</c:v>
                </c:pt>
                <c:pt idx="134">
                  <c:v>0.72569600000000101</c:v>
                </c:pt>
                <c:pt idx="135">
                  <c:v>0.73070099999999982</c:v>
                </c:pt>
                <c:pt idx="136">
                  <c:v>0.73570600000000042</c:v>
                </c:pt>
                <c:pt idx="137">
                  <c:v>0.74071100000000101</c:v>
                </c:pt>
                <c:pt idx="138">
                  <c:v>0.74571599999999982</c:v>
                </c:pt>
                <c:pt idx="139">
                  <c:v>0.75071999999999939</c:v>
                </c:pt>
                <c:pt idx="140">
                  <c:v>0.75572499999999998</c:v>
                </c:pt>
                <c:pt idx="141">
                  <c:v>0.76073000000000057</c:v>
                </c:pt>
                <c:pt idx="142">
                  <c:v>0.76573499999999939</c:v>
                </c:pt>
                <c:pt idx="143">
                  <c:v>0.77073999999999998</c:v>
                </c:pt>
                <c:pt idx="144">
                  <c:v>0.77574399999999955</c:v>
                </c:pt>
                <c:pt idx="145">
                  <c:v>0.78074900000000014</c:v>
                </c:pt>
                <c:pt idx="146">
                  <c:v>0.78575400000000073</c:v>
                </c:pt>
                <c:pt idx="147">
                  <c:v>0.79075899999999955</c:v>
                </c:pt>
                <c:pt idx="148">
                  <c:v>0.79576400000000014</c:v>
                </c:pt>
                <c:pt idx="149">
                  <c:v>0.8007679999999997</c:v>
                </c:pt>
                <c:pt idx="150">
                  <c:v>0.80577300000000029</c:v>
                </c:pt>
                <c:pt idx="151">
                  <c:v>0.81077800000000089</c:v>
                </c:pt>
                <c:pt idx="152">
                  <c:v>0.8157829999999997</c:v>
                </c:pt>
                <c:pt idx="153">
                  <c:v>0.8207880000000003</c:v>
                </c:pt>
                <c:pt idx="154">
                  <c:v>0.82579199999999986</c:v>
                </c:pt>
                <c:pt idx="155">
                  <c:v>0.83079700000000045</c:v>
                </c:pt>
                <c:pt idx="156">
                  <c:v>0.83580200000000104</c:v>
                </c:pt>
                <c:pt idx="157">
                  <c:v>0.84080699999999986</c:v>
                </c:pt>
                <c:pt idx="158">
                  <c:v>0.84581200000000045</c:v>
                </c:pt>
                <c:pt idx="159">
                  <c:v>0.85081600000000002</c:v>
                </c:pt>
                <c:pt idx="160">
                  <c:v>0.85582100000000061</c:v>
                </c:pt>
                <c:pt idx="161">
                  <c:v>0.86082599999999942</c:v>
                </c:pt>
                <c:pt idx="162">
                  <c:v>0.86583100000000002</c:v>
                </c:pt>
                <c:pt idx="163">
                  <c:v>0.87083600000000061</c:v>
                </c:pt>
                <c:pt idx="164">
                  <c:v>0.87584000000000017</c:v>
                </c:pt>
                <c:pt idx="165">
                  <c:v>0.88084500000000077</c:v>
                </c:pt>
                <c:pt idx="166">
                  <c:v>0.88584999999999958</c:v>
                </c:pt>
                <c:pt idx="167">
                  <c:v>0.89085500000000017</c:v>
                </c:pt>
                <c:pt idx="168">
                  <c:v>0.89586000000000077</c:v>
                </c:pt>
                <c:pt idx="169">
                  <c:v>0.90086400000000033</c:v>
                </c:pt>
                <c:pt idx="170">
                  <c:v>0.90586900000000092</c:v>
                </c:pt>
                <c:pt idx="171">
                  <c:v>0.91087399999999974</c:v>
                </c:pt>
                <c:pt idx="172">
                  <c:v>0.91587900000000033</c:v>
                </c:pt>
                <c:pt idx="173">
                  <c:v>0.92088400000000092</c:v>
                </c:pt>
                <c:pt idx="174">
                  <c:v>0.92588800000000049</c:v>
                </c:pt>
                <c:pt idx="175">
                  <c:v>0.93089300000000108</c:v>
                </c:pt>
                <c:pt idx="176">
                  <c:v>0.9358979999999999</c:v>
                </c:pt>
                <c:pt idx="177">
                  <c:v>0.94090300000000049</c:v>
                </c:pt>
                <c:pt idx="178">
                  <c:v>0.94590800000000108</c:v>
                </c:pt>
                <c:pt idx="179">
                  <c:v>0.95091200000000065</c:v>
                </c:pt>
                <c:pt idx="180">
                  <c:v>0.95591699999999946</c:v>
                </c:pt>
                <c:pt idx="181">
                  <c:v>0.96092200000000005</c:v>
                </c:pt>
                <c:pt idx="182">
                  <c:v>0.96592700000000065</c:v>
                </c:pt>
                <c:pt idx="183">
                  <c:v>0.97093199999999946</c:v>
                </c:pt>
                <c:pt idx="184">
                  <c:v>0.9759360000000008</c:v>
                </c:pt>
                <c:pt idx="185">
                  <c:v>0.98094099999999962</c:v>
                </c:pt>
                <c:pt idx="186">
                  <c:v>0.98594600000000021</c:v>
                </c:pt>
                <c:pt idx="187">
                  <c:v>0.9909510000000008</c:v>
                </c:pt>
                <c:pt idx="188">
                  <c:v>0.99595599999999962</c:v>
                </c:pt>
                <c:pt idx="189">
                  <c:v>1.000960000000001</c:v>
                </c:pt>
                <c:pt idx="190">
                  <c:v>1.0059649999999998</c:v>
                </c:pt>
                <c:pt idx="191">
                  <c:v>1.0109700000000004</c:v>
                </c:pt>
                <c:pt idx="192">
                  <c:v>1.015975000000001</c:v>
                </c:pt>
                <c:pt idx="193">
                  <c:v>1.0209799999999998</c:v>
                </c:pt>
                <c:pt idx="194">
                  <c:v>1.0259840000000011</c:v>
                </c:pt>
                <c:pt idx="195">
                  <c:v>1.0309889999999999</c:v>
                </c:pt>
                <c:pt idx="196">
                  <c:v>1.0359940000000005</c:v>
                </c:pt>
                <c:pt idx="197">
                  <c:v>1.0409990000000011</c:v>
                </c:pt>
                <c:pt idx="198">
                  <c:v>1.0460039999999999</c:v>
                </c:pt>
                <c:pt idx="199">
                  <c:v>1.0510079999999995</c:v>
                </c:pt>
                <c:pt idx="200">
                  <c:v>1.0560130000000001</c:v>
                </c:pt>
                <c:pt idx="201">
                  <c:v>1.0610180000000007</c:v>
                </c:pt>
                <c:pt idx="202">
                  <c:v>1.0660229999999995</c:v>
                </c:pt>
                <c:pt idx="203">
                  <c:v>1.0710280000000001</c:v>
                </c:pt>
                <c:pt idx="204">
                  <c:v>1.0760319999999997</c:v>
                </c:pt>
                <c:pt idx="205">
                  <c:v>1.0810370000000002</c:v>
                </c:pt>
                <c:pt idx="206">
                  <c:v>1.0860420000000008</c:v>
                </c:pt>
                <c:pt idx="207">
                  <c:v>1.0910469999999997</c:v>
                </c:pt>
                <c:pt idx="208">
                  <c:v>1.0960520000000002</c:v>
                </c:pt>
                <c:pt idx="209">
                  <c:v>1.1010559999999998</c:v>
                </c:pt>
                <c:pt idx="210">
                  <c:v>1.1060610000000004</c:v>
                </c:pt>
                <c:pt idx="211">
                  <c:v>1.111066000000001</c:v>
                </c:pt>
                <c:pt idx="212">
                  <c:v>1.1160709999999998</c:v>
                </c:pt>
                <c:pt idx="213">
                  <c:v>1.1210760000000004</c:v>
                </c:pt>
                <c:pt idx="214">
                  <c:v>1.12608</c:v>
                </c:pt>
                <c:pt idx="215">
                  <c:v>1.1310850000000006</c:v>
                </c:pt>
                <c:pt idx="216">
                  <c:v>1.1360899999999994</c:v>
                </c:pt>
                <c:pt idx="217">
                  <c:v>1.141095</c:v>
                </c:pt>
                <c:pt idx="218">
                  <c:v>1.1461000000000006</c:v>
                </c:pt>
                <c:pt idx="219">
                  <c:v>1.1511040000000001</c:v>
                </c:pt>
                <c:pt idx="220">
                  <c:v>1.1561090000000007</c:v>
                </c:pt>
                <c:pt idx="221">
                  <c:v>1.1611139999999995</c:v>
                </c:pt>
                <c:pt idx="222">
                  <c:v>1.1661190000000001</c:v>
                </c:pt>
                <c:pt idx="223">
                  <c:v>1.1711240000000007</c:v>
                </c:pt>
                <c:pt idx="224">
                  <c:v>1.1761280000000003</c:v>
                </c:pt>
                <c:pt idx="225">
                  <c:v>1.1811330000000009</c:v>
                </c:pt>
                <c:pt idx="226">
                  <c:v>1.1861379999999997</c:v>
                </c:pt>
                <c:pt idx="227">
                  <c:v>1.1911430000000003</c:v>
                </c:pt>
                <c:pt idx="228">
                  <c:v>1.1961480000000009</c:v>
                </c:pt>
                <c:pt idx="229">
                  <c:v>1.2011520000000004</c:v>
                </c:pt>
                <c:pt idx="230">
                  <c:v>1.206157000000001</c:v>
                </c:pt>
                <c:pt idx="231">
                  <c:v>1.2111619999999998</c:v>
                </c:pt>
                <c:pt idx="232">
                  <c:v>1.2161670000000004</c:v>
                </c:pt>
                <c:pt idx="233">
                  <c:v>1.221172000000001</c:v>
                </c:pt>
                <c:pt idx="234">
                  <c:v>1.2261760000000006</c:v>
                </c:pt>
                <c:pt idx="235">
                  <c:v>1.2311809999999994</c:v>
                </c:pt>
                <c:pt idx="236">
                  <c:v>1.236186</c:v>
                </c:pt>
                <c:pt idx="237">
                  <c:v>1.2411910000000006</c:v>
                </c:pt>
                <c:pt idx="238">
                  <c:v>1.2461959999999994</c:v>
                </c:pt>
                <c:pt idx="239">
                  <c:v>1.2512000000000008</c:v>
                </c:pt>
                <c:pt idx="240">
                  <c:v>1.2562049999999996</c:v>
                </c:pt>
                <c:pt idx="241">
                  <c:v>1.2612100000000002</c:v>
                </c:pt>
                <c:pt idx="242">
                  <c:v>1.2662150000000008</c:v>
                </c:pt>
                <c:pt idx="243">
                  <c:v>1.2712199999999996</c:v>
                </c:pt>
                <c:pt idx="244">
                  <c:v>1.2762240000000009</c:v>
                </c:pt>
                <c:pt idx="245">
                  <c:v>1.2812289999999997</c:v>
                </c:pt>
                <c:pt idx="246">
                  <c:v>1.2862340000000003</c:v>
                </c:pt>
                <c:pt idx="247">
                  <c:v>1.2912390000000009</c:v>
                </c:pt>
                <c:pt idx="248">
                  <c:v>1.2962439999999997</c:v>
                </c:pt>
                <c:pt idx="249">
                  <c:v>1.3012480000000011</c:v>
                </c:pt>
                <c:pt idx="250">
                  <c:v>1.3062529999999999</c:v>
                </c:pt>
                <c:pt idx="251">
                  <c:v>1.3112580000000005</c:v>
                </c:pt>
                <c:pt idx="252">
                  <c:v>1.3162630000000011</c:v>
                </c:pt>
                <c:pt idx="253">
                  <c:v>1.3212679999999999</c:v>
                </c:pt>
                <c:pt idx="254">
                  <c:v>1.3262719999999995</c:v>
                </c:pt>
                <c:pt idx="255">
                  <c:v>1.331277</c:v>
                </c:pt>
                <c:pt idx="256">
                  <c:v>1.3362820000000006</c:v>
                </c:pt>
                <c:pt idx="257">
                  <c:v>1.3412869999999995</c:v>
                </c:pt>
                <c:pt idx="258">
                  <c:v>1.346292</c:v>
                </c:pt>
                <c:pt idx="259">
                  <c:v>1.3512959999999996</c:v>
                </c:pt>
                <c:pt idx="260">
                  <c:v>1.3563010000000002</c:v>
                </c:pt>
                <c:pt idx="261">
                  <c:v>1.3613060000000008</c:v>
                </c:pt>
                <c:pt idx="262">
                  <c:v>1.3663109999999996</c:v>
                </c:pt>
                <c:pt idx="263">
                  <c:v>1.3713160000000002</c:v>
                </c:pt>
                <c:pt idx="264">
                  <c:v>1.3763199999999998</c:v>
                </c:pt>
                <c:pt idx="265">
                  <c:v>1.3813250000000004</c:v>
                </c:pt>
                <c:pt idx="266">
                  <c:v>1.386330000000001</c:v>
                </c:pt>
                <c:pt idx="267">
                  <c:v>1.3913349999999998</c:v>
                </c:pt>
                <c:pt idx="268">
                  <c:v>1.3963400000000004</c:v>
                </c:pt>
                <c:pt idx="269">
                  <c:v>1.4013439999999999</c:v>
                </c:pt>
                <c:pt idx="270">
                  <c:v>1.4063490000000005</c:v>
                </c:pt>
                <c:pt idx="271">
                  <c:v>1.4113540000000011</c:v>
                </c:pt>
                <c:pt idx="272">
                  <c:v>1.4163589999999999</c:v>
                </c:pt>
                <c:pt idx="273">
                  <c:v>1.4213640000000005</c:v>
                </c:pt>
                <c:pt idx="274">
                  <c:v>1.4263680000000001</c:v>
                </c:pt>
                <c:pt idx="275">
                  <c:v>1.4313730000000007</c:v>
                </c:pt>
                <c:pt idx="276">
                  <c:v>1.4363779999999995</c:v>
                </c:pt>
                <c:pt idx="277">
                  <c:v>1.4413830000000001</c:v>
                </c:pt>
                <c:pt idx="278">
                  <c:v>1.4463880000000007</c:v>
                </c:pt>
                <c:pt idx="279">
                  <c:v>1.4513920000000002</c:v>
                </c:pt>
                <c:pt idx="280">
                  <c:v>1.4563970000000008</c:v>
                </c:pt>
                <c:pt idx="281">
                  <c:v>1.4614019999999996</c:v>
                </c:pt>
                <c:pt idx="282">
                  <c:v>1.4664070000000002</c:v>
                </c:pt>
                <c:pt idx="283">
                  <c:v>1.4714120000000008</c:v>
                </c:pt>
                <c:pt idx="284">
                  <c:v>1.4764160000000004</c:v>
                </c:pt>
                <c:pt idx="285">
                  <c:v>1.481421000000001</c:v>
                </c:pt>
                <c:pt idx="286">
                  <c:v>1.4864259999999998</c:v>
                </c:pt>
                <c:pt idx="287">
                  <c:v>1.4914310000000004</c:v>
                </c:pt>
                <c:pt idx="288">
                  <c:v>1.496436000000001</c:v>
                </c:pt>
                <c:pt idx="289">
                  <c:v>1.5014400000000006</c:v>
                </c:pt>
                <c:pt idx="290">
                  <c:v>1.5064449999999994</c:v>
                </c:pt>
                <c:pt idx="291">
                  <c:v>1.51145</c:v>
                </c:pt>
                <c:pt idx="292">
                  <c:v>1.5164550000000006</c:v>
                </c:pt>
                <c:pt idx="293">
                  <c:v>1.5214599999999994</c:v>
                </c:pt>
                <c:pt idx="294">
                  <c:v>1.5264640000000007</c:v>
                </c:pt>
                <c:pt idx="295">
                  <c:v>1.5314689999999995</c:v>
                </c:pt>
                <c:pt idx="296">
                  <c:v>1.5364740000000001</c:v>
                </c:pt>
                <c:pt idx="297">
                  <c:v>1.5414790000000007</c:v>
                </c:pt>
                <c:pt idx="298">
                  <c:v>1.5464839999999995</c:v>
                </c:pt>
                <c:pt idx="299">
                  <c:v>1.5514880000000009</c:v>
                </c:pt>
                <c:pt idx="300">
                  <c:v>1.5564929999999997</c:v>
                </c:pt>
                <c:pt idx="301">
                  <c:v>1.5614980000000003</c:v>
                </c:pt>
                <c:pt idx="302">
                  <c:v>1.5665030000000009</c:v>
                </c:pt>
                <c:pt idx="303">
                  <c:v>1.5715079999999997</c:v>
                </c:pt>
                <c:pt idx="304">
                  <c:v>1.576512000000001</c:v>
                </c:pt>
                <c:pt idx="305">
                  <c:v>1.5815169999999998</c:v>
                </c:pt>
                <c:pt idx="306">
                  <c:v>1.5865220000000004</c:v>
                </c:pt>
                <c:pt idx="307">
                  <c:v>1.591527000000001</c:v>
                </c:pt>
                <c:pt idx="308">
                  <c:v>1.5965319999999998</c:v>
                </c:pt>
                <c:pt idx="309">
                  <c:v>1.6015359999999994</c:v>
                </c:pt>
                <c:pt idx="310">
                  <c:v>1.606541</c:v>
                </c:pt>
                <c:pt idx="311">
                  <c:v>1.6115460000000006</c:v>
                </c:pt>
                <c:pt idx="312">
                  <c:v>1.6165509999999994</c:v>
                </c:pt>
                <c:pt idx="313">
                  <c:v>1.621556</c:v>
                </c:pt>
                <c:pt idx="314">
                  <c:v>1.6265599999999996</c:v>
                </c:pt>
                <c:pt idx="315">
                  <c:v>1.6315650000000002</c:v>
                </c:pt>
                <c:pt idx="316">
                  <c:v>1.6365700000000007</c:v>
                </c:pt>
                <c:pt idx="317">
                  <c:v>1.6415749999999996</c:v>
                </c:pt>
                <c:pt idx="318">
                  <c:v>1.6465800000000002</c:v>
                </c:pt>
                <c:pt idx="319">
                  <c:v>1.6515839999999997</c:v>
                </c:pt>
                <c:pt idx="320">
                  <c:v>1.6565890000000003</c:v>
                </c:pt>
                <c:pt idx="321">
                  <c:v>1.6615940000000009</c:v>
                </c:pt>
                <c:pt idx="322">
                  <c:v>1.6665989999999997</c:v>
                </c:pt>
                <c:pt idx="323">
                  <c:v>1.6716040000000003</c:v>
                </c:pt>
                <c:pt idx="324">
                  <c:v>1.6766079999999999</c:v>
                </c:pt>
                <c:pt idx="325">
                  <c:v>1.6816130000000005</c:v>
                </c:pt>
                <c:pt idx="326">
                  <c:v>1.6866180000000011</c:v>
                </c:pt>
                <c:pt idx="327">
                  <c:v>1.6916229999999999</c:v>
                </c:pt>
                <c:pt idx="328">
                  <c:v>1.6966280000000005</c:v>
                </c:pt>
                <c:pt idx="329">
                  <c:v>1.701632</c:v>
                </c:pt>
                <c:pt idx="330">
                  <c:v>1.7066370000000006</c:v>
                </c:pt>
                <c:pt idx="331">
                  <c:v>1.7116419999999994</c:v>
                </c:pt>
                <c:pt idx="332">
                  <c:v>1.716647</c:v>
                </c:pt>
                <c:pt idx="333">
                  <c:v>1.7216520000000006</c:v>
                </c:pt>
                <c:pt idx="334">
                  <c:v>1.7266560000000002</c:v>
                </c:pt>
                <c:pt idx="335">
                  <c:v>1.7316610000000008</c:v>
                </c:pt>
                <c:pt idx="336">
                  <c:v>1.7366659999999996</c:v>
                </c:pt>
                <c:pt idx="337">
                  <c:v>1.7416710000000002</c:v>
                </c:pt>
                <c:pt idx="338">
                  <c:v>1.7466760000000008</c:v>
                </c:pt>
                <c:pt idx="339">
                  <c:v>1.7516800000000003</c:v>
                </c:pt>
                <c:pt idx="340">
                  <c:v>1.7566850000000009</c:v>
                </c:pt>
                <c:pt idx="341">
                  <c:v>1.7616899999999998</c:v>
                </c:pt>
                <c:pt idx="342">
                  <c:v>1.7666950000000003</c:v>
                </c:pt>
                <c:pt idx="343">
                  <c:v>1.7717000000000009</c:v>
                </c:pt>
                <c:pt idx="344">
                  <c:v>1.7767040000000005</c:v>
                </c:pt>
                <c:pt idx="345">
                  <c:v>1.7817090000000011</c:v>
                </c:pt>
                <c:pt idx="346">
                  <c:v>1.7867139999999999</c:v>
                </c:pt>
                <c:pt idx="347">
                  <c:v>1.7917190000000005</c:v>
                </c:pt>
                <c:pt idx="348">
                  <c:v>1.7967240000000011</c:v>
                </c:pt>
                <c:pt idx="349">
                  <c:v>1.8017280000000007</c:v>
                </c:pt>
                <c:pt idx="350">
                  <c:v>1.8067329999999995</c:v>
                </c:pt>
                <c:pt idx="351">
                  <c:v>1.8117380000000001</c:v>
                </c:pt>
                <c:pt idx="352">
                  <c:v>1.8167430000000007</c:v>
                </c:pt>
                <c:pt idx="353">
                  <c:v>1.8217479999999995</c:v>
                </c:pt>
                <c:pt idx="354">
                  <c:v>1.8267520000000008</c:v>
                </c:pt>
                <c:pt idx="355">
                  <c:v>1.8317569999999996</c:v>
                </c:pt>
                <c:pt idx="356">
                  <c:v>1.8367620000000002</c:v>
                </c:pt>
                <c:pt idx="357">
                  <c:v>1.8417670000000008</c:v>
                </c:pt>
                <c:pt idx="358">
                  <c:v>1.8467719999999996</c:v>
                </c:pt>
                <c:pt idx="359">
                  <c:v>1.851776000000001</c:v>
                </c:pt>
                <c:pt idx="360">
                  <c:v>1.8567809999999998</c:v>
                </c:pt>
                <c:pt idx="361">
                  <c:v>1.8617860000000004</c:v>
                </c:pt>
                <c:pt idx="362">
                  <c:v>1.866791000000001</c:v>
                </c:pt>
                <c:pt idx="363">
                  <c:v>1.8717959999999998</c:v>
                </c:pt>
                <c:pt idx="364">
                  <c:v>1.8768000000000011</c:v>
                </c:pt>
                <c:pt idx="365">
                  <c:v>1.8818049999999999</c:v>
                </c:pt>
                <c:pt idx="366">
                  <c:v>1.8868100000000005</c:v>
                </c:pt>
                <c:pt idx="367">
                  <c:v>1.8918150000000011</c:v>
                </c:pt>
                <c:pt idx="368">
                  <c:v>1.89682</c:v>
                </c:pt>
                <c:pt idx="369">
                  <c:v>1.9018239999999995</c:v>
                </c:pt>
                <c:pt idx="370">
                  <c:v>1.9068290000000001</c:v>
                </c:pt>
                <c:pt idx="371">
                  <c:v>1.9118340000000007</c:v>
                </c:pt>
                <c:pt idx="372">
                  <c:v>1.9168389999999995</c:v>
                </c:pt>
                <c:pt idx="373">
                  <c:v>1.9218440000000001</c:v>
                </c:pt>
                <c:pt idx="374">
                  <c:v>1.9268479999999997</c:v>
                </c:pt>
                <c:pt idx="375">
                  <c:v>1.9318530000000003</c:v>
                </c:pt>
                <c:pt idx="376">
                  <c:v>1.9368580000000009</c:v>
                </c:pt>
                <c:pt idx="377">
                  <c:v>1.9418629999999997</c:v>
                </c:pt>
                <c:pt idx="378">
                  <c:v>1.9468680000000003</c:v>
                </c:pt>
                <c:pt idx="379">
                  <c:v>1.9518719999999998</c:v>
                </c:pt>
                <c:pt idx="380">
                  <c:v>1.9568770000000004</c:v>
                </c:pt>
                <c:pt idx="381">
                  <c:v>1.961882000000001</c:v>
                </c:pt>
                <c:pt idx="382">
                  <c:v>1.9668869999999998</c:v>
                </c:pt>
                <c:pt idx="383">
                  <c:v>1.9718920000000004</c:v>
                </c:pt>
                <c:pt idx="384">
                  <c:v>1.976896</c:v>
                </c:pt>
                <c:pt idx="385">
                  <c:v>1.9819010000000006</c:v>
                </c:pt>
                <c:pt idx="386">
                  <c:v>1.9869059999999994</c:v>
                </c:pt>
                <c:pt idx="387">
                  <c:v>1.991911</c:v>
                </c:pt>
                <c:pt idx="388">
                  <c:v>1.9969160000000006</c:v>
                </c:pt>
              </c:numCache>
            </c:numRef>
          </c:xVal>
          <c:yVal>
            <c:numRef>
              <c:f>'Mono-1200-15s(11)'!$F$3:$F$402</c:f>
              <c:numCache>
                <c:formatCode>General</c:formatCode>
                <c:ptCount val="400"/>
                <c:pt idx="0">
                  <c:v>0.16866678589012146</c:v>
                </c:pt>
                <c:pt idx="1">
                  <c:v>0.14638620323577778</c:v>
                </c:pt>
                <c:pt idx="2">
                  <c:v>7.2270889148062664E-2</c:v>
                </c:pt>
                <c:pt idx="3">
                  <c:v>2.1086943145810288E-2</c:v>
                </c:pt>
                <c:pt idx="4">
                  <c:v>1.8951461009356969E-2</c:v>
                </c:pt>
                <c:pt idx="5">
                  <c:v>2.5806806159780645E-2</c:v>
                </c:pt>
                <c:pt idx="6">
                  <c:v>3.9027846033392842E-2</c:v>
                </c:pt>
                <c:pt idx="7">
                  <c:v>5.5601895749638558E-2</c:v>
                </c:pt>
                <c:pt idx="8">
                  <c:v>6.4429473515603394E-2</c:v>
                </c:pt>
                <c:pt idx="9">
                  <c:v>6.1929790869670771E-2</c:v>
                </c:pt>
                <c:pt idx="10">
                  <c:v>6.2746243240340352E-2</c:v>
                </c:pt>
                <c:pt idx="11">
                  <c:v>6.0853122970270679E-2</c:v>
                </c:pt>
                <c:pt idx="12">
                  <c:v>5.7074190517134284E-2</c:v>
                </c:pt>
                <c:pt idx="13">
                  <c:v>5.0353109740135772E-2</c:v>
                </c:pt>
                <c:pt idx="14">
                  <c:v>4.3116512559632975E-2</c:v>
                </c:pt>
                <c:pt idx="15">
                  <c:v>4.2438232303838939E-2</c:v>
                </c:pt>
                <c:pt idx="16">
                  <c:v>3.6382402951737426E-2</c:v>
                </c:pt>
                <c:pt idx="17">
                  <c:v>2.8790468966135647E-2</c:v>
                </c:pt>
                <c:pt idx="18">
                  <c:v>2.3158028659679811E-2</c:v>
                </c:pt>
                <c:pt idx="19">
                  <c:v>1.9416781355796883E-2</c:v>
                </c:pt>
                <c:pt idx="20">
                  <c:v>1.199972188702305E-2</c:v>
                </c:pt>
                <c:pt idx="21">
                  <c:v>6.7346342438588808E-3</c:v>
                </c:pt>
                <c:pt idx="22">
                  <c:v>3.8420158264763924E-3</c:v>
                </c:pt>
                <c:pt idx="23">
                  <c:v>3.4468422543152228E-3</c:v>
                </c:pt>
                <c:pt idx="24">
                  <c:v>4.9628457344983038E-3</c:v>
                </c:pt>
                <c:pt idx="25">
                  <c:v>2.0845234924735004E-3</c:v>
                </c:pt>
                <c:pt idx="26">
                  <c:v>2.4188194473212417E-3</c:v>
                </c:pt>
                <c:pt idx="27">
                  <c:v>4.6142651743999209E-3</c:v>
                </c:pt>
                <c:pt idx="28">
                  <c:v>1.0414504249288676E-2</c:v>
                </c:pt>
                <c:pt idx="29">
                  <c:v>1.8954627816749527E-2</c:v>
                </c:pt>
                <c:pt idx="30">
                  <c:v>2.9118342897227603E-2</c:v>
                </c:pt>
                <c:pt idx="31">
                  <c:v>3.5401476686520272E-2</c:v>
                </c:pt>
                <c:pt idx="32">
                  <c:v>4.032686727714177E-2</c:v>
                </c:pt>
                <c:pt idx="33">
                  <c:v>4.3601130771780877E-2</c:v>
                </c:pt>
                <c:pt idx="34">
                  <c:v>4.6495061175327611E-2</c:v>
                </c:pt>
                <c:pt idx="35">
                  <c:v>4.5817951856902447E-2</c:v>
                </c:pt>
                <c:pt idx="36">
                  <c:v>4.321323815067437E-2</c:v>
                </c:pt>
                <c:pt idx="37">
                  <c:v>4.1619463335408252E-2</c:v>
                </c:pt>
                <c:pt idx="38">
                  <c:v>4.0444803826255198E-2</c:v>
                </c:pt>
                <c:pt idx="39">
                  <c:v>3.5805943252465194E-2</c:v>
                </c:pt>
                <c:pt idx="40">
                  <c:v>2.9710622109476059E-2</c:v>
                </c:pt>
                <c:pt idx="41">
                  <c:v>2.0606209315119056E-2</c:v>
                </c:pt>
                <c:pt idx="42">
                  <c:v>1.7020509427597561E-2</c:v>
                </c:pt>
                <c:pt idx="43">
                  <c:v>1.50895304599658E-2</c:v>
                </c:pt>
                <c:pt idx="44">
                  <c:v>1.4366967207189505E-2</c:v>
                </c:pt>
                <c:pt idx="45">
                  <c:v>1.1028807793245481E-2</c:v>
                </c:pt>
                <c:pt idx="46">
                  <c:v>1.122083615418464E-2</c:v>
                </c:pt>
                <c:pt idx="47">
                  <c:v>1.3436968571503824E-2</c:v>
                </c:pt>
                <c:pt idx="48">
                  <c:v>1.3135191784867706E-2</c:v>
                </c:pt>
                <c:pt idx="49">
                  <c:v>1.1759643644349546E-2</c:v>
                </c:pt>
                <c:pt idx="50">
                  <c:v>1.502280171285424E-2</c:v>
                </c:pt>
                <c:pt idx="51">
                  <c:v>1.8522219741999271E-2</c:v>
                </c:pt>
                <c:pt idx="52">
                  <c:v>2.0489576234096672E-2</c:v>
                </c:pt>
                <c:pt idx="53">
                  <c:v>2.2652654685680444E-2</c:v>
                </c:pt>
                <c:pt idx="54">
                  <c:v>2.587089597667604E-2</c:v>
                </c:pt>
                <c:pt idx="55">
                  <c:v>2.8639684683932094E-2</c:v>
                </c:pt>
                <c:pt idx="56">
                  <c:v>2.9732831764807652E-2</c:v>
                </c:pt>
                <c:pt idx="57">
                  <c:v>2.8790879086096174E-2</c:v>
                </c:pt>
                <c:pt idx="58">
                  <c:v>3.0220942419118713E-2</c:v>
                </c:pt>
                <c:pt idx="59">
                  <c:v>3.1282486693382835E-2</c:v>
                </c:pt>
                <c:pt idx="60">
                  <c:v>3.1373831114845228E-2</c:v>
                </c:pt>
                <c:pt idx="61">
                  <c:v>2.7768054908915353E-2</c:v>
                </c:pt>
                <c:pt idx="62">
                  <c:v>2.49779901790654E-2</c:v>
                </c:pt>
                <c:pt idx="63">
                  <c:v>2.379431299043322E-2</c:v>
                </c:pt>
                <c:pt idx="64">
                  <c:v>2.1702126236222221E-2</c:v>
                </c:pt>
                <c:pt idx="65">
                  <c:v>1.7524022545620691E-2</c:v>
                </c:pt>
                <c:pt idx="66">
                  <c:v>1.4158420365001574E-2</c:v>
                </c:pt>
                <c:pt idx="67">
                  <c:v>1.2389094234467149E-2</c:v>
                </c:pt>
                <c:pt idx="68">
                  <c:v>1.1556376098940493E-2</c:v>
                </c:pt>
                <c:pt idx="69">
                  <c:v>9.5322081801593461E-3</c:v>
                </c:pt>
                <c:pt idx="70">
                  <c:v>8.4719208482479345E-3</c:v>
                </c:pt>
                <c:pt idx="71">
                  <c:v>9.1359949789270138E-3</c:v>
                </c:pt>
                <c:pt idx="72">
                  <c:v>1.1292218691353247E-2</c:v>
                </c:pt>
                <c:pt idx="73">
                  <c:v>1.4525713265898091E-2</c:v>
                </c:pt>
                <c:pt idx="74">
                  <c:v>1.7347169593850836E-2</c:v>
                </c:pt>
                <c:pt idx="75">
                  <c:v>2.1038137701782349E-2</c:v>
                </c:pt>
                <c:pt idx="76">
                  <c:v>2.4638611130494214E-2</c:v>
                </c:pt>
                <c:pt idx="77">
                  <c:v>2.6280066349905647E-2</c:v>
                </c:pt>
                <c:pt idx="78">
                  <c:v>2.9285767627621084E-2</c:v>
                </c:pt>
                <c:pt idx="79">
                  <c:v>3.2420119379637027E-2</c:v>
                </c:pt>
                <c:pt idx="80">
                  <c:v>3.4610885810905878E-2</c:v>
                </c:pt>
                <c:pt idx="81">
                  <c:v>3.3256464137345343E-2</c:v>
                </c:pt>
                <c:pt idx="82">
                  <c:v>3.207216555479149E-2</c:v>
                </c:pt>
                <c:pt idx="83">
                  <c:v>3.1177375298413745E-2</c:v>
                </c:pt>
                <c:pt idx="84">
                  <c:v>2.8459269168039966E-2</c:v>
                </c:pt>
                <c:pt idx="85">
                  <c:v>2.3619901272990691E-2</c:v>
                </c:pt>
                <c:pt idx="86">
                  <c:v>2.0121244721278707E-2</c:v>
                </c:pt>
                <c:pt idx="87">
                  <c:v>1.7644655549069254E-2</c:v>
                </c:pt>
                <c:pt idx="88">
                  <c:v>1.5646267889654196E-2</c:v>
                </c:pt>
                <c:pt idx="89">
                  <c:v>1.2936816917132693E-2</c:v>
                </c:pt>
                <c:pt idx="90">
                  <c:v>1.0399412849440607E-2</c:v>
                </c:pt>
                <c:pt idx="91">
                  <c:v>1.0025742852941499E-2</c:v>
                </c:pt>
                <c:pt idx="92">
                  <c:v>1.1331110040447323E-2</c:v>
                </c:pt>
                <c:pt idx="93">
                  <c:v>1.0684573243023835E-2</c:v>
                </c:pt>
                <c:pt idx="94">
                  <c:v>1.0308190181706738E-2</c:v>
                </c:pt>
                <c:pt idx="95">
                  <c:v>1.1764439734111008E-2</c:v>
                </c:pt>
                <c:pt idx="96">
                  <c:v>1.4693222609654626E-2</c:v>
                </c:pt>
                <c:pt idx="97">
                  <c:v>1.706783316608319E-2</c:v>
                </c:pt>
                <c:pt idx="98">
                  <c:v>1.9050734651262571E-2</c:v>
                </c:pt>
                <c:pt idx="99">
                  <c:v>2.2014008246235055E-2</c:v>
                </c:pt>
                <c:pt idx="100">
                  <c:v>2.5596537112928364E-2</c:v>
                </c:pt>
                <c:pt idx="101">
                  <c:v>2.7014961626763971E-2</c:v>
                </c:pt>
                <c:pt idx="102">
                  <c:v>2.6113932181963711E-2</c:v>
                </c:pt>
                <c:pt idx="103">
                  <c:v>2.619645535785476E-2</c:v>
                </c:pt>
                <c:pt idx="104">
                  <c:v>2.7860767431645866E-2</c:v>
                </c:pt>
                <c:pt idx="105">
                  <c:v>2.8281412031993899E-2</c:v>
                </c:pt>
                <c:pt idx="106">
                  <c:v>2.6708087759884067E-2</c:v>
                </c:pt>
                <c:pt idx="107">
                  <c:v>2.4328403180903822E-2</c:v>
                </c:pt>
                <c:pt idx="108">
                  <c:v>2.4017861619685513E-2</c:v>
                </c:pt>
                <c:pt idx="109">
                  <c:v>2.3104934178227354E-2</c:v>
                </c:pt>
                <c:pt idx="110">
                  <c:v>2.088671129387876E-2</c:v>
                </c:pt>
                <c:pt idx="111">
                  <c:v>1.7523059363968817E-2</c:v>
                </c:pt>
                <c:pt idx="112">
                  <c:v>1.6233676300457429E-2</c:v>
                </c:pt>
                <c:pt idx="113">
                  <c:v>1.5942229366920285E-2</c:v>
                </c:pt>
                <c:pt idx="114">
                  <c:v>1.4580918761752475E-2</c:v>
                </c:pt>
                <c:pt idx="115">
                  <c:v>1.2606507061073326E-2</c:v>
                </c:pt>
                <c:pt idx="116">
                  <c:v>1.1986583630278849E-2</c:v>
                </c:pt>
                <c:pt idx="117">
                  <c:v>1.3028028639399003E-2</c:v>
                </c:pt>
                <c:pt idx="118">
                  <c:v>1.3906517365279985E-2</c:v>
                </c:pt>
                <c:pt idx="119">
                  <c:v>1.3896846312290547E-2</c:v>
                </c:pt>
                <c:pt idx="120">
                  <c:v>1.3792787950501893E-2</c:v>
                </c:pt>
                <c:pt idx="121">
                  <c:v>1.475354464989252E-2</c:v>
                </c:pt>
                <c:pt idx="122">
                  <c:v>1.5550887791643493E-2</c:v>
                </c:pt>
                <c:pt idx="123">
                  <c:v>1.6977138783107162E-2</c:v>
                </c:pt>
                <c:pt idx="124">
                  <c:v>1.8446356884507919E-2</c:v>
                </c:pt>
                <c:pt idx="125">
                  <c:v>2.0362923913980452E-2</c:v>
                </c:pt>
                <c:pt idx="126">
                  <c:v>2.2239569333292523E-2</c:v>
                </c:pt>
                <c:pt idx="127">
                  <c:v>2.4076017720076937E-2</c:v>
                </c:pt>
                <c:pt idx="128">
                  <c:v>2.5236953614078208E-2</c:v>
                </c:pt>
                <c:pt idx="129">
                  <c:v>2.5418795913839682E-2</c:v>
                </c:pt>
                <c:pt idx="130">
                  <c:v>2.5391761254580248E-2</c:v>
                </c:pt>
                <c:pt idx="131">
                  <c:v>2.5458203818863386E-2</c:v>
                </c:pt>
                <c:pt idx="132">
                  <c:v>2.4413212332806071E-2</c:v>
                </c:pt>
                <c:pt idx="133">
                  <c:v>2.2806193365067784E-2</c:v>
                </c:pt>
                <c:pt idx="134">
                  <c:v>2.1266327922626723E-2</c:v>
                </c:pt>
                <c:pt idx="135">
                  <c:v>2.0037956573976244E-2</c:v>
                </c:pt>
                <c:pt idx="136">
                  <c:v>1.8961346483622903E-2</c:v>
                </c:pt>
                <c:pt idx="137">
                  <c:v>1.7791579599370666E-2</c:v>
                </c:pt>
                <c:pt idx="138">
                  <c:v>1.7213877827002847E-2</c:v>
                </c:pt>
                <c:pt idx="139">
                  <c:v>1.7071895884413772E-2</c:v>
                </c:pt>
                <c:pt idx="140">
                  <c:v>1.7424184376946088E-2</c:v>
                </c:pt>
                <c:pt idx="141">
                  <c:v>1.6808040569971067E-2</c:v>
                </c:pt>
                <c:pt idx="142">
                  <c:v>1.7192852331365423E-2</c:v>
                </c:pt>
                <c:pt idx="143">
                  <c:v>1.8068328567192742E-2</c:v>
                </c:pt>
                <c:pt idx="144">
                  <c:v>1.9190337065318704E-2</c:v>
                </c:pt>
                <c:pt idx="145">
                  <c:v>1.9877348433543347E-2</c:v>
                </c:pt>
                <c:pt idx="146">
                  <c:v>2.081994746627279E-2</c:v>
                </c:pt>
                <c:pt idx="147">
                  <c:v>2.0520650110196031E-2</c:v>
                </c:pt>
                <c:pt idx="148">
                  <c:v>2.0787809372847504E-2</c:v>
                </c:pt>
                <c:pt idx="149">
                  <c:v>2.1336839593014339E-2</c:v>
                </c:pt>
                <c:pt idx="150">
                  <c:v>2.1552647879979559E-2</c:v>
                </c:pt>
                <c:pt idx="151">
                  <c:v>2.1226157966583677E-2</c:v>
                </c:pt>
                <c:pt idx="152">
                  <c:v>2.1303824891451155E-2</c:v>
                </c:pt>
                <c:pt idx="153">
                  <c:v>2.1158703975622441E-2</c:v>
                </c:pt>
                <c:pt idx="154">
                  <c:v>2.1738257254573897E-2</c:v>
                </c:pt>
                <c:pt idx="155">
                  <c:v>2.1037682649723746E-2</c:v>
                </c:pt>
                <c:pt idx="156">
                  <c:v>2.0131353545630407E-2</c:v>
                </c:pt>
                <c:pt idx="157">
                  <c:v>2.0428225477167723E-2</c:v>
                </c:pt>
                <c:pt idx="158">
                  <c:v>2.0320892973290348E-2</c:v>
                </c:pt>
                <c:pt idx="159">
                  <c:v>1.9120053475585756E-2</c:v>
                </c:pt>
                <c:pt idx="160">
                  <c:v>1.876767644265015E-2</c:v>
                </c:pt>
                <c:pt idx="161">
                  <c:v>1.8684104961721616E-2</c:v>
                </c:pt>
                <c:pt idx="162">
                  <c:v>1.9283671881338473E-2</c:v>
                </c:pt>
                <c:pt idx="163">
                  <c:v>1.8466204115426366E-2</c:v>
                </c:pt>
                <c:pt idx="164">
                  <c:v>1.784577740809155E-2</c:v>
                </c:pt>
                <c:pt idx="165">
                  <c:v>1.7364998032176449E-2</c:v>
                </c:pt>
                <c:pt idx="166">
                  <c:v>1.7802161832270871E-2</c:v>
                </c:pt>
                <c:pt idx="167">
                  <c:v>1.8336995843077641E-2</c:v>
                </c:pt>
                <c:pt idx="168">
                  <c:v>1.8193072058085548E-2</c:v>
                </c:pt>
                <c:pt idx="169">
                  <c:v>1.8023754063955726E-2</c:v>
                </c:pt>
                <c:pt idx="170">
                  <c:v>1.853292795658824E-2</c:v>
                </c:pt>
                <c:pt idx="171">
                  <c:v>1.9777584254973998E-2</c:v>
                </c:pt>
                <c:pt idx="172">
                  <c:v>2.010707434143013E-2</c:v>
                </c:pt>
                <c:pt idx="173">
                  <c:v>2.029558195788372E-2</c:v>
                </c:pt>
                <c:pt idx="174">
                  <c:v>2.0648126915059555E-2</c:v>
                </c:pt>
                <c:pt idx="175">
                  <c:v>2.1370631593149871E-2</c:v>
                </c:pt>
                <c:pt idx="176">
                  <c:v>2.1309679159616714E-2</c:v>
                </c:pt>
                <c:pt idx="177">
                  <c:v>2.0666605483237298E-2</c:v>
                </c:pt>
                <c:pt idx="178">
                  <c:v>2.0301860909527448E-2</c:v>
                </c:pt>
                <c:pt idx="179">
                  <c:v>2.0074807882896128E-2</c:v>
                </c:pt>
                <c:pt idx="180">
                  <c:v>1.9134671440659876E-2</c:v>
                </c:pt>
                <c:pt idx="181">
                  <c:v>1.7530490151265503E-2</c:v>
                </c:pt>
                <c:pt idx="182">
                  <c:v>1.6642250494430428E-2</c:v>
                </c:pt>
                <c:pt idx="183">
                  <c:v>1.6647264473517071E-2</c:v>
                </c:pt>
                <c:pt idx="184">
                  <c:v>1.6105731438603461E-2</c:v>
                </c:pt>
                <c:pt idx="185">
                  <c:v>1.5394172576585307E-2</c:v>
                </c:pt>
                <c:pt idx="186">
                  <c:v>1.485099146389526E-2</c:v>
                </c:pt>
                <c:pt idx="187">
                  <c:v>1.4740588178989619E-2</c:v>
                </c:pt>
                <c:pt idx="188">
                  <c:v>1.5135692516925354E-2</c:v>
                </c:pt>
                <c:pt idx="189">
                  <c:v>1.55872087351803E-2</c:v>
                </c:pt>
                <c:pt idx="190">
                  <c:v>1.6600395941287947E-2</c:v>
                </c:pt>
                <c:pt idx="191">
                  <c:v>1.7411741316687965E-2</c:v>
                </c:pt>
                <c:pt idx="192">
                  <c:v>1.8327877411140971E-2</c:v>
                </c:pt>
                <c:pt idx="193">
                  <c:v>1.9006230893065988E-2</c:v>
                </c:pt>
                <c:pt idx="194">
                  <c:v>1.9720308261816952E-2</c:v>
                </c:pt>
                <c:pt idx="195">
                  <c:v>1.9805911576352541E-2</c:v>
                </c:pt>
                <c:pt idx="196">
                  <c:v>1.9693769884349521E-2</c:v>
                </c:pt>
                <c:pt idx="197">
                  <c:v>1.9468500644238065E-2</c:v>
                </c:pt>
                <c:pt idx="198">
                  <c:v>1.9142551134573915E-2</c:v>
                </c:pt>
                <c:pt idx="199">
                  <c:v>1.8611250225709614E-2</c:v>
                </c:pt>
                <c:pt idx="200">
                  <c:v>1.8125908462901456E-2</c:v>
                </c:pt>
                <c:pt idx="201">
                  <c:v>1.8031058459402591E-2</c:v>
                </c:pt>
                <c:pt idx="202">
                  <c:v>1.8028326013080971E-2</c:v>
                </c:pt>
                <c:pt idx="203">
                  <c:v>1.7096323194899905E-2</c:v>
                </c:pt>
                <c:pt idx="204">
                  <c:v>1.5699842829417957E-2</c:v>
                </c:pt>
                <c:pt idx="205">
                  <c:v>1.409664795033936E-2</c:v>
                </c:pt>
                <c:pt idx="206">
                  <c:v>1.3171693519124204E-2</c:v>
                </c:pt>
                <c:pt idx="207">
                  <c:v>1.2573825627692714E-2</c:v>
                </c:pt>
                <c:pt idx="208">
                  <c:v>1.1600813925022907E-2</c:v>
                </c:pt>
                <c:pt idx="209">
                  <c:v>1.105853130857835E-2</c:v>
                </c:pt>
                <c:pt idx="210">
                  <c:v>1.1291860996527367E-2</c:v>
                </c:pt>
                <c:pt idx="211">
                  <c:v>1.1415342301638392E-2</c:v>
                </c:pt>
                <c:pt idx="212">
                  <c:v>1.1371329162695277E-2</c:v>
                </c:pt>
                <c:pt idx="213">
                  <c:v>1.1268129886771139E-2</c:v>
                </c:pt>
                <c:pt idx="214">
                  <c:v>1.2108998023594166E-2</c:v>
                </c:pt>
                <c:pt idx="215">
                  <c:v>1.3510568561804413E-2</c:v>
                </c:pt>
                <c:pt idx="216">
                  <c:v>1.410245158889655E-2</c:v>
                </c:pt>
                <c:pt idx="217">
                  <c:v>1.3790012453587538E-2</c:v>
                </c:pt>
                <c:pt idx="218">
                  <c:v>1.3759647803099916E-2</c:v>
                </c:pt>
                <c:pt idx="219">
                  <c:v>1.5167623475692411E-2</c:v>
                </c:pt>
                <c:pt idx="220">
                  <c:v>1.6682534313047701E-2</c:v>
                </c:pt>
                <c:pt idx="221">
                  <c:v>1.62305720545677E-2</c:v>
                </c:pt>
                <c:pt idx="222">
                  <c:v>1.6373999769192998E-2</c:v>
                </c:pt>
                <c:pt idx="223">
                  <c:v>1.7083400186699231E-2</c:v>
                </c:pt>
                <c:pt idx="224">
                  <c:v>1.7952264436873814E-2</c:v>
                </c:pt>
                <c:pt idx="225">
                  <c:v>1.7111333381233038E-2</c:v>
                </c:pt>
                <c:pt idx="226">
                  <c:v>1.5449077244614565E-2</c:v>
                </c:pt>
                <c:pt idx="227">
                  <c:v>1.4858417348406457E-2</c:v>
                </c:pt>
                <c:pt idx="228">
                  <c:v>1.4961164679868683E-2</c:v>
                </c:pt>
                <c:pt idx="229">
                  <c:v>1.3516652490757989E-2</c:v>
                </c:pt>
                <c:pt idx="230">
                  <c:v>1.1482622149104206E-2</c:v>
                </c:pt>
                <c:pt idx="231">
                  <c:v>1.0391411929514153E-2</c:v>
                </c:pt>
                <c:pt idx="232">
                  <c:v>1.0339995537480429E-2</c:v>
                </c:pt>
                <c:pt idx="233">
                  <c:v>9.7924742419952648E-3</c:v>
                </c:pt>
                <c:pt idx="234">
                  <c:v>8.5190567420332271E-3</c:v>
                </c:pt>
                <c:pt idx="235">
                  <c:v>8.1760498800755553E-3</c:v>
                </c:pt>
                <c:pt idx="236">
                  <c:v>8.7413227625329874E-3</c:v>
                </c:pt>
                <c:pt idx="237">
                  <c:v>9.0812721891035328E-3</c:v>
                </c:pt>
                <c:pt idx="238">
                  <c:v>9.2611145322427091E-3</c:v>
                </c:pt>
                <c:pt idx="239">
                  <c:v>8.6678811086886281E-3</c:v>
                </c:pt>
                <c:pt idx="240">
                  <c:v>9.5873060216100005E-3</c:v>
                </c:pt>
                <c:pt idx="241">
                  <c:v>1.1319069226624855E-2</c:v>
                </c:pt>
                <c:pt idx="242">
                  <c:v>1.2149844298068015E-2</c:v>
                </c:pt>
                <c:pt idx="243">
                  <c:v>1.2601020182392772E-2</c:v>
                </c:pt>
                <c:pt idx="244">
                  <c:v>1.4080286148425101E-2</c:v>
                </c:pt>
                <c:pt idx="245">
                  <c:v>1.5711798790644646E-2</c:v>
                </c:pt>
                <c:pt idx="246">
                  <c:v>1.6305713348028224E-2</c:v>
                </c:pt>
                <c:pt idx="247">
                  <c:v>1.6089520788496601E-2</c:v>
                </c:pt>
                <c:pt idx="248">
                  <c:v>1.6632508209103513E-2</c:v>
                </c:pt>
                <c:pt idx="249">
                  <c:v>1.7129434825228367E-2</c:v>
                </c:pt>
                <c:pt idx="250">
                  <c:v>1.6750163078716261E-2</c:v>
                </c:pt>
                <c:pt idx="251">
                  <c:v>1.6094515412287021E-2</c:v>
                </c:pt>
                <c:pt idx="252">
                  <c:v>1.5609120568403793E-2</c:v>
                </c:pt>
                <c:pt idx="253">
                  <c:v>1.5062212727701071E-2</c:v>
                </c:pt>
                <c:pt idx="254">
                  <c:v>1.4644007063887941E-2</c:v>
                </c:pt>
                <c:pt idx="255">
                  <c:v>1.355616715577016E-2</c:v>
                </c:pt>
                <c:pt idx="256">
                  <c:v>1.2182290642999558E-2</c:v>
                </c:pt>
                <c:pt idx="257">
                  <c:v>1.100739135463291E-2</c:v>
                </c:pt>
                <c:pt idx="258">
                  <c:v>1.0592705056306407E-2</c:v>
                </c:pt>
                <c:pt idx="259">
                  <c:v>1.0578579409922413E-2</c:v>
                </c:pt>
                <c:pt idx="260">
                  <c:v>1.0361542859121024E-2</c:v>
                </c:pt>
                <c:pt idx="261">
                  <c:v>9.636888411814851E-3</c:v>
                </c:pt>
                <c:pt idx="262">
                  <c:v>9.3138826355205137E-3</c:v>
                </c:pt>
                <c:pt idx="263">
                  <c:v>8.9478535757151183E-3</c:v>
                </c:pt>
                <c:pt idx="264">
                  <c:v>8.7975153965135534E-3</c:v>
                </c:pt>
                <c:pt idx="265">
                  <c:v>8.5464742723693182E-3</c:v>
                </c:pt>
                <c:pt idx="266">
                  <c:v>8.4402413728309478E-3</c:v>
                </c:pt>
                <c:pt idx="267">
                  <c:v>8.9823588846063181E-3</c:v>
                </c:pt>
                <c:pt idx="268">
                  <c:v>9.7233490182314555E-3</c:v>
                </c:pt>
                <c:pt idx="269">
                  <c:v>1.0196923384139458E-2</c:v>
                </c:pt>
                <c:pt idx="270">
                  <c:v>1.0773375788898287E-2</c:v>
                </c:pt>
                <c:pt idx="271">
                  <c:v>1.230784276865165E-2</c:v>
                </c:pt>
                <c:pt idx="272">
                  <c:v>1.3588373383046909E-2</c:v>
                </c:pt>
                <c:pt idx="273">
                  <c:v>1.4569226937174641E-2</c:v>
                </c:pt>
                <c:pt idx="274">
                  <c:v>1.457770591590013E-2</c:v>
                </c:pt>
                <c:pt idx="275">
                  <c:v>1.4885164584902966E-2</c:v>
                </c:pt>
                <c:pt idx="276">
                  <c:v>1.5766957996484327E-2</c:v>
                </c:pt>
                <c:pt idx="277">
                  <c:v>1.5847744452691985E-2</c:v>
                </c:pt>
                <c:pt idx="278">
                  <c:v>1.4983788562247946E-2</c:v>
                </c:pt>
                <c:pt idx="279">
                  <c:v>1.4129159792104948E-2</c:v>
                </c:pt>
                <c:pt idx="280">
                  <c:v>1.3919289956252585E-2</c:v>
                </c:pt>
                <c:pt idx="281">
                  <c:v>1.2931897025247486E-2</c:v>
                </c:pt>
                <c:pt idx="282">
                  <c:v>1.2019145260244474E-2</c:v>
                </c:pt>
                <c:pt idx="283">
                  <c:v>1.0906330011359761E-2</c:v>
                </c:pt>
                <c:pt idx="284">
                  <c:v>1.0338456840304376E-2</c:v>
                </c:pt>
                <c:pt idx="285">
                  <c:v>1.0344193851803159E-2</c:v>
                </c:pt>
                <c:pt idx="286">
                  <c:v>1.0349353689659318E-2</c:v>
                </c:pt>
                <c:pt idx="287">
                  <c:v>1.0033597530075485E-2</c:v>
                </c:pt>
                <c:pt idx="288">
                  <c:v>1.05334691023251E-2</c:v>
                </c:pt>
                <c:pt idx="289">
                  <c:v>1.1334925909891337E-2</c:v>
                </c:pt>
                <c:pt idx="290">
                  <c:v>1.2246867627173367E-2</c:v>
                </c:pt>
                <c:pt idx="291">
                  <c:v>1.2260152837582541E-2</c:v>
                </c:pt>
                <c:pt idx="292">
                  <c:v>1.2336415935270493E-2</c:v>
                </c:pt>
                <c:pt idx="293">
                  <c:v>1.230025468445819E-2</c:v>
                </c:pt>
                <c:pt idx="294">
                  <c:v>1.2639301895681725E-2</c:v>
                </c:pt>
                <c:pt idx="295">
                  <c:v>1.2501499284581477E-2</c:v>
                </c:pt>
                <c:pt idx="296">
                  <c:v>1.222368098939125E-2</c:v>
                </c:pt>
                <c:pt idx="297">
                  <c:v>1.2215705350729522E-2</c:v>
                </c:pt>
                <c:pt idx="298">
                  <c:v>1.271486424545828E-2</c:v>
                </c:pt>
                <c:pt idx="299">
                  <c:v>1.2491588075362214E-2</c:v>
                </c:pt>
                <c:pt idx="300">
                  <c:v>1.2485204148113183E-2</c:v>
                </c:pt>
                <c:pt idx="301">
                  <c:v>1.2614371811109899E-2</c:v>
                </c:pt>
                <c:pt idx="302">
                  <c:v>1.2889178871720428E-2</c:v>
                </c:pt>
                <c:pt idx="303">
                  <c:v>1.2957469692693563E-2</c:v>
                </c:pt>
                <c:pt idx="304">
                  <c:v>1.2120165898587059E-2</c:v>
                </c:pt>
                <c:pt idx="305">
                  <c:v>1.1536658735511528E-2</c:v>
                </c:pt>
                <c:pt idx="306">
                  <c:v>1.1046250679325064E-2</c:v>
                </c:pt>
                <c:pt idx="307">
                  <c:v>1.0885764134004357E-2</c:v>
                </c:pt>
                <c:pt idx="308">
                  <c:v>1.0143506134886094E-2</c:v>
                </c:pt>
                <c:pt idx="309">
                  <c:v>9.0465333335121943E-3</c:v>
                </c:pt>
                <c:pt idx="310">
                  <c:v>8.3547688096465237E-3</c:v>
                </c:pt>
                <c:pt idx="311">
                  <c:v>7.9610140265674225E-3</c:v>
                </c:pt>
                <c:pt idx="312">
                  <c:v>7.7285234257536565E-3</c:v>
                </c:pt>
                <c:pt idx="313">
                  <c:v>7.3320114114523681E-3</c:v>
                </c:pt>
                <c:pt idx="314">
                  <c:v>7.6696097275608024E-3</c:v>
                </c:pt>
                <c:pt idx="315">
                  <c:v>8.6094948074290634E-3</c:v>
                </c:pt>
                <c:pt idx="316">
                  <c:v>9.7816406932299434E-3</c:v>
                </c:pt>
                <c:pt idx="317">
                  <c:v>1.1157056682762512E-2</c:v>
                </c:pt>
                <c:pt idx="318">
                  <c:v>1.1820486410511212E-2</c:v>
                </c:pt>
                <c:pt idx="319">
                  <c:v>1.2460454750453464E-2</c:v>
                </c:pt>
                <c:pt idx="320">
                  <c:v>1.3390369246091226E-2</c:v>
                </c:pt>
                <c:pt idx="321">
                  <c:v>1.3755151246454418E-2</c:v>
                </c:pt>
                <c:pt idx="322">
                  <c:v>1.4300961690175789E-2</c:v>
                </c:pt>
                <c:pt idx="323">
                  <c:v>1.4570367975078402E-2</c:v>
                </c:pt>
                <c:pt idx="324">
                  <c:v>1.4640513649933054E-2</c:v>
                </c:pt>
                <c:pt idx="325">
                  <c:v>1.4673613469221306E-2</c:v>
                </c:pt>
                <c:pt idx="326">
                  <c:v>1.4294149745991519E-2</c:v>
                </c:pt>
                <c:pt idx="327">
                  <c:v>1.3458097168463492E-2</c:v>
                </c:pt>
                <c:pt idx="328">
                  <c:v>1.2366756516288139E-2</c:v>
                </c:pt>
                <c:pt idx="329">
                  <c:v>1.1755010071727846E-2</c:v>
                </c:pt>
                <c:pt idx="330">
                  <c:v>1.1297005732384275E-2</c:v>
                </c:pt>
                <c:pt idx="331">
                  <c:v>1.0387024152843028E-2</c:v>
                </c:pt>
                <c:pt idx="332">
                  <c:v>9.4124293749037573E-3</c:v>
                </c:pt>
                <c:pt idx="333">
                  <c:v>8.515059549799437E-3</c:v>
                </c:pt>
                <c:pt idx="334">
                  <c:v>7.9405031281175337E-3</c:v>
                </c:pt>
                <c:pt idx="335">
                  <c:v>7.5524366033307309E-3</c:v>
                </c:pt>
                <c:pt idx="336">
                  <c:v>7.0074393972663525E-3</c:v>
                </c:pt>
                <c:pt idx="337">
                  <c:v>6.7627986578217636E-3</c:v>
                </c:pt>
                <c:pt idx="338">
                  <c:v>6.9594050095674867E-3</c:v>
                </c:pt>
                <c:pt idx="339">
                  <c:v>7.7771420765330012E-3</c:v>
                </c:pt>
                <c:pt idx="340">
                  <c:v>8.0334396505674054E-3</c:v>
                </c:pt>
                <c:pt idx="341">
                  <c:v>8.561634298133905E-3</c:v>
                </c:pt>
                <c:pt idx="342">
                  <c:v>9.931481354337135E-3</c:v>
                </c:pt>
                <c:pt idx="343">
                  <c:v>1.1538204345401879E-2</c:v>
                </c:pt>
                <c:pt idx="344">
                  <c:v>1.2255829648679951E-2</c:v>
                </c:pt>
                <c:pt idx="345">
                  <c:v>1.2949838080825383E-2</c:v>
                </c:pt>
                <c:pt idx="346">
                  <c:v>1.4118456200018092E-2</c:v>
                </c:pt>
                <c:pt idx="347">
                  <c:v>1.5040305608935519E-2</c:v>
                </c:pt>
                <c:pt idx="348">
                  <c:v>1.5133565483241809E-2</c:v>
                </c:pt>
                <c:pt idx="349">
                  <c:v>1.428987643429196E-2</c:v>
                </c:pt>
                <c:pt idx="350">
                  <c:v>1.3351000576258055E-2</c:v>
                </c:pt>
                <c:pt idx="351">
                  <c:v>1.2702200156964221E-2</c:v>
                </c:pt>
                <c:pt idx="352">
                  <c:v>1.1968995092314449E-2</c:v>
                </c:pt>
                <c:pt idx="353">
                  <c:v>1.0893869256676425E-2</c:v>
                </c:pt>
                <c:pt idx="354">
                  <c:v>9.5887432429286844E-3</c:v>
                </c:pt>
                <c:pt idx="355">
                  <c:v>8.9933022527503414E-3</c:v>
                </c:pt>
                <c:pt idx="356">
                  <c:v>8.312794342848687E-3</c:v>
                </c:pt>
                <c:pt idx="357">
                  <c:v>7.6516761434502175E-3</c:v>
                </c:pt>
                <c:pt idx="358">
                  <c:v>7.2076509157765331E-3</c:v>
                </c:pt>
                <c:pt idx="359">
                  <c:v>7.1740390779885931E-3</c:v>
                </c:pt>
                <c:pt idx="360">
                  <c:v>7.0375842315465054E-3</c:v>
                </c:pt>
                <c:pt idx="361">
                  <c:v>7.1925660551961255E-3</c:v>
                </c:pt>
                <c:pt idx="362">
                  <c:v>7.3168236340500166E-3</c:v>
                </c:pt>
                <c:pt idx="363">
                  <c:v>7.474326730968605E-3</c:v>
                </c:pt>
                <c:pt idx="364">
                  <c:v>8.0901396973498581E-3</c:v>
                </c:pt>
                <c:pt idx="365">
                  <c:v>8.7316833584139015E-3</c:v>
                </c:pt>
                <c:pt idx="366">
                  <c:v>9.5285946176159857E-3</c:v>
                </c:pt>
                <c:pt idx="367">
                  <c:v>1.0586703314603273E-2</c:v>
                </c:pt>
                <c:pt idx="368">
                  <c:v>1.1520405944252967E-2</c:v>
                </c:pt>
                <c:pt idx="369">
                  <c:v>1.2119798787683805E-2</c:v>
                </c:pt>
                <c:pt idx="370">
                  <c:v>1.2531085894140278E-2</c:v>
                </c:pt>
                <c:pt idx="371">
                  <c:v>1.3064645736244383E-2</c:v>
                </c:pt>
                <c:pt idx="372">
                  <c:v>1.3626027686604926E-2</c:v>
                </c:pt>
                <c:pt idx="373">
                  <c:v>1.3570807987751975E-2</c:v>
                </c:pt>
                <c:pt idx="374">
                  <c:v>1.3220741007714516E-2</c:v>
                </c:pt>
                <c:pt idx="375">
                  <c:v>1.2570351706234918E-2</c:v>
                </c:pt>
                <c:pt idx="376">
                  <c:v>1.1748652010367141E-2</c:v>
                </c:pt>
                <c:pt idx="377">
                  <c:v>1.0812608079955235E-2</c:v>
                </c:pt>
                <c:pt idx="378">
                  <c:v>9.5785136341664679E-3</c:v>
                </c:pt>
                <c:pt idx="379">
                  <c:v>8.5382339674924465E-3</c:v>
                </c:pt>
                <c:pt idx="380">
                  <c:v>7.2970969604985083E-3</c:v>
                </c:pt>
                <c:pt idx="381">
                  <c:v>6.164405987694588E-3</c:v>
                </c:pt>
                <c:pt idx="382">
                  <c:v>5.4644183839542048E-3</c:v>
                </c:pt>
                <c:pt idx="383">
                  <c:v>5.5204987008866451E-3</c:v>
                </c:pt>
                <c:pt idx="384">
                  <c:v>5.6875958671648765E-3</c:v>
                </c:pt>
                <c:pt idx="385">
                  <c:v>5.9310464564713856E-3</c:v>
                </c:pt>
                <c:pt idx="386">
                  <c:v>6.2361153678742965E-3</c:v>
                </c:pt>
                <c:pt idx="387">
                  <c:v>6.9015726789415878E-3</c:v>
                </c:pt>
                <c:pt idx="388">
                  <c:v>7.8856236292684217E-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010-4D1D-8C02-0DA89739D15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12156592"/>
        <c:axId val="1012155608"/>
      </c:scatterChart>
      <c:valAx>
        <c:axId val="1012156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5608"/>
        <c:crosses val="autoZero"/>
        <c:crossBetween val="midCat"/>
      </c:valAx>
      <c:valAx>
        <c:axId val="10121556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1215659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3.3324584426946628E-2"/>
                  <c:y val="-0.107650554097404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2.Multi-300-3s(7)'!$D$2:$D$401</c:f>
              <c:numCache>
                <c:formatCode>General</c:formatCode>
                <c:ptCount val="400"/>
                <c:pt idx="0">
                  <c:v>0</c:v>
                </c:pt>
                <c:pt idx="1">
                  <c:v>5.0050000000005923E-3</c:v>
                </c:pt>
                <c:pt idx="2">
                  <c:v>1.0009000000000157E-2</c:v>
                </c:pt>
                <c:pt idx="3">
                  <c:v>1.5014000000000749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900000000075E-2</c:v>
                </c:pt>
                <c:pt idx="7">
                  <c:v>3.5033000000000314E-2</c:v>
                </c:pt>
                <c:pt idx="8">
                  <c:v>4.0038000000000018E-2</c:v>
                </c:pt>
                <c:pt idx="9">
                  <c:v>4.504300000000061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7000000000471E-2</c:v>
                </c:pt>
                <c:pt idx="13">
                  <c:v>6.5062000000000175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1000000000628E-2</c:v>
                </c:pt>
                <c:pt idx="18">
                  <c:v>9.0086000000000332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49999999999</c:v>
                </c:pt>
                <c:pt idx="23">
                  <c:v>0.11511000000000049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500000000049</c:v>
                </c:pt>
                <c:pt idx="27">
                  <c:v>0.13512900000000005</c:v>
                </c:pt>
                <c:pt idx="28">
                  <c:v>0.14013400000000065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300000000021</c:v>
                </c:pt>
                <c:pt idx="33">
                  <c:v>0.16515799999999992</c:v>
                </c:pt>
                <c:pt idx="34">
                  <c:v>0.17016300000000051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700000000037</c:v>
                </c:pt>
                <c:pt idx="38">
                  <c:v>0.19018200000000007</c:v>
                </c:pt>
                <c:pt idx="39">
                  <c:v>0.19518700000000067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100000000053</c:v>
                </c:pt>
                <c:pt idx="43">
                  <c:v>0.21520600000000023</c:v>
                </c:pt>
                <c:pt idx="44">
                  <c:v>0.22021099999999993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500000000068</c:v>
                </c:pt>
                <c:pt idx="48">
                  <c:v>0.24023000000000039</c:v>
                </c:pt>
                <c:pt idx="49">
                  <c:v>0.24523500000000009</c:v>
                </c:pt>
                <c:pt idx="50">
                  <c:v>0.25024000000000068</c:v>
                </c:pt>
                <c:pt idx="51">
                  <c:v>0.25524500000000039</c:v>
                </c:pt>
                <c:pt idx="52">
                  <c:v>0.26024899999999995</c:v>
                </c:pt>
                <c:pt idx="53">
                  <c:v>0.26525400000000054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300000000011</c:v>
                </c:pt>
                <c:pt idx="58">
                  <c:v>0.2902780000000007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700000000027</c:v>
                </c:pt>
                <c:pt idx="63">
                  <c:v>0.31530199999999997</c:v>
                </c:pt>
                <c:pt idx="64">
                  <c:v>0.32030700000000056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100000000042</c:v>
                </c:pt>
                <c:pt idx="68">
                  <c:v>0.34032600000000013</c:v>
                </c:pt>
                <c:pt idx="69">
                  <c:v>0.34533100000000072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500000000058</c:v>
                </c:pt>
                <c:pt idx="73">
                  <c:v>0.36535000000000029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00000000074</c:v>
                </c:pt>
                <c:pt idx="78">
                  <c:v>0.39037400000000044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900000000044</c:v>
                </c:pt>
                <c:pt idx="82">
                  <c:v>0.41039300000000001</c:v>
                </c:pt>
                <c:pt idx="83">
                  <c:v>0.4153980000000006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700000000017</c:v>
                </c:pt>
                <c:pt idx="88">
                  <c:v>0.44042200000000076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700000000076</c:v>
                </c:pt>
                <c:pt idx="92">
                  <c:v>0.46044100000000032</c:v>
                </c:pt>
                <c:pt idx="93">
                  <c:v>0.46544600000000003</c:v>
                </c:pt>
                <c:pt idx="94">
                  <c:v>0.47045100000000062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500000000048</c:v>
                </c:pt>
                <c:pt idx="98">
                  <c:v>0.49047000000000018</c:v>
                </c:pt>
                <c:pt idx="99">
                  <c:v>0.49547499999999989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8900000000064</c:v>
                </c:pt>
                <c:pt idx="103">
                  <c:v>0.51549400000000034</c:v>
                </c:pt>
                <c:pt idx="104">
                  <c:v>0.52049900000000004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299999999991</c:v>
                </c:pt>
                <c:pt idx="108">
                  <c:v>0.5405180000000005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700000000006</c:v>
                </c:pt>
                <c:pt idx="113">
                  <c:v>0.56554200000000066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100000000022</c:v>
                </c:pt>
                <c:pt idx="118">
                  <c:v>0.59056599999999992</c:v>
                </c:pt>
                <c:pt idx="119">
                  <c:v>0.59557100000000052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500000000038</c:v>
                </c:pt>
                <c:pt idx="123">
                  <c:v>0.61559000000000008</c:v>
                </c:pt>
                <c:pt idx="124">
                  <c:v>0.62059500000000067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0900000000053</c:v>
                </c:pt>
                <c:pt idx="128">
                  <c:v>0.64061400000000024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900000000024</c:v>
                </c:pt>
                <c:pt idx="132">
                  <c:v>0.66063300000000069</c:v>
                </c:pt>
                <c:pt idx="133">
                  <c:v>0.6656380000000004</c:v>
                </c:pt>
                <c:pt idx="134">
                  <c:v>0.6706430000000001</c:v>
                </c:pt>
                <c:pt idx="135">
                  <c:v>0.67564800000000069</c:v>
                </c:pt>
                <c:pt idx="136">
                  <c:v>0.6806530000000004</c:v>
                </c:pt>
                <c:pt idx="137">
                  <c:v>0.68565699999999996</c:v>
                </c:pt>
                <c:pt idx="138">
                  <c:v>0.69066200000000055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100000000012</c:v>
                </c:pt>
                <c:pt idx="143">
                  <c:v>0.71568600000000071</c:v>
                </c:pt>
                <c:pt idx="144">
                  <c:v>0.72069100000000041</c:v>
                </c:pt>
                <c:pt idx="145">
                  <c:v>0.72569600000000012</c:v>
                </c:pt>
                <c:pt idx="146">
                  <c:v>0.73070100000000071</c:v>
                </c:pt>
                <c:pt idx="147">
                  <c:v>0.73570500000000028</c:v>
                </c:pt>
                <c:pt idx="148">
                  <c:v>0.74070999999999998</c:v>
                </c:pt>
                <c:pt idx="149">
                  <c:v>0.74571500000000057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2900000000043</c:v>
                </c:pt>
                <c:pt idx="153">
                  <c:v>0.76573400000000014</c:v>
                </c:pt>
                <c:pt idx="154">
                  <c:v>0.77073900000000073</c:v>
                </c:pt>
                <c:pt idx="155">
                  <c:v>0.77574400000000043</c:v>
                </c:pt>
                <c:pt idx="156">
                  <c:v>0.78074900000000014</c:v>
                </c:pt>
                <c:pt idx="157">
                  <c:v>0.78575300000000059</c:v>
                </c:pt>
                <c:pt idx="158">
                  <c:v>0.79075800000000029</c:v>
                </c:pt>
                <c:pt idx="159">
                  <c:v>0.795763</c:v>
                </c:pt>
                <c:pt idx="160">
                  <c:v>0.80076800000000059</c:v>
                </c:pt>
                <c:pt idx="161">
                  <c:v>0.80577300000000029</c:v>
                </c:pt>
                <c:pt idx="162">
                  <c:v>0.81077700000000075</c:v>
                </c:pt>
                <c:pt idx="163">
                  <c:v>0.81578200000000045</c:v>
                </c:pt>
                <c:pt idx="164">
                  <c:v>0.82078700000000016</c:v>
                </c:pt>
                <c:pt idx="165">
                  <c:v>0.82579200000000075</c:v>
                </c:pt>
                <c:pt idx="166">
                  <c:v>0.83079700000000045</c:v>
                </c:pt>
                <c:pt idx="167">
                  <c:v>0.83580100000000002</c:v>
                </c:pt>
                <c:pt idx="168">
                  <c:v>0.84080600000000061</c:v>
                </c:pt>
                <c:pt idx="169">
                  <c:v>0.8458110000000012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500000000017</c:v>
                </c:pt>
                <c:pt idx="173">
                  <c:v>0.86583000000000077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500000000077</c:v>
                </c:pt>
                <c:pt idx="177">
                  <c:v>0.88584900000000033</c:v>
                </c:pt>
                <c:pt idx="178">
                  <c:v>0.89085400000000092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900000000092</c:v>
                </c:pt>
                <c:pt idx="182">
                  <c:v>0.91087300000000049</c:v>
                </c:pt>
                <c:pt idx="183">
                  <c:v>0.91587800000000108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300000000108</c:v>
                </c:pt>
                <c:pt idx="187">
                  <c:v>0.93589700000000065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699999999946</c:v>
                </c:pt>
                <c:pt idx="192">
                  <c:v>0.9609210000000008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60000000008</c:v>
                </c:pt>
                <c:pt idx="196">
                  <c:v>0.98094099999999962</c:v>
                </c:pt>
                <c:pt idx="197">
                  <c:v>0.98594500000000096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60000000001</c:v>
                </c:pt>
                <c:pt idx="201">
                  <c:v>1.0059649999999998</c:v>
                </c:pt>
                <c:pt idx="202">
                  <c:v>1.0109690000000011</c:v>
                </c:pt>
                <c:pt idx="203">
                  <c:v>1.0159739999999999</c:v>
                </c:pt>
                <c:pt idx="204">
                  <c:v>1.0209790000000005</c:v>
                </c:pt>
                <c:pt idx="205">
                  <c:v>1.0259840000000011</c:v>
                </c:pt>
                <c:pt idx="206">
                  <c:v>1.030988999999999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30000000007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0000000008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1000000001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5</c:v>
                </c:pt>
                <c:pt idx="223">
                  <c:v>1.1160700000000006</c:v>
                </c:pt>
                <c:pt idx="224">
                  <c:v>1.1210750000000012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890000000001</c:v>
                </c:pt>
                <c:pt idx="228">
                  <c:v>1.1410940000000007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90000000007</c:v>
                </c:pt>
                <c:pt idx="232">
                  <c:v>1.1611130000000003</c:v>
                </c:pt>
                <c:pt idx="233">
                  <c:v>1.1661180000000009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30000000009</c:v>
                </c:pt>
                <c:pt idx="237">
                  <c:v>1.1861370000000004</c:v>
                </c:pt>
                <c:pt idx="238">
                  <c:v>1.191142000000001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7000000001</c:v>
                </c:pt>
                <c:pt idx="242">
                  <c:v>1.2111610000000006</c:v>
                </c:pt>
                <c:pt idx="243">
                  <c:v>1.2161660000000012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10000000012</c:v>
                </c:pt>
                <c:pt idx="247">
                  <c:v>1.2361850000000008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2000000000008</c:v>
                </c:pt>
                <c:pt idx="251">
                  <c:v>1.2562049999999996</c:v>
                </c:pt>
                <c:pt idx="252">
                  <c:v>1.2612090000000009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40000000009</c:v>
                </c:pt>
                <c:pt idx="256">
                  <c:v>1.2812289999999997</c:v>
                </c:pt>
                <c:pt idx="257">
                  <c:v>1.2862330000000011</c:v>
                </c:pt>
                <c:pt idx="258">
                  <c:v>1.2912379999999999</c:v>
                </c:pt>
                <c:pt idx="259">
                  <c:v>1.2962430000000005</c:v>
                </c:pt>
                <c:pt idx="260">
                  <c:v>1.3012480000000011</c:v>
                </c:pt>
                <c:pt idx="261">
                  <c:v>1.306252999999999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70000000006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10000000008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50000000009</c:v>
                </c:pt>
                <c:pt idx="275">
                  <c:v>1.3763199999999998</c:v>
                </c:pt>
                <c:pt idx="276">
                  <c:v>1.3813250000000004</c:v>
                </c:pt>
                <c:pt idx="277">
                  <c:v>1.3863289999999999</c:v>
                </c:pt>
                <c:pt idx="278">
                  <c:v>1.3913340000000005</c:v>
                </c:pt>
                <c:pt idx="279">
                  <c:v>1.3963390000000011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30000000001</c:v>
                </c:pt>
                <c:pt idx="283">
                  <c:v>1.4163580000000007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70000000002</c:v>
                </c:pt>
                <c:pt idx="288">
                  <c:v>1.4413820000000008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70000000008</c:v>
                </c:pt>
                <c:pt idx="292">
                  <c:v>1.4614010000000004</c:v>
                </c:pt>
                <c:pt idx="293">
                  <c:v>1.466406000000001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1000000001</c:v>
                </c:pt>
                <c:pt idx="297">
                  <c:v>1.4864250000000006</c:v>
                </c:pt>
                <c:pt idx="298">
                  <c:v>1.4914300000000011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50000000011</c:v>
                </c:pt>
                <c:pt idx="302">
                  <c:v>1.5114490000000007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40000000007</c:v>
                </c:pt>
                <c:pt idx="306">
                  <c:v>1.5314689999999995</c:v>
                </c:pt>
                <c:pt idx="307">
                  <c:v>1.5364730000000009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80000000009</c:v>
                </c:pt>
                <c:pt idx="311">
                  <c:v>1.5564929999999997</c:v>
                </c:pt>
                <c:pt idx="312">
                  <c:v>1.561497000000001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2000000001</c:v>
                </c:pt>
                <c:pt idx="316">
                  <c:v>1.5815169999999998</c:v>
                </c:pt>
                <c:pt idx="317">
                  <c:v>1.5865210000000012</c:v>
                </c:pt>
                <c:pt idx="318">
                  <c:v>1.591526</c:v>
                </c:pt>
                <c:pt idx="319">
                  <c:v>1.5965310000000006</c:v>
                </c:pt>
                <c:pt idx="320">
                  <c:v>1.6015360000000012</c:v>
                </c:pt>
                <c:pt idx="321">
                  <c:v>1.606541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50000000007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90000000009</c:v>
                </c:pt>
                <c:pt idx="330">
                  <c:v>1.6515839999999997</c:v>
                </c:pt>
                <c:pt idx="331">
                  <c:v>1.6565890000000003</c:v>
                </c:pt>
                <c:pt idx="332">
                  <c:v>1.6615929999999999</c:v>
                </c:pt>
                <c:pt idx="333">
                  <c:v>1.6665980000000005</c:v>
                </c:pt>
                <c:pt idx="334">
                  <c:v>1.6716030000000011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7</c:v>
                </c:pt>
                <c:pt idx="338">
                  <c:v>1.6916220000000006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10000000002</c:v>
                </c:pt>
                <c:pt idx="343">
                  <c:v>1.7166460000000008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610000000008</c:v>
                </c:pt>
                <c:pt idx="347">
                  <c:v>1.7366650000000003</c:v>
                </c:pt>
                <c:pt idx="348">
                  <c:v>1.7416700000000009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50000000009</c:v>
                </c:pt>
                <c:pt idx="352">
                  <c:v>1.7616890000000005</c:v>
                </c:pt>
                <c:pt idx="353">
                  <c:v>1.7666940000000011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90000000011</c:v>
                </c:pt>
                <c:pt idx="357">
                  <c:v>1.7867130000000007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29999999995</c:v>
                </c:pt>
                <c:pt idx="362">
                  <c:v>1.8117370000000008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20000000008</c:v>
                </c:pt>
                <c:pt idx="366">
                  <c:v>1.8317569999999996</c:v>
                </c:pt>
                <c:pt idx="367">
                  <c:v>1.836761000000001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6000000001</c:v>
                </c:pt>
                <c:pt idx="371">
                  <c:v>1.8567809999999998</c:v>
                </c:pt>
                <c:pt idx="372">
                  <c:v>1.8617850000000011</c:v>
                </c:pt>
                <c:pt idx="373">
                  <c:v>1.8667899999999999</c:v>
                </c:pt>
                <c:pt idx="374">
                  <c:v>1.8717950000000005</c:v>
                </c:pt>
                <c:pt idx="375">
                  <c:v>1.8768000000000011</c:v>
                </c:pt>
                <c:pt idx="376">
                  <c:v>1.8818049999999999</c:v>
                </c:pt>
                <c:pt idx="377">
                  <c:v>1.8868089999999995</c:v>
                </c:pt>
                <c:pt idx="378">
                  <c:v>1.8918140000000001</c:v>
                </c:pt>
                <c:pt idx="379">
                  <c:v>1.8968190000000007</c:v>
                </c:pt>
                <c:pt idx="380">
                  <c:v>1.9018239999999995</c:v>
                </c:pt>
                <c:pt idx="381">
                  <c:v>1.9068290000000001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30000000009</c:v>
                </c:pt>
                <c:pt idx="385">
                  <c:v>1.9268479999999997</c:v>
                </c:pt>
                <c:pt idx="386">
                  <c:v>1.9318530000000003</c:v>
                </c:pt>
                <c:pt idx="387">
                  <c:v>1.9368569999999998</c:v>
                </c:pt>
                <c:pt idx="388">
                  <c:v>1.9418620000000004</c:v>
                </c:pt>
                <c:pt idx="389">
                  <c:v>1.946867000000001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1</c:v>
                </c:pt>
                <c:pt idx="393">
                  <c:v>1.9668860000000006</c:v>
                </c:pt>
                <c:pt idx="394">
                  <c:v>1.9718910000000012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50000000001</c:v>
                </c:pt>
                <c:pt idx="398">
                  <c:v>1.9919100000000007</c:v>
                </c:pt>
                <c:pt idx="399">
                  <c:v>1.9969149999999996</c:v>
                </c:pt>
              </c:numCache>
            </c:numRef>
          </c:xVal>
          <c:yVal>
            <c:numRef>
              <c:f>'S2.Multi-300-3s(7)'!$E$2:$E$401</c:f>
              <c:numCache>
                <c:formatCode>General</c:formatCode>
                <c:ptCount val="400"/>
                <c:pt idx="0">
                  <c:v>0</c:v>
                </c:pt>
                <c:pt idx="1">
                  <c:v>1.9225000000005821E-2</c:v>
                </c:pt>
                <c:pt idx="2">
                  <c:v>0.34025199999996403</c:v>
                </c:pt>
                <c:pt idx="3">
                  <c:v>0.87784199999998691</c:v>
                </c:pt>
                <c:pt idx="4">
                  <c:v>1.8864589999999453</c:v>
                </c:pt>
                <c:pt idx="5">
                  <c:v>2.5546070000000327</c:v>
                </c:pt>
                <c:pt idx="6">
                  <c:v>2.9726050000000441</c:v>
                </c:pt>
                <c:pt idx="7">
                  <c:v>3.7740609999999606</c:v>
                </c:pt>
                <c:pt idx="8">
                  <c:v>4.948001999999974</c:v>
                </c:pt>
                <c:pt idx="9">
                  <c:v>5.1797339999999394</c:v>
                </c:pt>
                <c:pt idx="10">
                  <c:v>5.6571989999999914</c:v>
                </c:pt>
                <c:pt idx="11">
                  <c:v>6.2007569999999532</c:v>
                </c:pt>
                <c:pt idx="12">
                  <c:v>6.9842889999999898</c:v>
                </c:pt>
                <c:pt idx="13">
                  <c:v>7.2309669999999642</c:v>
                </c:pt>
                <c:pt idx="14">
                  <c:v>7.1088019999999688</c:v>
                </c:pt>
                <c:pt idx="15">
                  <c:v>6.9569179999999733</c:v>
                </c:pt>
                <c:pt idx="16">
                  <c:v>7.2449490000000196</c:v>
                </c:pt>
                <c:pt idx="17">
                  <c:v>6.8762020000000348</c:v>
                </c:pt>
                <c:pt idx="18">
                  <c:v>6.1205250000000433</c:v>
                </c:pt>
                <c:pt idx="19">
                  <c:v>6.313005999999973</c:v>
                </c:pt>
                <c:pt idx="20">
                  <c:v>7.1079009999999698</c:v>
                </c:pt>
                <c:pt idx="21">
                  <c:v>7.8501139999999623</c:v>
                </c:pt>
                <c:pt idx="22">
                  <c:v>7.8973330000000033</c:v>
                </c:pt>
                <c:pt idx="23">
                  <c:v>8.0745889999999463</c:v>
                </c:pt>
                <c:pt idx="24">
                  <c:v>8.8044959999999719</c:v>
                </c:pt>
                <c:pt idx="25">
                  <c:v>9.8426950000000488</c:v>
                </c:pt>
                <c:pt idx="26">
                  <c:v>10.328536999999983</c:v>
                </c:pt>
                <c:pt idx="27">
                  <c:v>10.466085000000021</c:v>
                </c:pt>
                <c:pt idx="28">
                  <c:v>10.973265999999967</c:v>
                </c:pt>
                <c:pt idx="29">
                  <c:v>11.71557800000005</c:v>
                </c:pt>
                <c:pt idx="30">
                  <c:v>11.936090000000036</c:v>
                </c:pt>
                <c:pt idx="31">
                  <c:v>11.828292000000033</c:v>
                </c:pt>
                <c:pt idx="32">
                  <c:v>12.35965699999997</c:v>
                </c:pt>
                <c:pt idx="33">
                  <c:v>13.102665000000002</c:v>
                </c:pt>
                <c:pt idx="34">
                  <c:v>13.423636999999985</c:v>
                </c:pt>
                <c:pt idx="35">
                  <c:v>13.764418999999975</c:v>
                </c:pt>
                <c:pt idx="36">
                  <c:v>13.809444999999982</c:v>
                </c:pt>
                <c:pt idx="37">
                  <c:v>14.485637999999994</c:v>
                </c:pt>
                <c:pt idx="38">
                  <c:v>15.182054999999991</c:v>
                </c:pt>
                <c:pt idx="39">
                  <c:v>15.699549000000047</c:v>
                </c:pt>
                <c:pt idx="40">
                  <c:v>15.786017999999899</c:v>
                </c:pt>
                <c:pt idx="41">
                  <c:v>16.022334999999998</c:v>
                </c:pt>
                <c:pt idx="42">
                  <c:v>16.170371999999929</c:v>
                </c:pt>
                <c:pt idx="43">
                  <c:v>15.91455899999994</c:v>
                </c:pt>
                <c:pt idx="44">
                  <c:v>15.862864999999942</c:v>
                </c:pt>
                <c:pt idx="45">
                  <c:v>15.673176000000012</c:v>
                </c:pt>
                <c:pt idx="46">
                  <c:v>15.124746999999957</c:v>
                </c:pt>
                <c:pt idx="47">
                  <c:v>14.034927000000039</c:v>
                </c:pt>
                <c:pt idx="48">
                  <c:v>13.137967000000003</c:v>
                </c:pt>
                <c:pt idx="49">
                  <c:v>12.785389000000009</c:v>
                </c:pt>
                <c:pt idx="50">
                  <c:v>12.309398999999985</c:v>
                </c:pt>
                <c:pt idx="51">
                  <c:v>12.561594000000014</c:v>
                </c:pt>
                <c:pt idx="52">
                  <c:v>13.433092999999985</c:v>
                </c:pt>
                <c:pt idx="53">
                  <c:v>14.458244000000036</c:v>
                </c:pt>
                <c:pt idx="54">
                  <c:v>15.515999999999963</c:v>
                </c:pt>
                <c:pt idx="55">
                  <c:v>16.683852999999885</c:v>
                </c:pt>
                <c:pt idx="56">
                  <c:v>17.91959600000007</c:v>
                </c:pt>
                <c:pt idx="57">
                  <c:v>18.483812999999941</c:v>
                </c:pt>
                <c:pt idx="58">
                  <c:v>18.57935800000007</c:v>
                </c:pt>
                <c:pt idx="59">
                  <c:v>18.564858999999956</c:v>
                </c:pt>
                <c:pt idx="60">
                  <c:v>19.029627999999889</c:v>
                </c:pt>
                <c:pt idx="61">
                  <c:v>19.365308999999911</c:v>
                </c:pt>
                <c:pt idx="62">
                  <c:v>19.809990999999968</c:v>
                </c:pt>
                <c:pt idx="63">
                  <c:v>19.880334000000062</c:v>
                </c:pt>
                <c:pt idx="64">
                  <c:v>20.004868000000101</c:v>
                </c:pt>
                <c:pt idx="65">
                  <c:v>20.638608999999974</c:v>
                </c:pt>
                <c:pt idx="66">
                  <c:v>20.622596000000044</c:v>
                </c:pt>
                <c:pt idx="67">
                  <c:v>19.752822000000037</c:v>
                </c:pt>
                <c:pt idx="68">
                  <c:v>18.935558000000015</c:v>
                </c:pt>
                <c:pt idx="69">
                  <c:v>18.827630999999997</c:v>
                </c:pt>
                <c:pt idx="70">
                  <c:v>18.102081999999996</c:v>
                </c:pt>
                <c:pt idx="71">
                  <c:v>16.643339999999966</c:v>
                </c:pt>
                <c:pt idx="72">
                  <c:v>15.67163800000003</c:v>
                </c:pt>
                <c:pt idx="73">
                  <c:v>14.810596000000032</c:v>
                </c:pt>
                <c:pt idx="74">
                  <c:v>13.860094000000004</c:v>
                </c:pt>
                <c:pt idx="75">
                  <c:v>12.525200000000041</c:v>
                </c:pt>
                <c:pt idx="76">
                  <c:v>11.362966000000029</c:v>
                </c:pt>
                <c:pt idx="77">
                  <c:v>11.398665000000051</c:v>
                </c:pt>
                <c:pt idx="78">
                  <c:v>11.642801999999961</c:v>
                </c:pt>
                <c:pt idx="79">
                  <c:v>12.001283999999941</c:v>
                </c:pt>
                <c:pt idx="80">
                  <c:v>12.774625000000015</c:v>
                </c:pt>
                <c:pt idx="81">
                  <c:v>14.671236000000022</c:v>
                </c:pt>
                <c:pt idx="82">
                  <c:v>16.841962999999964</c:v>
                </c:pt>
                <c:pt idx="83">
                  <c:v>18.109426000000099</c:v>
                </c:pt>
                <c:pt idx="84">
                  <c:v>18.895828000000051</c:v>
                </c:pt>
                <c:pt idx="85">
                  <c:v>20.653865999999994</c:v>
                </c:pt>
                <c:pt idx="86">
                  <c:v>22.44564099999991</c:v>
                </c:pt>
                <c:pt idx="87">
                  <c:v>23.00181699999996</c:v>
                </c:pt>
                <c:pt idx="88">
                  <c:v>22.816601999999989</c:v>
                </c:pt>
                <c:pt idx="89">
                  <c:v>22.591995999999995</c:v>
                </c:pt>
                <c:pt idx="90">
                  <c:v>22.562072999999941</c:v>
                </c:pt>
                <c:pt idx="91">
                  <c:v>22.166262999999958</c:v>
                </c:pt>
                <c:pt idx="92">
                  <c:v>21.131643999999937</c:v>
                </c:pt>
                <c:pt idx="93">
                  <c:v>20.186471999999981</c:v>
                </c:pt>
                <c:pt idx="94">
                  <c:v>19.582757999999899</c:v>
                </c:pt>
                <c:pt idx="95">
                  <c:v>18.561442000000056</c:v>
                </c:pt>
                <c:pt idx="96">
                  <c:v>17.199267000000077</c:v>
                </c:pt>
                <c:pt idx="97">
                  <c:v>16.415957999999932</c:v>
                </c:pt>
                <c:pt idx="98">
                  <c:v>16.721186999999986</c:v>
                </c:pt>
                <c:pt idx="99">
                  <c:v>16.44893599999989</c:v>
                </c:pt>
                <c:pt idx="100">
                  <c:v>15.474621999999954</c:v>
                </c:pt>
                <c:pt idx="101">
                  <c:v>14.929493999999977</c:v>
                </c:pt>
                <c:pt idx="102">
                  <c:v>15.702697999999941</c:v>
                </c:pt>
                <c:pt idx="103">
                  <c:v>16.895677000000092</c:v>
                </c:pt>
                <c:pt idx="104">
                  <c:v>18.14931399999989</c:v>
                </c:pt>
                <c:pt idx="105">
                  <c:v>19.751777000000061</c:v>
                </c:pt>
                <c:pt idx="106">
                  <c:v>21.85812199999998</c:v>
                </c:pt>
                <c:pt idx="107">
                  <c:v>23.922146999999882</c:v>
                </c:pt>
                <c:pt idx="108">
                  <c:v>25.789521000000036</c:v>
                </c:pt>
                <c:pt idx="109">
                  <c:v>27.253143999999907</c:v>
                </c:pt>
                <c:pt idx="110">
                  <c:v>28.618968999999993</c:v>
                </c:pt>
                <c:pt idx="111">
                  <c:v>29.432807999999909</c:v>
                </c:pt>
                <c:pt idx="112">
                  <c:v>28.696096999999895</c:v>
                </c:pt>
                <c:pt idx="113">
                  <c:v>28.016749999999888</c:v>
                </c:pt>
                <c:pt idx="114">
                  <c:v>27.713673000000085</c:v>
                </c:pt>
                <c:pt idx="115">
                  <c:v>27.02705299999991</c:v>
                </c:pt>
                <c:pt idx="116">
                  <c:v>26.048321999999985</c:v>
                </c:pt>
                <c:pt idx="117">
                  <c:v>24.647288999999887</c:v>
                </c:pt>
                <c:pt idx="118">
                  <c:v>23.548572999999919</c:v>
                </c:pt>
                <c:pt idx="119">
                  <c:v>22.244947000000025</c:v>
                </c:pt>
                <c:pt idx="120">
                  <c:v>21.31044200000008</c:v>
                </c:pt>
                <c:pt idx="121">
                  <c:v>20.582884000000035</c:v>
                </c:pt>
                <c:pt idx="122">
                  <c:v>20.900584000000094</c:v>
                </c:pt>
                <c:pt idx="123">
                  <c:v>21.278273999999897</c:v>
                </c:pt>
                <c:pt idx="124">
                  <c:v>21.331808000000024</c:v>
                </c:pt>
                <c:pt idx="125">
                  <c:v>21.878233999999907</c:v>
                </c:pt>
                <c:pt idx="126">
                  <c:v>23.099563000000103</c:v>
                </c:pt>
                <c:pt idx="127">
                  <c:v>25.323001999999974</c:v>
                </c:pt>
                <c:pt idx="128">
                  <c:v>27.011274000000071</c:v>
                </c:pt>
                <c:pt idx="129">
                  <c:v>28.20458700000006</c:v>
                </c:pt>
                <c:pt idx="130">
                  <c:v>29.222012000000063</c:v>
                </c:pt>
                <c:pt idx="131">
                  <c:v>30.601101999999969</c:v>
                </c:pt>
                <c:pt idx="132">
                  <c:v>30.97008900000003</c:v>
                </c:pt>
                <c:pt idx="133">
                  <c:v>30.615676999999891</c:v>
                </c:pt>
                <c:pt idx="134">
                  <c:v>30.194133000000079</c:v>
                </c:pt>
                <c:pt idx="135">
                  <c:v>30.364746999999966</c:v>
                </c:pt>
                <c:pt idx="136">
                  <c:v>30.221591000000103</c:v>
                </c:pt>
                <c:pt idx="137">
                  <c:v>28.997617000000105</c:v>
                </c:pt>
                <c:pt idx="138">
                  <c:v>27.874102999999991</c:v>
                </c:pt>
                <c:pt idx="139">
                  <c:v>27.165634000000068</c:v>
                </c:pt>
                <c:pt idx="140">
                  <c:v>26.467839000000026</c:v>
                </c:pt>
                <c:pt idx="141">
                  <c:v>25.516029999999887</c:v>
                </c:pt>
                <c:pt idx="142">
                  <c:v>24.444973999999888</c:v>
                </c:pt>
                <c:pt idx="143">
                  <c:v>24.409561000000053</c:v>
                </c:pt>
                <c:pt idx="144">
                  <c:v>24.382111999999893</c:v>
                </c:pt>
                <c:pt idx="145">
                  <c:v>24.48929099999998</c:v>
                </c:pt>
                <c:pt idx="146">
                  <c:v>24.186346999999955</c:v>
                </c:pt>
                <c:pt idx="147">
                  <c:v>24.269562999999948</c:v>
                </c:pt>
                <c:pt idx="148">
                  <c:v>25.824823999999921</c:v>
                </c:pt>
                <c:pt idx="149">
                  <c:v>27.283839999999941</c:v>
                </c:pt>
                <c:pt idx="150">
                  <c:v>27.927972999999952</c:v>
                </c:pt>
                <c:pt idx="151">
                  <c:v>29.088527999999883</c:v>
                </c:pt>
                <c:pt idx="152">
                  <c:v>31.201938000000041</c:v>
                </c:pt>
                <c:pt idx="153">
                  <c:v>32.778282999999988</c:v>
                </c:pt>
                <c:pt idx="154">
                  <c:v>33.74766800000009</c:v>
                </c:pt>
                <c:pt idx="155">
                  <c:v>34.743160999999986</c:v>
                </c:pt>
                <c:pt idx="156">
                  <c:v>35.831262999999922</c:v>
                </c:pt>
                <c:pt idx="157">
                  <c:v>36.012096999999926</c:v>
                </c:pt>
                <c:pt idx="158">
                  <c:v>35.19495100000006</c:v>
                </c:pt>
                <c:pt idx="159">
                  <c:v>34.227899000000093</c:v>
                </c:pt>
                <c:pt idx="160">
                  <c:v>33.399855999999886</c:v>
                </c:pt>
                <c:pt idx="161">
                  <c:v>32.377777000000037</c:v>
                </c:pt>
                <c:pt idx="162">
                  <c:v>31.293518000000063</c:v>
                </c:pt>
                <c:pt idx="163">
                  <c:v>29.644789999999944</c:v>
                </c:pt>
                <c:pt idx="164">
                  <c:v>28.022344000000089</c:v>
                </c:pt>
                <c:pt idx="165">
                  <c:v>26.907215000000065</c:v>
                </c:pt>
                <c:pt idx="166">
                  <c:v>26.754503</c:v>
                </c:pt>
                <c:pt idx="167">
                  <c:v>26.736438999999905</c:v>
                </c:pt>
                <c:pt idx="168">
                  <c:v>26.695336999999995</c:v>
                </c:pt>
                <c:pt idx="169">
                  <c:v>26.65085600000009</c:v>
                </c:pt>
                <c:pt idx="170">
                  <c:v>27.316754999999944</c:v>
                </c:pt>
                <c:pt idx="171">
                  <c:v>28.453225999999972</c:v>
                </c:pt>
                <c:pt idx="172">
                  <c:v>28.935654999999883</c:v>
                </c:pt>
                <c:pt idx="173">
                  <c:v>29.135376999999949</c:v>
                </c:pt>
                <c:pt idx="174">
                  <c:v>29.41328800000008</c:v>
                </c:pt>
                <c:pt idx="175">
                  <c:v>30.616129999999998</c:v>
                </c:pt>
                <c:pt idx="176">
                  <c:v>32.041145000000029</c:v>
                </c:pt>
                <c:pt idx="177">
                  <c:v>32.317462999999975</c:v>
                </c:pt>
                <c:pt idx="178">
                  <c:v>32.668338999999946</c:v>
                </c:pt>
                <c:pt idx="179">
                  <c:v>33.833410000000072</c:v>
                </c:pt>
                <c:pt idx="180">
                  <c:v>35.287879000000089</c:v>
                </c:pt>
                <c:pt idx="181">
                  <c:v>35.490257000000042</c:v>
                </c:pt>
                <c:pt idx="182">
                  <c:v>35.437718999999902</c:v>
                </c:pt>
                <c:pt idx="183">
                  <c:v>35.490143999999987</c:v>
                </c:pt>
                <c:pt idx="184">
                  <c:v>35.988015000000019</c:v>
                </c:pt>
                <c:pt idx="185">
                  <c:v>35.742399000000091</c:v>
                </c:pt>
                <c:pt idx="186">
                  <c:v>34.33233400000006</c:v>
                </c:pt>
                <c:pt idx="187">
                  <c:v>33.262076999999977</c:v>
                </c:pt>
                <c:pt idx="188">
                  <c:v>32.787752000000069</c:v>
                </c:pt>
                <c:pt idx="189">
                  <c:v>31.885654000000045</c:v>
                </c:pt>
                <c:pt idx="190">
                  <c:v>30.044033999999897</c:v>
                </c:pt>
                <c:pt idx="191">
                  <c:v>28.224606999999992</c:v>
                </c:pt>
                <c:pt idx="192">
                  <c:v>28.237428999999906</c:v>
                </c:pt>
                <c:pt idx="193">
                  <c:v>28.484332000000109</c:v>
                </c:pt>
                <c:pt idx="194">
                  <c:v>28.393840999999952</c:v>
                </c:pt>
                <c:pt idx="195">
                  <c:v>28.726248000000055</c:v>
                </c:pt>
                <c:pt idx="196">
                  <c:v>29.565222999999946</c:v>
                </c:pt>
                <c:pt idx="197">
                  <c:v>30.568693000000053</c:v>
                </c:pt>
                <c:pt idx="198">
                  <c:v>31.476602000000071</c:v>
                </c:pt>
                <c:pt idx="199">
                  <c:v>32.364312000000041</c:v>
                </c:pt>
                <c:pt idx="200">
                  <c:v>33.4386310000001</c:v>
                </c:pt>
                <c:pt idx="201">
                  <c:v>34.502513000000022</c:v>
                </c:pt>
                <c:pt idx="202">
                  <c:v>34.941707999999949</c:v>
                </c:pt>
                <c:pt idx="203">
                  <c:v>34.629976000000056</c:v>
                </c:pt>
                <c:pt idx="204">
                  <c:v>34.419729999999959</c:v>
                </c:pt>
                <c:pt idx="205">
                  <c:v>34.250609999999938</c:v>
                </c:pt>
                <c:pt idx="206">
                  <c:v>34.063367000000085</c:v>
                </c:pt>
                <c:pt idx="207">
                  <c:v>33.706951000000004</c:v>
                </c:pt>
                <c:pt idx="208">
                  <c:v>33.400704000000019</c:v>
                </c:pt>
                <c:pt idx="209">
                  <c:v>33.434073000000012</c:v>
                </c:pt>
                <c:pt idx="210">
                  <c:v>33.444143000000054</c:v>
                </c:pt>
                <c:pt idx="211">
                  <c:v>33.626499000000081</c:v>
                </c:pt>
                <c:pt idx="212">
                  <c:v>33.344320000000039</c:v>
                </c:pt>
                <c:pt idx="213">
                  <c:v>33.11010500000009</c:v>
                </c:pt>
                <c:pt idx="214">
                  <c:v>32.90181599999994</c:v>
                </c:pt>
                <c:pt idx="215">
                  <c:v>32.410798999999884</c:v>
                </c:pt>
                <c:pt idx="216">
                  <c:v>31.976017999999954</c:v>
                </c:pt>
                <c:pt idx="217">
                  <c:v>31.504078999999933</c:v>
                </c:pt>
                <c:pt idx="218">
                  <c:v>31.600994000000014</c:v>
                </c:pt>
                <c:pt idx="219">
                  <c:v>32.045048999999949</c:v>
                </c:pt>
                <c:pt idx="220">
                  <c:v>32.168221999999901</c:v>
                </c:pt>
                <c:pt idx="221">
                  <c:v>33.001855000000091</c:v>
                </c:pt>
                <c:pt idx="222">
                  <c:v>33.628810000000044</c:v>
                </c:pt>
                <c:pt idx="223">
                  <c:v>34.666575999999964</c:v>
                </c:pt>
                <c:pt idx="224">
                  <c:v>35.452906000000098</c:v>
                </c:pt>
                <c:pt idx="225">
                  <c:v>36.414441000000011</c:v>
                </c:pt>
                <c:pt idx="226">
                  <c:v>37.443439999999896</c:v>
                </c:pt>
                <c:pt idx="227">
                  <c:v>38.708856999999966</c:v>
                </c:pt>
                <c:pt idx="228">
                  <c:v>39.327539999999885</c:v>
                </c:pt>
                <c:pt idx="229">
                  <c:v>39.641120999999998</c:v>
                </c:pt>
                <c:pt idx="230">
                  <c:v>39.62614300000007</c:v>
                </c:pt>
                <c:pt idx="231">
                  <c:v>38.8944130000001</c:v>
                </c:pt>
                <c:pt idx="232">
                  <c:v>37.817582000000016</c:v>
                </c:pt>
                <c:pt idx="233">
                  <c:v>36.418473000000063</c:v>
                </c:pt>
                <c:pt idx="234">
                  <c:v>34.964313999999945</c:v>
                </c:pt>
                <c:pt idx="235">
                  <c:v>33.665393999999992</c:v>
                </c:pt>
                <c:pt idx="236">
                  <c:v>32.700173999999947</c:v>
                </c:pt>
                <c:pt idx="237">
                  <c:v>31.886963999999921</c:v>
                </c:pt>
                <c:pt idx="238">
                  <c:v>31.63307599999996</c:v>
                </c:pt>
                <c:pt idx="239">
                  <c:v>31.808417000000077</c:v>
                </c:pt>
                <c:pt idx="240">
                  <c:v>32.200056999999902</c:v>
                </c:pt>
                <c:pt idx="241">
                  <c:v>32.056801000000064</c:v>
                </c:pt>
                <c:pt idx="242">
                  <c:v>32.077803999999901</c:v>
                </c:pt>
                <c:pt idx="243">
                  <c:v>32.971951000000104</c:v>
                </c:pt>
                <c:pt idx="244">
                  <c:v>34.879780000000096</c:v>
                </c:pt>
                <c:pt idx="245">
                  <c:v>36.493458000000032</c:v>
                </c:pt>
                <c:pt idx="246">
                  <c:v>37.51055000000008</c:v>
                </c:pt>
                <c:pt idx="247">
                  <c:v>38.395777000000066</c:v>
                </c:pt>
                <c:pt idx="248">
                  <c:v>39.611422000000061</c:v>
                </c:pt>
                <c:pt idx="249">
                  <c:v>40.360718999999904</c:v>
                </c:pt>
                <c:pt idx="250">
                  <c:v>41.033297000000061</c:v>
                </c:pt>
                <c:pt idx="251">
                  <c:v>41.364087999999924</c:v>
                </c:pt>
                <c:pt idx="252">
                  <c:v>42.626026999999908</c:v>
                </c:pt>
                <c:pt idx="253">
                  <c:v>43.651255999999989</c:v>
                </c:pt>
                <c:pt idx="254">
                  <c:v>43.334105000000022</c:v>
                </c:pt>
                <c:pt idx="255">
                  <c:v>42.194793999999888</c:v>
                </c:pt>
                <c:pt idx="256">
                  <c:v>41.600681999999892</c:v>
                </c:pt>
                <c:pt idx="257">
                  <c:v>41.151179999999954</c:v>
                </c:pt>
                <c:pt idx="258">
                  <c:v>39.842715999999996</c:v>
                </c:pt>
                <c:pt idx="259">
                  <c:v>37.978893000000085</c:v>
                </c:pt>
                <c:pt idx="260">
                  <c:v>36.364124000000061</c:v>
                </c:pt>
                <c:pt idx="261">
                  <c:v>35.535829999999919</c:v>
                </c:pt>
                <c:pt idx="262">
                  <c:v>35.215002999999911</c:v>
                </c:pt>
                <c:pt idx="263">
                  <c:v>34.29573199999993</c:v>
                </c:pt>
                <c:pt idx="264">
                  <c:v>33.942106000000081</c:v>
                </c:pt>
                <c:pt idx="265">
                  <c:v>33.953761999999983</c:v>
                </c:pt>
                <c:pt idx="266">
                  <c:v>34.561994000000027</c:v>
                </c:pt>
                <c:pt idx="267">
                  <c:v>35.008140000000026</c:v>
                </c:pt>
                <c:pt idx="268">
                  <c:v>35.680257999999981</c:v>
                </c:pt>
                <c:pt idx="269">
                  <c:v>37.754921999999965</c:v>
                </c:pt>
                <c:pt idx="270">
                  <c:v>40.062976999999933</c:v>
                </c:pt>
                <c:pt idx="271">
                  <c:v>41.302904000000012</c:v>
                </c:pt>
                <c:pt idx="272">
                  <c:v>41.979304999999954</c:v>
                </c:pt>
                <c:pt idx="273">
                  <c:v>42.08589500000005</c:v>
                </c:pt>
                <c:pt idx="274">
                  <c:v>42.774790999999937</c:v>
                </c:pt>
                <c:pt idx="275">
                  <c:v>42.484070999999972</c:v>
                </c:pt>
                <c:pt idx="276">
                  <c:v>41.887025000000108</c:v>
                </c:pt>
                <c:pt idx="277">
                  <c:v>40.747242999999912</c:v>
                </c:pt>
                <c:pt idx="278">
                  <c:v>40.138254999999958</c:v>
                </c:pt>
                <c:pt idx="279">
                  <c:v>39.396421999999916</c:v>
                </c:pt>
                <c:pt idx="280">
                  <c:v>38.07057199999997</c:v>
                </c:pt>
                <c:pt idx="281">
                  <c:v>36.602473999999916</c:v>
                </c:pt>
                <c:pt idx="282">
                  <c:v>35.67321800000002</c:v>
                </c:pt>
                <c:pt idx="283">
                  <c:v>35.115323000000103</c:v>
                </c:pt>
                <c:pt idx="284">
                  <c:v>34.50534499999992</c:v>
                </c:pt>
                <c:pt idx="285">
                  <c:v>34.00210699999991</c:v>
                </c:pt>
                <c:pt idx="286">
                  <c:v>33.876536999999985</c:v>
                </c:pt>
                <c:pt idx="287">
                  <c:v>33.897663999999963</c:v>
                </c:pt>
                <c:pt idx="288">
                  <c:v>34.018977999999947</c:v>
                </c:pt>
                <c:pt idx="289">
                  <c:v>33.724239999999895</c:v>
                </c:pt>
                <c:pt idx="290">
                  <c:v>34.593549000000053</c:v>
                </c:pt>
                <c:pt idx="291">
                  <c:v>36.329599999999914</c:v>
                </c:pt>
                <c:pt idx="292">
                  <c:v>37.650821000000064</c:v>
                </c:pt>
                <c:pt idx="293">
                  <c:v>38.287224000000037</c:v>
                </c:pt>
                <c:pt idx="294">
                  <c:v>39.188796000000025</c:v>
                </c:pt>
                <c:pt idx="295">
                  <c:v>40.438236999999958</c:v>
                </c:pt>
                <c:pt idx="296">
                  <c:v>42.049167999999895</c:v>
                </c:pt>
                <c:pt idx="297">
                  <c:v>42.62281100000007</c:v>
                </c:pt>
                <c:pt idx="298">
                  <c:v>42.788161999999943</c:v>
                </c:pt>
                <c:pt idx="299">
                  <c:v>42.778026999999952</c:v>
                </c:pt>
                <c:pt idx="300">
                  <c:v>43.192627000000016</c:v>
                </c:pt>
                <c:pt idx="301">
                  <c:v>42.965765999999917</c:v>
                </c:pt>
                <c:pt idx="302">
                  <c:v>41.858115999999995</c:v>
                </c:pt>
                <c:pt idx="303">
                  <c:v>41.065942999999947</c:v>
                </c:pt>
                <c:pt idx="304">
                  <c:v>40.026776999999925</c:v>
                </c:pt>
                <c:pt idx="305">
                  <c:v>38.905491999999981</c:v>
                </c:pt>
                <c:pt idx="306">
                  <c:v>37.060276999999928</c:v>
                </c:pt>
                <c:pt idx="307">
                  <c:v>35.586053000000106</c:v>
                </c:pt>
                <c:pt idx="308">
                  <c:v>34.740705999999932</c:v>
                </c:pt>
                <c:pt idx="309">
                  <c:v>34.142795999999976</c:v>
                </c:pt>
                <c:pt idx="310">
                  <c:v>33.441230000000019</c:v>
                </c:pt>
                <c:pt idx="311">
                  <c:v>33.926511000000005</c:v>
                </c:pt>
                <c:pt idx="312">
                  <c:v>35.039855999999986</c:v>
                </c:pt>
                <c:pt idx="313">
                  <c:v>35.819067999999902</c:v>
                </c:pt>
                <c:pt idx="314">
                  <c:v>36.477725999999961</c:v>
                </c:pt>
                <c:pt idx="315">
                  <c:v>37.718015000000037</c:v>
                </c:pt>
                <c:pt idx="316">
                  <c:v>39.615959000000089</c:v>
                </c:pt>
                <c:pt idx="317">
                  <c:v>41.478721999999948</c:v>
                </c:pt>
                <c:pt idx="318">
                  <c:v>42.118495999999936</c:v>
                </c:pt>
                <c:pt idx="319">
                  <c:v>42.299282999999946</c:v>
                </c:pt>
                <c:pt idx="320">
                  <c:v>43.387115999999992</c:v>
                </c:pt>
                <c:pt idx="321">
                  <c:v>44.547957999999994</c:v>
                </c:pt>
                <c:pt idx="322">
                  <c:v>45.083496000000082</c:v>
                </c:pt>
                <c:pt idx="323">
                  <c:v>45.115171999999916</c:v>
                </c:pt>
                <c:pt idx="324">
                  <c:v>45.029413999999974</c:v>
                </c:pt>
                <c:pt idx="325">
                  <c:v>45.016782000000035</c:v>
                </c:pt>
                <c:pt idx="326">
                  <c:v>43.913541000000009</c:v>
                </c:pt>
                <c:pt idx="327">
                  <c:v>41.983200999999895</c:v>
                </c:pt>
                <c:pt idx="328">
                  <c:v>39.512135000000058</c:v>
                </c:pt>
                <c:pt idx="329">
                  <c:v>37.524532000000022</c:v>
                </c:pt>
                <c:pt idx="330">
                  <c:v>35.513986000000045</c:v>
                </c:pt>
                <c:pt idx="331">
                  <c:v>33.402932999999962</c:v>
                </c:pt>
                <c:pt idx="332">
                  <c:v>32.75501399999996</c:v>
                </c:pt>
                <c:pt idx="333">
                  <c:v>32.582626999999889</c:v>
                </c:pt>
                <c:pt idx="334">
                  <c:v>32.516371000000049</c:v>
                </c:pt>
                <c:pt idx="335">
                  <c:v>33.411621000000082</c:v>
                </c:pt>
                <c:pt idx="336">
                  <c:v>35.473249999999894</c:v>
                </c:pt>
                <c:pt idx="337">
                  <c:v>37.523195000000101</c:v>
                </c:pt>
                <c:pt idx="338">
                  <c:v>39.227968999999916</c:v>
                </c:pt>
                <c:pt idx="339">
                  <c:v>40.330370000000016</c:v>
                </c:pt>
                <c:pt idx="340">
                  <c:v>41.826856999999904</c:v>
                </c:pt>
                <c:pt idx="341">
                  <c:v>43.997539000000074</c:v>
                </c:pt>
                <c:pt idx="342">
                  <c:v>45.276003999999944</c:v>
                </c:pt>
                <c:pt idx="343">
                  <c:v>45.475649000000089</c:v>
                </c:pt>
                <c:pt idx="344">
                  <c:v>45.847286000000054</c:v>
                </c:pt>
                <c:pt idx="345">
                  <c:v>46.041875999999888</c:v>
                </c:pt>
                <c:pt idx="346">
                  <c:v>45.806255000000078</c:v>
                </c:pt>
                <c:pt idx="347">
                  <c:v>45.090473000000088</c:v>
                </c:pt>
                <c:pt idx="348">
                  <c:v>44.365856000000008</c:v>
                </c:pt>
                <c:pt idx="349">
                  <c:v>43.445986999999946</c:v>
                </c:pt>
                <c:pt idx="350">
                  <c:v>42.491965999999934</c:v>
                </c:pt>
                <c:pt idx="351">
                  <c:v>41.355466000000092</c:v>
                </c:pt>
                <c:pt idx="352">
                  <c:v>40.142093000000045</c:v>
                </c:pt>
                <c:pt idx="353">
                  <c:v>39.262229000000048</c:v>
                </c:pt>
                <c:pt idx="354">
                  <c:v>38.847525999999903</c:v>
                </c:pt>
                <c:pt idx="355">
                  <c:v>38.716853999999898</c:v>
                </c:pt>
                <c:pt idx="356">
                  <c:v>38.479114000000095</c:v>
                </c:pt>
                <c:pt idx="357">
                  <c:v>38.443713999999886</c:v>
                </c:pt>
                <c:pt idx="358">
                  <c:v>38.763610000000085</c:v>
                </c:pt>
                <c:pt idx="359">
                  <c:v>39.667677000000026</c:v>
                </c:pt>
                <c:pt idx="360">
                  <c:v>40.602342999999905</c:v>
                </c:pt>
                <c:pt idx="361">
                  <c:v>41.587642000000073</c:v>
                </c:pt>
                <c:pt idx="362">
                  <c:v>42.28367999999989</c:v>
                </c:pt>
                <c:pt idx="363">
                  <c:v>43.131635000000074</c:v>
                </c:pt>
                <c:pt idx="364">
                  <c:v>43.890334000000053</c:v>
                </c:pt>
                <c:pt idx="365">
                  <c:v>44.792227000000025</c:v>
                </c:pt>
                <c:pt idx="366">
                  <c:v>45.084075999999982</c:v>
                </c:pt>
                <c:pt idx="367">
                  <c:v>44.716690999999969</c:v>
                </c:pt>
                <c:pt idx="368">
                  <c:v>44.729609000000096</c:v>
                </c:pt>
                <c:pt idx="369">
                  <c:v>44.962317000000098</c:v>
                </c:pt>
                <c:pt idx="370">
                  <c:v>44.39169400000003</c:v>
                </c:pt>
                <c:pt idx="371">
                  <c:v>43.053082000000018</c:v>
                </c:pt>
                <c:pt idx="372">
                  <c:v>41.626075999999898</c:v>
                </c:pt>
                <c:pt idx="373">
                  <c:v>40.935497999999939</c:v>
                </c:pt>
                <c:pt idx="374">
                  <c:v>39.859366000000023</c:v>
                </c:pt>
                <c:pt idx="375">
                  <c:v>38.706616000000054</c:v>
                </c:pt>
                <c:pt idx="376">
                  <c:v>38.356402999999887</c:v>
                </c:pt>
                <c:pt idx="377">
                  <c:v>38.815103999999906</c:v>
                </c:pt>
                <c:pt idx="378">
                  <c:v>39.515054999999961</c:v>
                </c:pt>
                <c:pt idx="379">
                  <c:v>39.910124999999994</c:v>
                </c:pt>
                <c:pt idx="380">
                  <c:v>40.734516000000099</c:v>
                </c:pt>
                <c:pt idx="381">
                  <c:v>42.550438999999983</c:v>
                </c:pt>
                <c:pt idx="382">
                  <c:v>44.838010999999938</c:v>
                </c:pt>
                <c:pt idx="383">
                  <c:v>46.571248999999966</c:v>
                </c:pt>
                <c:pt idx="384">
                  <c:v>47.793260999999916</c:v>
                </c:pt>
                <c:pt idx="385">
                  <c:v>48.779059000000075</c:v>
                </c:pt>
                <c:pt idx="386">
                  <c:v>49.401240999999914</c:v>
                </c:pt>
                <c:pt idx="387">
                  <c:v>49.165973000000008</c:v>
                </c:pt>
                <c:pt idx="388">
                  <c:v>49.066566999999964</c:v>
                </c:pt>
                <c:pt idx="389">
                  <c:v>49.32367099999999</c:v>
                </c:pt>
                <c:pt idx="390">
                  <c:v>48.932537999999909</c:v>
                </c:pt>
                <c:pt idx="391">
                  <c:v>47.669782000000055</c:v>
                </c:pt>
                <c:pt idx="392">
                  <c:v>46.220416</c:v>
                </c:pt>
                <c:pt idx="393">
                  <c:v>44.749132000000031</c:v>
                </c:pt>
                <c:pt idx="394">
                  <c:v>43.959645999999907</c:v>
                </c:pt>
                <c:pt idx="395">
                  <c:v>42.909719999999993</c:v>
                </c:pt>
                <c:pt idx="396">
                  <c:v>41.897223000000054</c:v>
                </c:pt>
                <c:pt idx="397">
                  <c:v>41.034915999999953</c:v>
                </c:pt>
                <c:pt idx="398">
                  <c:v>40.430973000000108</c:v>
                </c:pt>
                <c:pt idx="399">
                  <c:v>40.36414499999989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7C96-4CF9-B7A5-F15215BE915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56379216"/>
        <c:axId val="656381184"/>
      </c:scatterChart>
      <c:valAx>
        <c:axId val="65637921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56381184"/>
        <c:crosses val="autoZero"/>
        <c:crossBetween val="midCat"/>
      </c:valAx>
      <c:valAx>
        <c:axId val="6563811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5637921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S2.Multi-300-3s(7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2.Multi-300-3s(7)'!$D$2:$D$403</c:f>
              <c:numCache>
                <c:formatCode>General</c:formatCode>
                <c:ptCount val="402"/>
                <c:pt idx="0">
                  <c:v>0</c:v>
                </c:pt>
                <c:pt idx="1">
                  <c:v>5.0050000000005923E-3</c:v>
                </c:pt>
                <c:pt idx="2">
                  <c:v>1.0009000000000157E-2</c:v>
                </c:pt>
                <c:pt idx="3">
                  <c:v>1.5014000000000749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900000000075E-2</c:v>
                </c:pt>
                <c:pt idx="7">
                  <c:v>3.5033000000000314E-2</c:v>
                </c:pt>
                <c:pt idx="8">
                  <c:v>4.0038000000000018E-2</c:v>
                </c:pt>
                <c:pt idx="9">
                  <c:v>4.504300000000061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7000000000471E-2</c:v>
                </c:pt>
                <c:pt idx="13">
                  <c:v>6.5062000000000175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1000000000628E-2</c:v>
                </c:pt>
                <c:pt idx="18">
                  <c:v>9.0086000000000332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49999999999</c:v>
                </c:pt>
                <c:pt idx="23">
                  <c:v>0.11511000000000049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500000000049</c:v>
                </c:pt>
                <c:pt idx="27">
                  <c:v>0.13512900000000005</c:v>
                </c:pt>
                <c:pt idx="28">
                  <c:v>0.14013400000000065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300000000021</c:v>
                </c:pt>
                <c:pt idx="33">
                  <c:v>0.16515799999999992</c:v>
                </c:pt>
                <c:pt idx="34">
                  <c:v>0.17016300000000051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700000000037</c:v>
                </c:pt>
                <c:pt idx="38">
                  <c:v>0.19018200000000007</c:v>
                </c:pt>
                <c:pt idx="39">
                  <c:v>0.19518700000000067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100000000053</c:v>
                </c:pt>
                <c:pt idx="43">
                  <c:v>0.21520600000000023</c:v>
                </c:pt>
                <c:pt idx="44">
                  <c:v>0.22021099999999993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500000000068</c:v>
                </c:pt>
                <c:pt idx="48">
                  <c:v>0.24023000000000039</c:v>
                </c:pt>
                <c:pt idx="49">
                  <c:v>0.24523500000000009</c:v>
                </c:pt>
                <c:pt idx="50">
                  <c:v>0.25024000000000068</c:v>
                </c:pt>
                <c:pt idx="51">
                  <c:v>0.25524500000000039</c:v>
                </c:pt>
                <c:pt idx="52">
                  <c:v>0.26024899999999995</c:v>
                </c:pt>
                <c:pt idx="53">
                  <c:v>0.26525400000000054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300000000011</c:v>
                </c:pt>
                <c:pt idx="58">
                  <c:v>0.2902780000000007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30000000007</c:v>
                </c:pt>
                <c:pt idx="62">
                  <c:v>0.31029700000000027</c:v>
                </c:pt>
                <c:pt idx="63">
                  <c:v>0.31530199999999997</c:v>
                </c:pt>
                <c:pt idx="64">
                  <c:v>0.32030700000000056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100000000042</c:v>
                </c:pt>
                <c:pt idx="68">
                  <c:v>0.34032600000000013</c:v>
                </c:pt>
                <c:pt idx="69">
                  <c:v>0.34533100000000072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500000000058</c:v>
                </c:pt>
                <c:pt idx="73">
                  <c:v>0.36535000000000029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00000000074</c:v>
                </c:pt>
                <c:pt idx="78">
                  <c:v>0.39037400000000044</c:v>
                </c:pt>
                <c:pt idx="79">
                  <c:v>0.39537900000000015</c:v>
                </c:pt>
                <c:pt idx="80">
                  <c:v>0.40038400000000074</c:v>
                </c:pt>
                <c:pt idx="81">
                  <c:v>0.40538900000000044</c:v>
                </c:pt>
                <c:pt idx="82">
                  <c:v>0.41039300000000001</c:v>
                </c:pt>
                <c:pt idx="83">
                  <c:v>0.4153980000000006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700000000017</c:v>
                </c:pt>
                <c:pt idx="88">
                  <c:v>0.44042200000000076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700000000076</c:v>
                </c:pt>
                <c:pt idx="92">
                  <c:v>0.46044100000000032</c:v>
                </c:pt>
                <c:pt idx="93">
                  <c:v>0.46544600000000003</c:v>
                </c:pt>
                <c:pt idx="94">
                  <c:v>0.47045100000000062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500000000048</c:v>
                </c:pt>
                <c:pt idx="98">
                  <c:v>0.49047000000000018</c:v>
                </c:pt>
                <c:pt idx="99">
                  <c:v>0.49547499999999989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8900000000064</c:v>
                </c:pt>
                <c:pt idx="103">
                  <c:v>0.51549400000000034</c:v>
                </c:pt>
                <c:pt idx="104">
                  <c:v>0.52049900000000004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299999999991</c:v>
                </c:pt>
                <c:pt idx="108">
                  <c:v>0.5405180000000005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700000000006</c:v>
                </c:pt>
                <c:pt idx="113">
                  <c:v>0.56554200000000066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100000000022</c:v>
                </c:pt>
                <c:pt idx="118">
                  <c:v>0.59056599999999992</c:v>
                </c:pt>
                <c:pt idx="119">
                  <c:v>0.59557100000000052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500000000038</c:v>
                </c:pt>
                <c:pt idx="123">
                  <c:v>0.61559000000000008</c:v>
                </c:pt>
                <c:pt idx="124">
                  <c:v>0.62059500000000067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0900000000053</c:v>
                </c:pt>
                <c:pt idx="128">
                  <c:v>0.64061400000000024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900000000024</c:v>
                </c:pt>
                <c:pt idx="132">
                  <c:v>0.66063300000000069</c:v>
                </c:pt>
                <c:pt idx="133">
                  <c:v>0.6656380000000004</c:v>
                </c:pt>
                <c:pt idx="134">
                  <c:v>0.6706430000000001</c:v>
                </c:pt>
                <c:pt idx="135">
                  <c:v>0.67564800000000069</c:v>
                </c:pt>
                <c:pt idx="136">
                  <c:v>0.6806530000000004</c:v>
                </c:pt>
                <c:pt idx="137">
                  <c:v>0.68565699999999996</c:v>
                </c:pt>
                <c:pt idx="138">
                  <c:v>0.69066200000000055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100000000012</c:v>
                </c:pt>
                <c:pt idx="143">
                  <c:v>0.71568600000000071</c:v>
                </c:pt>
                <c:pt idx="144">
                  <c:v>0.72069100000000041</c:v>
                </c:pt>
                <c:pt idx="145">
                  <c:v>0.72569600000000012</c:v>
                </c:pt>
                <c:pt idx="146">
                  <c:v>0.73070100000000071</c:v>
                </c:pt>
                <c:pt idx="147">
                  <c:v>0.73570500000000028</c:v>
                </c:pt>
                <c:pt idx="148">
                  <c:v>0.74070999999999998</c:v>
                </c:pt>
                <c:pt idx="149">
                  <c:v>0.74571500000000057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2900000000043</c:v>
                </c:pt>
                <c:pt idx="153">
                  <c:v>0.76573400000000014</c:v>
                </c:pt>
                <c:pt idx="154">
                  <c:v>0.77073900000000073</c:v>
                </c:pt>
                <c:pt idx="155">
                  <c:v>0.77574400000000043</c:v>
                </c:pt>
                <c:pt idx="156">
                  <c:v>0.78074900000000014</c:v>
                </c:pt>
                <c:pt idx="157">
                  <c:v>0.78575300000000059</c:v>
                </c:pt>
                <c:pt idx="158">
                  <c:v>0.79075800000000029</c:v>
                </c:pt>
                <c:pt idx="159">
                  <c:v>0.795763</c:v>
                </c:pt>
                <c:pt idx="160">
                  <c:v>0.80076800000000059</c:v>
                </c:pt>
                <c:pt idx="161">
                  <c:v>0.80577300000000029</c:v>
                </c:pt>
                <c:pt idx="162">
                  <c:v>0.81077700000000075</c:v>
                </c:pt>
                <c:pt idx="163">
                  <c:v>0.81578200000000045</c:v>
                </c:pt>
                <c:pt idx="164">
                  <c:v>0.82078700000000016</c:v>
                </c:pt>
                <c:pt idx="165">
                  <c:v>0.82579200000000075</c:v>
                </c:pt>
                <c:pt idx="166">
                  <c:v>0.83079700000000045</c:v>
                </c:pt>
                <c:pt idx="167">
                  <c:v>0.83580100000000002</c:v>
                </c:pt>
                <c:pt idx="168">
                  <c:v>0.84080600000000061</c:v>
                </c:pt>
                <c:pt idx="169">
                  <c:v>0.8458110000000012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500000000017</c:v>
                </c:pt>
                <c:pt idx="173">
                  <c:v>0.86583000000000077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500000000077</c:v>
                </c:pt>
                <c:pt idx="177">
                  <c:v>0.88584900000000033</c:v>
                </c:pt>
                <c:pt idx="178">
                  <c:v>0.89085400000000092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900000000092</c:v>
                </c:pt>
                <c:pt idx="182">
                  <c:v>0.91087300000000049</c:v>
                </c:pt>
                <c:pt idx="183">
                  <c:v>0.91587800000000108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300000000108</c:v>
                </c:pt>
                <c:pt idx="187">
                  <c:v>0.93589700000000065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699999999946</c:v>
                </c:pt>
                <c:pt idx="192">
                  <c:v>0.9609210000000008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60000000008</c:v>
                </c:pt>
                <c:pt idx="196">
                  <c:v>0.98094099999999962</c:v>
                </c:pt>
                <c:pt idx="197">
                  <c:v>0.98594500000000096</c:v>
                </c:pt>
                <c:pt idx="198">
                  <c:v>0.99094999999999978</c:v>
                </c:pt>
                <c:pt idx="199">
                  <c:v>0.99595500000000037</c:v>
                </c:pt>
                <c:pt idx="200">
                  <c:v>1.000960000000001</c:v>
                </c:pt>
                <c:pt idx="201">
                  <c:v>1.0059649999999998</c:v>
                </c:pt>
                <c:pt idx="202">
                  <c:v>1.0109690000000011</c:v>
                </c:pt>
                <c:pt idx="203">
                  <c:v>1.0159739999999999</c:v>
                </c:pt>
                <c:pt idx="204">
                  <c:v>1.0209790000000005</c:v>
                </c:pt>
                <c:pt idx="205">
                  <c:v>1.0259840000000011</c:v>
                </c:pt>
                <c:pt idx="206">
                  <c:v>1.030988999999999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30000000007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0000000008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09999999998</c:v>
                </c:pt>
                <c:pt idx="218">
                  <c:v>1.0910460000000004</c:v>
                </c:pt>
                <c:pt idx="219">
                  <c:v>1.096051000000001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5</c:v>
                </c:pt>
                <c:pt idx="223">
                  <c:v>1.1160700000000006</c:v>
                </c:pt>
                <c:pt idx="224">
                  <c:v>1.1210750000000012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890000000001</c:v>
                </c:pt>
                <c:pt idx="228">
                  <c:v>1.1410940000000007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90000000007</c:v>
                </c:pt>
                <c:pt idx="232">
                  <c:v>1.1611130000000003</c:v>
                </c:pt>
                <c:pt idx="233">
                  <c:v>1.1661180000000009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30000000009</c:v>
                </c:pt>
                <c:pt idx="237">
                  <c:v>1.1861370000000004</c:v>
                </c:pt>
                <c:pt idx="238">
                  <c:v>1.191142000000001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7000000001</c:v>
                </c:pt>
                <c:pt idx="242">
                  <c:v>1.2111610000000006</c:v>
                </c:pt>
                <c:pt idx="243">
                  <c:v>1.2161660000000012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10000000012</c:v>
                </c:pt>
                <c:pt idx="247">
                  <c:v>1.2361850000000008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2000000000008</c:v>
                </c:pt>
                <c:pt idx="251">
                  <c:v>1.2562049999999996</c:v>
                </c:pt>
                <c:pt idx="252">
                  <c:v>1.2612090000000009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40000000009</c:v>
                </c:pt>
                <c:pt idx="256">
                  <c:v>1.2812289999999997</c:v>
                </c:pt>
                <c:pt idx="257">
                  <c:v>1.2862330000000011</c:v>
                </c:pt>
                <c:pt idx="258">
                  <c:v>1.2912379999999999</c:v>
                </c:pt>
                <c:pt idx="259">
                  <c:v>1.2962430000000005</c:v>
                </c:pt>
                <c:pt idx="260">
                  <c:v>1.3012480000000011</c:v>
                </c:pt>
                <c:pt idx="261">
                  <c:v>1.306252999999999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70000000006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10000000008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49999999998</c:v>
                </c:pt>
                <c:pt idx="273">
                  <c:v>1.3663100000000004</c:v>
                </c:pt>
                <c:pt idx="274">
                  <c:v>1.3713150000000009</c:v>
                </c:pt>
                <c:pt idx="275">
                  <c:v>1.3763199999999998</c:v>
                </c:pt>
                <c:pt idx="276">
                  <c:v>1.3813250000000004</c:v>
                </c:pt>
                <c:pt idx="277">
                  <c:v>1.3863289999999999</c:v>
                </c:pt>
                <c:pt idx="278">
                  <c:v>1.3913340000000005</c:v>
                </c:pt>
                <c:pt idx="279">
                  <c:v>1.3963390000000011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30000000001</c:v>
                </c:pt>
                <c:pt idx="283">
                  <c:v>1.4163580000000007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70000000002</c:v>
                </c:pt>
                <c:pt idx="288">
                  <c:v>1.4413820000000008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70000000008</c:v>
                </c:pt>
                <c:pt idx="292">
                  <c:v>1.4614010000000004</c:v>
                </c:pt>
                <c:pt idx="293">
                  <c:v>1.466406000000001</c:v>
                </c:pt>
                <c:pt idx="294">
                  <c:v>1.4714109999999998</c:v>
                </c:pt>
                <c:pt idx="295">
                  <c:v>1.4764160000000004</c:v>
                </c:pt>
                <c:pt idx="296">
                  <c:v>1.481421000000001</c:v>
                </c:pt>
                <c:pt idx="297">
                  <c:v>1.4864250000000006</c:v>
                </c:pt>
                <c:pt idx="298">
                  <c:v>1.4914300000000011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50000000011</c:v>
                </c:pt>
                <c:pt idx="302">
                  <c:v>1.5114490000000007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40000000007</c:v>
                </c:pt>
                <c:pt idx="306">
                  <c:v>1.5314689999999995</c:v>
                </c:pt>
                <c:pt idx="307">
                  <c:v>1.5364730000000009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80000000009</c:v>
                </c:pt>
                <c:pt idx="311">
                  <c:v>1.5564929999999997</c:v>
                </c:pt>
                <c:pt idx="312">
                  <c:v>1.561497000000001</c:v>
                </c:pt>
                <c:pt idx="313">
                  <c:v>1.5665019999999998</c:v>
                </c:pt>
                <c:pt idx="314">
                  <c:v>1.5715070000000004</c:v>
                </c:pt>
                <c:pt idx="315">
                  <c:v>1.576512000000001</c:v>
                </c:pt>
                <c:pt idx="316">
                  <c:v>1.5815169999999998</c:v>
                </c:pt>
                <c:pt idx="317">
                  <c:v>1.5865210000000012</c:v>
                </c:pt>
                <c:pt idx="318">
                  <c:v>1.591526</c:v>
                </c:pt>
                <c:pt idx="319">
                  <c:v>1.5965310000000006</c:v>
                </c:pt>
                <c:pt idx="320">
                  <c:v>1.6015360000000012</c:v>
                </c:pt>
                <c:pt idx="321">
                  <c:v>1.606541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50000000007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689999999997</c:v>
                </c:pt>
                <c:pt idx="328">
                  <c:v>1.6415740000000003</c:v>
                </c:pt>
                <c:pt idx="329">
                  <c:v>1.6465790000000009</c:v>
                </c:pt>
                <c:pt idx="330">
                  <c:v>1.6515839999999997</c:v>
                </c:pt>
                <c:pt idx="331">
                  <c:v>1.6565890000000003</c:v>
                </c:pt>
                <c:pt idx="332">
                  <c:v>1.6615929999999999</c:v>
                </c:pt>
                <c:pt idx="333">
                  <c:v>1.6665980000000005</c:v>
                </c:pt>
                <c:pt idx="334">
                  <c:v>1.6716030000000011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7</c:v>
                </c:pt>
                <c:pt idx="338">
                  <c:v>1.6916220000000006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10000000002</c:v>
                </c:pt>
                <c:pt idx="343">
                  <c:v>1.7166460000000008</c:v>
                </c:pt>
                <c:pt idx="344">
                  <c:v>1.7216509999999996</c:v>
                </c:pt>
                <c:pt idx="345">
                  <c:v>1.7266560000000002</c:v>
                </c:pt>
                <c:pt idx="346">
                  <c:v>1.7316610000000008</c:v>
                </c:pt>
                <c:pt idx="347">
                  <c:v>1.7366650000000003</c:v>
                </c:pt>
                <c:pt idx="348">
                  <c:v>1.7416700000000009</c:v>
                </c:pt>
                <c:pt idx="349">
                  <c:v>1.7466749999999998</c:v>
                </c:pt>
                <c:pt idx="350">
                  <c:v>1.7516800000000003</c:v>
                </c:pt>
                <c:pt idx="351">
                  <c:v>1.7566850000000009</c:v>
                </c:pt>
                <c:pt idx="352">
                  <c:v>1.7616890000000005</c:v>
                </c:pt>
                <c:pt idx="353">
                  <c:v>1.7666940000000011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90000000011</c:v>
                </c:pt>
                <c:pt idx="357">
                  <c:v>1.7867130000000007</c:v>
                </c:pt>
                <c:pt idx="358">
                  <c:v>1.791717999999999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29999999995</c:v>
                </c:pt>
                <c:pt idx="362">
                  <c:v>1.8117370000000008</c:v>
                </c:pt>
                <c:pt idx="363">
                  <c:v>1.8167419999999996</c:v>
                </c:pt>
                <c:pt idx="364">
                  <c:v>1.8217470000000002</c:v>
                </c:pt>
                <c:pt idx="365">
                  <c:v>1.8267520000000008</c:v>
                </c:pt>
                <c:pt idx="366">
                  <c:v>1.8317569999999996</c:v>
                </c:pt>
                <c:pt idx="367">
                  <c:v>1.836761000000001</c:v>
                </c:pt>
                <c:pt idx="368">
                  <c:v>1.8417659999999998</c:v>
                </c:pt>
                <c:pt idx="369">
                  <c:v>1.8467710000000004</c:v>
                </c:pt>
                <c:pt idx="370">
                  <c:v>1.851776000000001</c:v>
                </c:pt>
                <c:pt idx="371">
                  <c:v>1.8567809999999998</c:v>
                </c:pt>
                <c:pt idx="372">
                  <c:v>1.8617850000000011</c:v>
                </c:pt>
                <c:pt idx="373">
                  <c:v>1.8667899999999999</c:v>
                </c:pt>
                <c:pt idx="374">
                  <c:v>1.8717950000000005</c:v>
                </c:pt>
                <c:pt idx="375">
                  <c:v>1.8768000000000011</c:v>
                </c:pt>
                <c:pt idx="376">
                  <c:v>1.8818049999999999</c:v>
                </c:pt>
                <c:pt idx="377">
                  <c:v>1.8868089999999995</c:v>
                </c:pt>
                <c:pt idx="378">
                  <c:v>1.8918140000000001</c:v>
                </c:pt>
                <c:pt idx="379">
                  <c:v>1.8968190000000007</c:v>
                </c:pt>
                <c:pt idx="380">
                  <c:v>1.9018239999999995</c:v>
                </c:pt>
                <c:pt idx="381">
                  <c:v>1.9068290000000001</c:v>
                </c:pt>
                <c:pt idx="382">
                  <c:v>1.9118329999999997</c:v>
                </c:pt>
                <c:pt idx="383">
                  <c:v>1.9168380000000003</c:v>
                </c:pt>
                <c:pt idx="384">
                  <c:v>1.9218430000000009</c:v>
                </c:pt>
                <c:pt idx="385">
                  <c:v>1.9268479999999997</c:v>
                </c:pt>
                <c:pt idx="386">
                  <c:v>1.9318530000000003</c:v>
                </c:pt>
                <c:pt idx="387">
                  <c:v>1.9368569999999998</c:v>
                </c:pt>
                <c:pt idx="388">
                  <c:v>1.9418620000000004</c:v>
                </c:pt>
                <c:pt idx="389">
                  <c:v>1.946867000000001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1</c:v>
                </c:pt>
                <c:pt idx="393">
                  <c:v>1.9668860000000006</c:v>
                </c:pt>
                <c:pt idx="394">
                  <c:v>1.9718910000000012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50000000001</c:v>
                </c:pt>
                <c:pt idx="398">
                  <c:v>1.9919100000000007</c:v>
                </c:pt>
                <c:pt idx="399">
                  <c:v>1.9969149999999996</c:v>
                </c:pt>
              </c:numCache>
            </c:numRef>
          </c:xVal>
          <c:yVal>
            <c:numRef>
              <c:f>'S2.Multi-300-3s(7)'!$F$2:$F$403</c:f>
              <c:numCache>
                <c:formatCode>General</c:formatCode>
                <c:ptCount val="402"/>
                <c:pt idx="1">
                  <c:v>3.8094255945472569E-3</c:v>
                </c:pt>
                <c:pt idx="2">
                  <c:v>3.3703032540156788E-2</c:v>
                </c:pt>
                <c:pt idx="3">
                  <c:v>5.7935868026773488E-2</c:v>
                </c:pt>
                <c:pt idx="4">
                  <c:v>9.3282190013384697E-2</c:v>
                </c:pt>
                <c:pt idx="5">
                  <c:v>0.10098897400369253</c:v>
                </c:pt>
                <c:pt idx="6">
                  <c:v>9.7886631046910783E-2</c:v>
                </c:pt>
                <c:pt idx="7">
                  <c:v>0.10644238230181981</c:v>
                </c:pt>
                <c:pt idx="8">
                  <c:v>0.12196550957530952</c:v>
                </c:pt>
                <c:pt idx="9">
                  <c:v>0.1134645986133471</c:v>
                </c:pt>
                <c:pt idx="10">
                  <c:v>0.11147831829730692</c:v>
                </c:pt>
                <c:pt idx="11">
                  <c:v>0.11102138785268691</c:v>
                </c:pt>
                <c:pt idx="12">
                  <c:v>0.11454238199106825</c:v>
                </c:pt>
                <c:pt idx="13">
                  <c:v>0.10943874626793029</c:v>
                </c:pt>
                <c:pt idx="14">
                  <c:v>9.9916515655710816E-2</c:v>
                </c:pt>
                <c:pt idx="15">
                  <c:v>9.1276346755404053E-2</c:v>
                </c:pt>
                <c:pt idx="16">
                  <c:v>8.9088920755935927E-2</c:v>
                </c:pt>
                <c:pt idx="17">
                  <c:v>7.9610420991526792E-2</c:v>
                </c:pt>
                <c:pt idx="18">
                  <c:v>6.6974371905053023E-2</c:v>
                </c:pt>
                <c:pt idx="19">
                  <c:v>6.543222191975781E-2</c:v>
                </c:pt>
                <c:pt idx="20">
                  <c:v>6.9932558702453643E-2</c:v>
                </c:pt>
                <c:pt idx="21">
                  <c:v>7.3503252687968992E-2</c:v>
                </c:pt>
                <c:pt idx="22">
                  <c:v>7.0581465572740851E-2</c:v>
                </c:pt>
                <c:pt idx="23">
                  <c:v>6.9015857332972233E-2</c:v>
                </c:pt>
                <c:pt idx="24">
                  <c:v>7.2067091989632251E-2</c:v>
                </c:pt>
                <c:pt idx="25">
                  <c:v>7.7263426471890898E-2</c:v>
                </c:pt>
                <c:pt idx="26">
                  <c:v>7.7921544555214328E-2</c:v>
                </c:pt>
                <c:pt idx="27">
                  <c:v>7.6025019599242807E-2</c:v>
                </c:pt>
                <c:pt idx="28">
                  <c:v>7.6824029375180125E-2</c:v>
                </c:pt>
                <c:pt idx="29">
                  <c:v>7.9134911210605313E-2</c:v>
                </c:pt>
                <c:pt idx="30">
                  <c:v>7.7919965636652738E-2</c:v>
                </c:pt>
                <c:pt idx="31">
                  <c:v>7.4733202847110158E-2</c:v>
                </c:pt>
                <c:pt idx="32">
                  <c:v>7.5611129331870586E-2</c:v>
                </c:pt>
                <c:pt idx="33">
                  <c:v>7.7670906272630166E-2</c:v>
                </c:pt>
                <c:pt idx="34">
                  <c:v>7.7208828626231144E-2</c:v>
                </c:pt>
                <c:pt idx="35">
                  <c:v>7.6881205321426047E-2</c:v>
                </c:pt>
                <c:pt idx="36">
                  <c:v>7.4986736564793016E-2</c:v>
                </c:pt>
                <c:pt idx="37">
                  <c:v>7.6482364531218719E-2</c:v>
                </c:pt>
                <c:pt idx="38">
                  <c:v>7.7996706431311055E-2</c:v>
                </c:pt>
                <c:pt idx="39">
                  <c:v>7.854741029719374E-2</c:v>
                </c:pt>
                <c:pt idx="40">
                  <c:v>7.6998947307519897E-2</c:v>
                </c:pt>
                <c:pt idx="41">
                  <c:v>7.6227821538483717E-2</c:v>
                </c:pt>
                <c:pt idx="42">
                  <c:v>7.5089840371076688E-2</c:v>
                </c:pt>
                <c:pt idx="43">
                  <c:v>7.220123695424023E-2</c:v>
                </c:pt>
                <c:pt idx="44">
                  <c:v>7.0334587355775302E-2</c:v>
                </c:pt>
                <c:pt idx="45">
                  <c:v>6.7961747644131695E-2</c:v>
                </c:pt>
                <c:pt idx="46">
                  <c:v>6.419225239171937E-2</c:v>
                </c:pt>
                <c:pt idx="47">
                  <c:v>5.8361819593415291E-2</c:v>
                </c:pt>
                <c:pt idx="48">
                  <c:v>5.3540727236381959E-2</c:v>
                </c:pt>
                <c:pt idx="49">
                  <c:v>5.1058113794794781E-2</c:v>
                </c:pt>
                <c:pt idx="50">
                  <c:v>4.8196542887414602E-2</c:v>
                </c:pt>
                <c:pt idx="51">
                  <c:v>4.8207651873402445E-2</c:v>
                </c:pt>
                <c:pt idx="52">
                  <c:v>5.0517846675691931E-2</c:v>
                </c:pt>
                <c:pt idx="53">
                  <c:v>5.3293710965724723E-2</c:v>
                </c:pt>
                <c:pt idx="54">
                  <c:v>5.6075485325121605E-2</c:v>
                </c:pt>
                <c:pt idx="55">
                  <c:v>5.9132367525568802E-2</c:v>
                </c:pt>
                <c:pt idx="56">
                  <c:v>6.230289189596426E-2</c:v>
                </c:pt>
                <c:pt idx="57">
                  <c:v>6.3102598686317554E-2</c:v>
                </c:pt>
                <c:pt idx="58">
                  <c:v>6.2329338654939559E-2</c:v>
                </c:pt>
                <c:pt idx="59">
                  <c:v>6.1225914469409955E-2</c:v>
                </c:pt>
                <c:pt idx="60">
                  <c:v>6.1684758915501951E-2</c:v>
                </c:pt>
                <c:pt idx="61">
                  <c:v>6.1723600782801979E-2</c:v>
                </c:pt>
                <c:pt idx="62">
                  <c:v>6.2095837549016708E-2</c:v>
                </c:pt>
                <c:pt idx="63">
                  <c:v>6.1322948151729714E-2</c:v>
                </c:pt>
                <c:pt idx="64">
                  <c:v>6.0735517558071467E-2</c:v>
                </c:pt>
                <c:pt idx="65">
                  <c:v>6.1657547639138832E-2</c:v>
                </c:pt>
                <c:pt idx="66">
                  <c:v>6.0677136140114295E-2</c:v>
                </c:pt>
                <c:pt idx="67">
                  <c:v>5.7299170520996562E-2</c:v>
                </c:pt>
                <c:pt idx="68">
                  <c:v>5.4163696698620326E-2</c:v>
                </c:pt>
                <c:pt idx="69">
                  <c:v>5.308001809743363E-2</c:v>
                </c:pt>
                <c:pt idx="70">
                  <c:v>5.0340971922360062E-2</c:v>
                </c:pt>
                <c:pt idx="71">
                  <c:v>4.5697312581619638E-2</c:v>
                </c:pt>
                <c:pt idx="72">
                  <c:v>4.2472058633187253E-2</c:v>
                </c:pt>
                <c:pt idx="73">
                  <c:v>3.9621981057517013E-2</c:v>
                </c:pt>
                <c:pt idx="74">
                  <c:v>3.6612078267382941E-2</c:v>
                </c:pt>
                <c:pt idx="75">
                  <c:v>3.2687419051584794E-2</c:v>
                </c:pt>
                <c:pt idx="76">
                  <c:v>2.9297451392823366E-2</c:v>
                </c:pt>
                <c:pt idx="77">
                  <c:v>2.9006858243116388E-2</c:v>
                </c:pt>
                <c:pt idx="78">
                  <c:v>2.924126387850174E-2</c:v>
                </c:pt>
                <c:pt idx="79">
                  <c:v>2.9749591940565173E-2</c:v>
                </c:pt>
                <c:pt idx="80">
                  <c:v>3.1247069838693457E-2</c:v>
                </c:pt>
                <c:pt idx="81">
                  <c:v>3.5377461311942887E-2</c:v>
                </c:pt>
                <c:pt idx="82">
                  <c:v>4.0031706797588509E-2</c:v>
                </c:pt>
                <c:pt idx="83">
                  <c:v>4.2473202845715985E-2</c:v>
                </c:pt>
                <c:pt idx="84">
                  <c:v>4.3756465813218126E-2</c:v>
                </c:pt>
                <c:pt idx="85">
                  <c:v>4.7184045084423337E-2</c:v>
                </c:pt>
                <c:pt idx="86">
                  <c:v>5.0593008418780262E-2</c:v>
                </c:pt>
                <c:pt idx="87">
                  <c:v>5.1223159355050382E-2</c:v>
                </c:pt>
                <c:pt idx="88">
                  <c:v>5.024230591127591E-2</c:v>
                </c:pt>
                <c:pt idx="89">
                  <c:v>4.919945318358724E-2</c:v>
                </c:pt>
                <c:pt idx="90">
                  <c:v>4.8589740731224337E-2</c:v>
                </c:pt>
                <c:pt idx="91">
                  <c:v>4.7230851128015984E-2</c:v>
                </c:pt>
                <c:pt idx="92">
                  <c:v>4.458175454372789E-2</c:v>
                </c:pt>
                <c:pt idx="93">
                  <c:v>4.2168476111012508E-2</c:v>
                </c:pt>
                <c:pt idx="94">
                  <c:v>4.0495917791866017E-2</c:v>
                </c:pt>
                <c:pt idx="95">
                  <c:v>3.801761736434562E-2</c:v>
                </c:pt>
                <c:pt idx="96">
                  <c:v>3.4906941558257194E-2</c:v>
                </c:pt>
                <c:pt idx="97">
                  <c:v>3.2998952961430968E-2</c:v>
                </c:pt>
                <c:pt idx="98">
                  <c:v>3.3259611068718636E-2</c:v>
                </c:pt>
                <c:pt idx="99">
                  <c:v>3.239619023885517E-2</c:v>
                </c:pt>
                <c:pt idx="100">
                  <c:v>3.0201207707395754E-2</c:v>
                </c:pt>
                <c:pt idx="101">
                  <c:v>2.8864172493681332E-2</c:v>
                </c:pt>
                <c:pt idx="102">
                  <c:v>3.0038769457188707E-2</c:v>
                </c:pt>
                <c:pt idx="103">
                  <c:v>3.1969848012527814E-2</c:v>
                </c:pt>
                <c:pt idx="104">
                  <c:v>3.3970204864523471E-2</c:v>
                </c:pt>
                <c:pt idx="105">
                  <c:v>3.6560365313117918E-2</c:v>
                </c:pt>
                <c:pt idx="106">
                  <c:v>3.9995540956734112E-2</c:v>
                </c:pt>
                <c:pt idx="107">
                  <c:v>4.3276521892494008E-2</c:v>
                </c:pt>
                <c:pt idx="108">
                  <c:v>4.6139233100878814E-2</c:v>
                </c:pt>
                <c:pt idx="109">
                  <c:v>4.8242138845198047E-2</c:v>
                </c:pt>
                <c:pt idx="110">
                  <c:v>5.0133169161753595E-2</c:v>
                </c:pt>
                <c:pt idx="111">
                  <c:v>5.1054226210068596E-2</c:v>
                </c:pt>
                <c:pt idx="112">
                  <c:v>4.9367010894659009E-2</c:v>
                </c:pt>
                <c:pt idx="113">
                  <c:v>4.7803068799480396E-2</c:v>
                </c:pt>
                <c:pt idx="114">
                  <c:v>4.6884855055525344E-2</c:v>
                </c:pt>
                <c:pt idx="115">
                  <c:v>4.5355709321009678E-2</c:v>
                </c:pt>
                <c:pt idx="116">
                  <c:v>4.3377394979210768E-2</c:v>
                </c:pt>
                <c:pt idx="117">
                  <c:v>4.0748745452527886E-2</c:v>
                </c:pt>
                <c:pt idx="118">
                  <c:v>3.8643421397382999E-2</c:v>
                </c:pt>
                <c:pt idx="119">
                  <c:v>3.6243178072145853E-2</c:v>
                </c:pt>
                <c:pt idx="120">
                  <c:v>3.4462511188497413E-2</c:v>
                </c:pt>
                <c:pt idx="121">
                  <c:v>3.3034171104738996E-2</c:v>
                </c:pt>
                <c:pt idx="122">
                  <c:v>3.3258881409856417E-2</c:v>
                </c:pt>
                <c:pt idx="123">
                  <c:v>3.357228065801194E-2</c:v>
                </c:pt>
                <c:pt idx="124">
                  <c:v>3.338357305036703E-2</c:v>
                </c:pt>
                <c:pt idx="125">
                  <c:v>3.3946775629619438E-2</c:v>
                </c:pt>
                <c:pt idx="126">
                  <c:v>3.5515243210731004E-2</c:v>
                </c:pt>
                <c:pt idx="127">
                  <c:v>3.8544141576105827E-2</c:v>
                </c:pt>
                <c:pt idx="128">
                  <c:v>4.07261258676761E-2</c:v>
                </c:pt>
                <c:pt idx="129">
                  <c:v>4.2147092309318894E-2</c:v>
                </c:pt>
                <c:pt idx="130">
                  <c:v>4.3289056999859583E-2</c:v>
                </c:pt>
                <c:pt idx="131">
                  <c:v>4.4926244861675735E-2</c:v>
                </c:pt>
                <c:pt idx="132">
                  <c:v>4.5107543701203151E-2</c:v>
                </c:pt>
                <c:pt idx="133">
                  <c:v>4.4271157406508783E-2</c:v>
                </c:pt>
                <c:pt idx="134">
                  <c:v>4.3353337247447533E-2</c:v>
                </c:pt>
                <c:pt idx="135">
                  <c:v>4.3268236433084105E-2</c:v>
                </c:pt>
                <c:pt idx="136">
                  <c:v>4.275347742564041E-2</c:v>
                </c:pt>
                <c:pt idx="137">
                  <c:v>4.0770630101612138E-2</c:v>
                </c:pt>
                <c:pt idx="138">
                  <c:v>3.894915213568171E-2</c:v>
                </c:pt>
                <c:pt idx="139">
                  <c:v>3.7711877399389776E-2</c:v>
                </c:pt>
                <c:pt idx="140">
                  <c:v>3.6505323084651389E-2</c:v>
                </c:pt>
                <c:pt idx="141">
                  <c:v>3.4975124757635229E-2</c:v>
                </c:pt>
                <c:pt idx="142">
                  <c:v>3.3305593180141625E-2</c:v>
                </c:pt>
                <c:pt idx="143">
                  <c:v>3.302589814731078E-2</c:v>
                </c:pt>
                <c:pt idx="144">
                  <c:v>3.2760532841331971E-2</c:v>
                </c:pt>
                <c:pt idx="145">
                  <c:v>3.2674213676397765E-2</c:v>
                </c:pt>
                <c:pt idx="146">
                  <c:v>3.2058385513801753E-2</c:v>
                </c:pt>
                <c:pt idx="147">
                  <c:v>3.1947311547263088E-2</c:v>
                </c:pt>
                <c:pt idx="148">
                  <c:v>3.3714101764234047E-2</c:v>
                </c:pt>
                <c:pt idx="149">
                  <c:v>3.5329927894014714E-2</c:v>
                </c:pt>
                <c:pt idx="150">
                  <c:v>3.5900584678735289E-2</c:v>
                </c:pt>
                <c:pt idx="151">
                  <c:v>3.7103247485936075E-2</c:v>
                </c:pt>
                <c:pt idx="152">
                  <c:v>3.9456786498161131E-2</c:v>
                </c:pt>
                <c:pt idx="153">
                  <c:v>4.1116894673364948E-2</c:v>
                </c:pt>
                <c:pt idx="154">
                  <c:v>4.2018861021650353E-2</c:v>
                </c:pt>
                <c:pt idx="155">
                  <c:v>4.2938222039358084E-2</c:v>
                </c:pt>
                <c:pt idx="156">
                  <c:v>4.3953252604114847E-2</c:v>
                </c:pt>
                <c:pt idx="157">
                  <c:v>4.3886151082727122E-2</c:v>
                </c:pt>
                <c:pt idx="158">
                  <c:v>4.2652240972215212E-2</c:v>
                </c:pt>
                <c:pt idx="159">
                  <c:v>4.1257626988671803E-2</c:v>
                </c:pt>
                <c:pt idx="160">
                  <c:v>4.0039690182360525E-2</c:v>
                </c:pt>
                <c:pt idx="161">
                  <c:v>3.8611214233346819E-2</c:v>
                </c:pt>
                <c:pt idx="162">
                  <c:v>3.7126569687137595E-2</c:v>
                </c:pt>
                <c:pt idx="163">
                  <c:v>3.5010266580973129E-2</c:v>
                </c:pt>
                <c:pt idx="164">
                  <c:v>3.2943863733901887E-2</c:v>
                </c:pt>
                <c:pt idx="165">
                  <c:v>3.1475032454332773E-2</c:v>
                </c:pt>
                <c:pt idx="166">
                  <c:v>3.1112445401922047E-2</c:v>
                </c:pt>
                <c:pt idx="167">
                  <c:v>3.0905831737649467E-2</c:v>
                </c:pt>
                <c:pt idx="168">
                  <c:v>3.0675850360403874E-2</c:v>
                </c:pt>
                <c:pt idx="169">
                  <c:v>3.0444826514335645E-2</c:v>
                </c:pt>
                <c:pt idx="170">
                  <c:v>3.1002005707648331E-2</c:v>
                </c:pt>
                <c:pt idx="171">
                  <c:v>3.2067757079049269E-2</c:v>
                </c:pt>
                <c:pt idx="172">
                  <c:v>3.2406820030720936E-2</c:v>
                </c:pt>
                <c:pt idx="173">
                  <c:v>3.2435632261309688E-2</c:v>
                </c:pt>
                <c:pt idx="174">
                  <c:v>3.2548106774879605E-2</c:v>
                </c:pt>
                <c:pt idx="175">
                  <c:v>3.3646542577886476E-2</c:v>
                </c:pt>
                <c:pt idx="176">
                  <c:v>3.4964569124173242E-2</c:v>
                </c:pt>
                <c:pt idx="177">
                  <c:v>3.5057575204882105E-2</c:v>
                </c:pt>
                <c:pt idx="178">
                  <c:v>3.522722417955957E-2</c:v>
                </c:pt>
                <c:pt idx="179">
                  <c:v>3.6239168221588625E-2</c:v>
                </c:pt>
                <c:pt idx="180">
                  <c:v>3.7534681348535937E-2</c:v>
                </c:pt>
                <c:pt idx="181">
                  <c:v>3.7534094637583615E-2</c:v>
                </c:pt>
                <c:pt idx="182">
                  <c:v>3.7274513979562475E-2</c:v>
                </c:pt>
                <c:pt idx="183">
                  <c:v>3.7123796180238561E-2</c:v>
                </c:pt>
                <c:pt idx="184">
                  <c:v>3.7422136834852453E-2</c:v>
                </c:pt>
                <c:pt idx="185">
                  <c:v>3.697452004969818E-2</c:v>
                </c:pt>
                <c:pt idx="186">
                  <c:v>3.5372667118106146E-2</c:v>
                </c:pt>
                <c:pt idx="187">
                  <c:v>3.4121772073317569E-2</c:v>
                </c:pt>
                <c:pt idx="188">
                  <c:v>3.3471512512512104E-2</c:v>
                </c:pt>
                <c:pt idx="189">
                  <c:v>3.2406449455651548E-2</c:v>
                </c:pt>
                <c:pt idx="190">
                  <c:v>3.0427905434916979E-2</c:v>
                </c:pt>
                <c:pt idx="191">
                  <c:v>2.8485477679944936E-2</c:v>
                </c:pt>
                <c:pt idx="192">
                  <c:v>2.8349661874454344E-2</c:v>
                </c:pt>
                <c:pt idx="193">
                  <c:v>2.8442591473594875E-2</c:v>
                </c:pt>
                <c:pt idx="194">
                  <c:v>2.8208543704405228E-2</c:v>
                </c:pt>
                <c:pt idx="195">
                  <c:v>2.8383322080401032E-2</c:v>
                </c:pt>
                <c:pt idx="196">
                  <c:v>2.9039739969868496E-2</c:v>
                </c:pt>
                <c:pt idx="197">
                  <c:v>2.9844131027716166E-2</c:v>
                </c:pt>
                <c:pt idx="198">
                  <c:v>3.0548611804553649E-2</c:v>
                </c:pt>
                <c:pt idx="199">
                  <c:v>3.1225645495931872E-2</c:v>
                </c:pt>
                <c:pt idx="200">
                  <c:v>3.2067745229623218E-2</c:v>
                </c:pt>
                <c:pt idx="201">
                  <c:v>3.2889799115535523E-2</c:v>
                </c:pt>
                <c:pt idx="202">
                  <c:v>3.3129645164800832E-2</c:v>
                </c:pt>
                <c:pt idx="203">
                  <c:v>3.2682094362682351E-2</c:v>
                </c:pt>
                <c:pt idx="204">
                  <c:v>3.2330951859082607E-2</c:v>
                </c:pt>
                <c:pt idx="205">
                  <c:v>3.2020345033428196E-2</c:v>
                </c:pt>
                <c:pt idx="206">
                  <c:v>3.1696392244557677E-2</c:v>
                </c:pt>
                <c:pt idx="207">
                  <c:v>3.1223922605801247E-2</c:v>
                </c:pt>
                <c:pt idx="208">
                  <c:v>3.0800530426056533E-2</c:v>
                </c:pt>
                <c:pt idx="209">
                  <c:v>3.068279474969788E-2</c:v>
                </c:pt>
                <c:pt idx="210">
                  <c:v>3.0545582431539296E-2</c:v>
                </c:pt>
                <c:pt idx="211">
                  <c:v>3.0561223299927401E-2</c:v>
                </c:pt>
                <c:pt idx="212">
                  <c:v>3.017001320657731E-2</c:v>
                </c:pt>
                <c:pt idx="213">
                  <c:v>2.9824146884366739E-2</c:v>
                </c:pt>
                <c:pt idx="214">
                  <c:v>2.9503936093438578E-2</c:v>
                </c:pt>
                <c:pt idx="215">
                  <c:v>2.8942091547525289E-2</c:v>
                </c:pt>
                <c:pt idx="216">
                  <c:v>2.843352186574934E-2</c:v>
                </c:pt>
                <c:pt idx="217">
                  <c:v>2.7897447537652609E-2</c:v>
                </c:pt>
                <c:pt idx="218">
                  <c:v>2.7852302834032502E-2</c:v>
                </c:pt>
                <c:pt idx="219">
                  <c:v>2.8102709526275339E-2</c:v>
                </c:pt>
                <c:pt idx="220">
                  <c:v>2.8079169032218444E-2</c:v>
                </c:pt>
                <c:pt idx="221">
                  <c:v>2.865352495838798E-2</c:v>
                </c:pt>
                <c:pt idx="222">
                  <c:v>2.9048881476938949E-2</c:v>
                </c:pt>
                <c:pt idx="223">
                  <c:v>2.9781362084853179E-2</c:v>
                </c:pt>
                <c:pt idx="224">
                  <c:v>3.0298066216390002E-2</c:v>
                </c:pt>
                <c:pt idx="225">
                  <c:v>3.095296419341996E-2</c:v>
                </c:pt>
                <c:pt idx="226">
                  <c:v>3.1655617885118503E-2</c:v>
                </c:pt>
                <c:pt idx="227">
                  <c:v>3.2541913636100608E-2</c:v>
                </c:pt>
                <c:pt idx="228">
                  <c:v>3.2897576588280242E-2</c:v>
                </c:pt>
                <c:pt idx="229">
                  <c:v>3.3005199817640586E-2</c:v>
                </c:pt>
                <c:pt idx="230">
                  <c:v>3.2849746262671946E-2</c:v>
                </c:pt>
                <c:pt idx="231">
                  <c:v>3.2125994054207435E-2</c:v>
                </c:pt>
                <c:pt idx="232">
                  <c:v>3.1133949419552751E-2</c:v>
                </c:pt>
                <c:pt idx="233">
                  <c:v>2.989340595973065E-2</c:v>
                </c:pt>
                <c:pt idx="234">
                  <c:v>2.8616965770155697E-2</c:v>
                </c:pt>
                <c:pt idx="235">
                  <c:v>2.7470796130237757E-2</c:v>
                </c:pt>
                <c:pt idx="236">
                  <c:v>2.6594748192005687E-2</c:v>
                </c:pt>
                <c:pt idx="237">
                  <c:v>2.5844154728072784E-2</c:v>
                </c:pt>
                <c:pt idx="238">
                  <c:v>2.5536884660616065E-2</c:v>
                </c:pt>
                <c:pt idx="239">
                  <c:v>2.5566678530755518E-2</c:v>
                </c:pt>
                <c:pt idx="240">
                  <c:v>2.5763922606608858E-2</c:v>
                </c:pt>
                <c:pt idx="241">
                  <c:v>2.5546384877642336E-2</c:v>
                </c:pt>
                <c:pt idx="242">
                  <c:v>2.5456992546589226E-2</c:v>
                </c:pt>
                <c:pt idx="243">
                  <c:v>2.6036526435556828E-2</c:v>
                </c:pt>
                <c:pt idx="244">
                  <c:v>2.738000533995455E-2</c:v>
                </c:pt>
                <c:pt idx="245">
                  <c:v>2.8485720122220955E-2</c:v>
                </c:pt>
                <c:pt idx="246">
                  <c:v>2.9132245054247531E-2</c:v>
                </c:pt>
                <c:pt idx="247">
                  <c:v>2.9673923230013294E-2</c:v>
                </c:pt>
                <c:pt idx="248">
                  <c:v>3.0454610270683059E-2</c:v>
                </c:pt>
                <c:pt idx="249">
                  <c:v>3.0883986048877113E-2</c:v>
                </c:pt>
                <c:pt idx="250">
                  <c:v>3.1252998064625809E-2</c:v>
                </c:pt>
                <c:pt idx="251">
                  <c:v>3.1369533419856994E-2</c:v>
                </c:pt>
                <c:pt idx="252">
                  <c:v>3.2159635264015579E-2</c:v>
                </c:pt>
                <c:pt idx="253">
                  <c:v>3.2770984548656387E-2</c:v>
                </c:pt>
                <c:pt idx="254">
                  <c:v>3.2414570008154266E-2</c:v>
                </c:pt>
                <c:pt idx="255">
                  <c:v>3.1472665432374113E-2</c:v>
                </c:pt>
                <c:pt idx="256">
                  <c:v>3.0925799506290482E-2</c:v>
                </c:pt>
                <c:pt idx="257">
                  <c:v>3.048567859112199E-2</c:v>
                </c:pt>
                <c:pt idx="258">
                  <c:v>2.9438635249261234E-2</c:v>
                </c:pt>
                <c:pt idx="259">
                  <c:v>2.8002954924392365E-2</c:v>
                </c:pt>
                <c:pt idx="260">
                  <c:v>2.6750494546453653E-2</c:v>
                </c:pt>
                <c:pt idx="261">
                  <c:v>2.6061679508021074E-2</c:v>
                </c:pt>
                <c:pt idx="262">
                  <c:v>2.5735739287825556E-2</c:v>
                </c:pt>
                <c:pt idx="263">
                  <c:v>2.4990631011667357E-2</c:v>
                </c:pt>
                <c:pt idx="264">
                  <c:v>2.4647621319365137E-2</c:v>
                </c:pt>
                <c:pt idx="265">
                  <c:v>2.4562765269384335E-2</c:v>
                </c:pt>
                <c:pt idx="266">
                  <c:v>2.4894244694925405E-2</c:v>
                </c:pt>
                <c:pt idx="267">
                  <c:v>2.5110426121334205E-2</c:v>
                </c:pt>
                <c:pt idx="268">
                  <c:v>2.5480605626905673E-2</c:v>
                </c:pt>
                <c:pt idx="269">
                  <c:v>2.6808690095588499E-2</c:v>
                </c:pt>
                <c:pt idx="270">
                  <c:v>2.8279811344299115E-2</c:v>
                </c:pt>
                <c:pt idx="271">
                  <c:v>2.901315408684943E-2</c:v>
                </c:pt>
                <c:pt idx="272">
                  <c:v>2.9360974211179246E-2</c:v>
                </c:pt>
                <c:pt idx="273">
                  <c:v>2.9324722071911218E-2</c:v>
                </c:pt>
                <c:pt idx="274">
                  <c:v>2.9676488968876213E-2</c:v>
                </c:pt>
                <c:pt idx="275">
                  <c:v>2.9375731619809383E-2</c:v>
                </c:pt>
                <c:pt idx="276">
                  <c:v>2.8874366218124763E-2</c:v>
                </c:pt>
                <c:pt idx="277">
                  <c:v>2.8017690543674555E-2</c:v>
                </c:pt>
                <c:pt idx="278">
                  <c:v>2.7515644379140898E-2</c:v>
                </c:pt>
                <c:pt idx="279">
                  <c:v>2.6929352171480035E-2</c:v>
                </c:pt>
                <c:pt idx="280">
                  <c:v>2.5962982147449638E-2</c:v>
                </c:pt>
                <c:pt idx="281">
                  <c:v>2.4907894436167158E-2</c:v>
                </c:pt>
                <c:pt idx="282">
                  <c:v>2.4210999423473382E-2</c:v>
                </c:pt>
                <c:pt idx="283">
                  <c:v>2.3760843435219531E-2</c:v>
                </c:pt>
                <c:pt idx="284">
                  <c:v>2.3279494849421854E-2</c:v>
                </c:pt>
                <c:pt idx="285">
                  <c:v>2.287052096020472E-2</c:v>
                </c:pt>
                <c:pt idx="286">
                  <c:v>2.2709121091279507E-2</c:v>
                </c:pt>
                <c:pt idx="287">
                  <c:v>2.2643661957398878E-2</c:v>
                </c:pt>
                <c:pt idx="288">
                  <c:v>2.264315572368876E-2</c:v>
                </c:pt>
                <c:pt idx="289">
                  <c:v>2.2375629843096267E-2</c:v>
                </c:pt>
                <c:pt idx="290">
                  <c:v>2.2854190661971561E-2</c:v>
                </c:pt>
                <c:pt idx="291">
                  <c:v>2.3878880025454505E-2</c:v>
                </c:pt>
                <c:pt idx="292">
                  <c:v>2.4631407642452689E-2</c:v>
                </c:pt>
                <c:pt idx="293">
                  <c:v>2.4947077169631442E-2</c:v>
                </c:pt>
                <c:pt idx="294">
                  <c:v>2.5425762679047781E-2</c:v>
                </c:pt>
                <c:pt idx="295">
                  <c:v>2.6116310660569551E-2</c:v>
                </c:pt>
                <c:pt idx="296">
                  <c:v>2.7023442955566839E-2</c:v>
                </c:pt>
                <c:pt idx="297">
                  <c:v>2.7284986067334951E-2</c:v>
                </c:pt>
                <c:pt idx="298">
                  <c:v>2.7294621772175013E-2</c:v>
                </c:pt>
                <c:pt idx="299">
                  <c:v>2.7197150488587455E-2</c:v>
                </c:pt>
                <c:pt idx="300">
                  <c:v>2.7358411385025736E-2</c:v>
                </c:pt>
                <c:pt idx="301">
                  <c:v>2.7130151934768369E-2</c:v>
                </c:pt>
                <c:pt idx="302">
                  <c:v>2.6371021395480379E-2</c:v>
                </c:pt>
                <c:pt idx="303">
                  <c:v>2.5806021517859073E-2</c:v>
                </c:pt>
                <c:pt idx="304">
                  <c:v>2.5095112434718087E-2</c:v>
                </c:pt>
                <c:pt idx="305">
                  <c:v>2.433816808049127E-2</c:v>
                </c:pt>
                <c:pt idx="306">
                  <c:v>2.3148875618523641E-2</c:v>
                </c:pt>
                <c:pt idx="307">
                  <c:v>2.2186930885054985E-2</c:v>
                </c:pt>
                <c:pt idx="308">
                  <c:v>2.16070504059915E-2</c:v>
                </c:pt>
                <c:pt idx="309">
                  <c:v>2.1178594324091606E-2</c:v>
                </c:pt>
                <c:pt idx="310">
                  <c:v>2.0690424302123683E-2</c:v>
                </c:pt>
                <c:pt idx="311">
                  <c:v>2.0913433573800867E-2</c:v>
                </c:pt>
                <c:pt idx="312">
                  <c:v>2.1507542788042473E-2</c:v>
                </c:pt>
                <c:pt idx="313">
                  <c:v>2.1899224667112055E-2</c:v>
                </c:pt>
                <c:pt idx="314">
                  <c:v>2.221687507946532E-2</c:v>
                </c:pt>
                <c:pt idx="315">
                  <c:v>2.2872194236024844E-2</c:v>
                </c:pt>
                <c:pt idx="316">
                  <c:v>2.390370989834157E-2</c:v>
                </c:pt>
                <c:pt idx="317">
                  <c:v>2.4904466286026963E-2</c:v>
                </c:pt>
                <c:pt idx="318">
                  <c:v>2.5193715583324131E-2</c:v>
                </c:pt>
                <c:pt idx="319">
                  <c:v>2.5218196046078292E-2</c:v>
                </c:pt>
                <c:pt idx="320">
                  <c:v>2.5759237023740455E-2</c:v>
                </c:pt>
                <c:pt idx="321">
                  <c:v>2.6336969758022726E-2</c:v>
                </c:pt>
                <c:pt idx="322">
                  <c:v>2.6557312122152923E-2</c:v>
                </c:pt>
                <c:pt idx="323">
                  <c:v>2.649289297749605E-2</c:v>
                </c:pt>
                <c:pt idx="324">
                  <c:v>2.6363063629570405E-2</c:v>
                </c:pt>
                <c:pt idx="325">
                  <c:v>2.6274885551801536E-2</c:v>
                </c:pt>
                <c:pt idx="326">
                  <c:v>2.5579123856674411E-2</c:v>
                </c:pt>
                <c:pt idx="327">
                  <c:v>2.4424758242472099E-2</c:v>
                </c:pt>
                <c:pt idx="328">
                  <c:v>2.297111429490593E-2</c:v>
                </c:pt>
                <c:pt idx="329">
                  <c:v>2.1790607252333411E-2</c:v>
                </c:pt>
                <c:pt idx="330">
                  <c:v>2.0600182963029109E-2</c:v>
                </c:pt>
                <c:pt idx="331">
                  <c:v>1.9356256565894535E-2</c:v>
                </c:pt>
                <c:pt idx="332">
                  <c:v>1.8935417285280521E-2</c:v>
                </c:pt>
                <c:pt idx="333">
                  <c:v>1.8782305692357799E-2</c:v>
                </c:pt>
                <c:pt idx="334">
                  <c:v>1.8689179594977057E-2</c:v>
                </c:pt>
                <c:pt idx="335">
                  <c:v>1.9129954237577955E-2</c:v>
                </c:pt>
                <c:pt idx="336">
                  <c:v>2.0209901550376688E-2</c:v>
                </c:pt>
                <c:pt idx="337">
                  <c:v>2.1272597016813503E-2</c:v>
                </c:pt>
                <c:pt idx="338">
                  <c:v>2.2137181436352907E-2</c:v>
                </c:pt>
                <c:pt idx="339">
                  <c:v>2.2668295159441031E-2</c:v>
                </c:pt>
                <c:pt idx="340">
                  <c:v>2.3406866935738121E-2</c:v>
                </c:pt>
                <c:pt idx="341">
                  <c:v>2.4498762477143027E-2</c:v>
                </c:pt>
                <c:pt idx="342">
                  <c:v>2.5106433158942863E-2</c:v>
                </c:pt>
                <c:pt idx="343">
                  <c:v>2.5138854336164317E-2</c:v>
                </c:pt>
                <c:pt idx="344">
                  <c:v>2.5261707351926163E-2</c:v>
                </c:pt>
                <c:pt idx="345">
                  <c:v>2.5290721275716386E-2</c:v>
                </c:pt>
                <c:pt idx="346">
                  <c:v>2.5094179582229995E-2</c:v>
                </c:pt>
                <c:pt idx="347">
                  <c:v>2.4647611026630521E-2</c:v>
                </c:pt>
                <c:pt idx="348">
                  <c:v>2.4198471408258957E-2</c:v>
                </c:pt>
                <c:pt idx="349">
                  <c:v>2.3649511337511274E-2</c:v>
                </c:pt>
                <c:pt idx="350">
                  <c:v>2.3085047770894956E-2</c:v>
                </c:pt>
                <c:pt idx="351">
                  <c:v>2.2427853814817354E-2</c:v>
                </c:pt>
                <c:pt idx="352">
                  <c:v>2.1733105018096794E-2</c:v>
                </c:pt>
                <c:pt idx="353">
                  <c:v>2.1214326078791333E-2</c:v>
                </c:pt>
                <c:pt idx="354">
                  <c:v>2.0939244428702753E-2</c:v>
                </c:pt>
                <c:pt idx="355">
                  <c:v>2.0812620198747363E-2</c:v>
                </c:pt>
                <c:pt idx="356">
                  <c:v>2.0631399614862617E-2</c:v>
                </c:pt>
                <c:pt idx="357">
                  <c:v>2.0555385624315935E-2</c:v>
                </c:pt>
                <c:pt idx="358">
                  <c:v>2.0662218209169646E-2</c:v>
                </c:pt>
                <c:pt idx="359">
                  <c:v>2.1067024893058825E-2</c:v>
                </c:pt>
                <c:pt idx="360">
                  <c:v>2.1484352608463632E-2</c:v>
                </c:pt>
                <c:pt idx="361">
                  <c:v>2.1924159826894118E-2</c:v>
                </c:pt>
                <c:pt idx="362">
                  <c:v>2.2214801658165535E-2</c:v>
                </c:pt>
                <c:pt idx="363">
                  <c:v>2.2579644253567885E-2</c:v>
                </c:pt>
                <c:pt idx="364">
                  <c:v>2.2897179477100481E-2</c:v>
                </c:pt>
                <c:pt idx="365">
                  <c:v>2.3283707452679273E-2</c:v>
                </c:pt>
                <c:pt idx="366">
                  <c:v>2.3364906262007067E-2</c:v>
                </c:pt>
                <c:pt idx="367">
                  <c:v>2.3119435775146507E-2</c:v>
                </c:pt>
                <c:pt idx="368">
                  <c:v>2.3062986490429913E-2</c:v>
                </c:pt>
                <c:pt idx="369">
                  <c:v>2.3115035698369885E-2</c:v>
                </c:pt>
                <c:pt idx="370">
                  <c:v>2.2772334070754047E-2</c:v>
                </c:pt>
                <c:pt idx="371">
                  <c:v>2.2054155911703857E-2</c:v>
                </c:pt>
                <c:pt idx="372">
                  <c:v>2.1294756943845011E-2</c:v>
                </c:pt>
                <c:pt idx="373">
                  <c:v>2.0899076594453832E-2</c:v>
                </c:pt>
                <c:pt idx="374">
                  <c:v>2.0316095248880593E-2</c:v>
                </c:pt>
                <c:pt idx="375">
                  <c:v>1.9697596380070237E-2</c:v>
                </c:pt>
                <c:pt idx="376">
                  <c:v>1.947397327519702E-2</c:v>
                </c:pt>
                <c:pt idx="377">
                  <c:v>1.9645986548163494E-2</c:v>
                </c:pt>
                <c:pt idx="378">
                  <c:v>1.9934023966312844E-2</c:v>
                </c:pt>
                <c:pt idx="379">
                  <c:v>2.0072631076646062E-2</c:v>
                </c:pt>
                <c:pt idx="380">
                  <c:v>2.0417281599041333E-2</c:v>
                </c:pt>
                <c:pt idx="381">
                  <c:v>2.1234735435043939E-2</c:v>
                </c:pt>
                <c:pt idx="382">
                  <c:v>2.2269300461058968E-2</c:v>
                </c:pt>
                <c:pt idx="383">
                  <c:v>2.3031833078994961E-2</c:v>
                </c:pt>
                <c:pt idx="384">
                  <c:v>2.3547346610700754E-2</c:v>
                </c:pt>
                <c:pt idx="385">
                  <c:v>2.3948261204910459E-2</c:v>
                </c:pt>
                <c:pt idx="386">
                  <c:v>2.4176657899705068E-2</c:v>
                </c:pt>
                <c:pt idx="387">
                  <c:v>2.4004694053532342E-2</c:v>
                </c:pt>
                <c:pt idx="388">
                  <c:v>2.3896661468088293E-2</c:v>
                </c:pt>
                <c:pt idx="389">
                  <c:v>2.3954297710596033E-2</c:v>
                </c:pt>
                <c:pt idx="390">
                  <c:v>2.371217449096364E-2</c:v>
                </c:pt>
                <c:pt idx="391">
                  <c:v>2.3068727350267357E-2</c:v>
                </c:pt>
                <c:pt idx="392">
                  <c:v>2.2340952221936484E-2</c:v>
                </c:pt>
                <c:pt idx="393">
                  <c:v>2.1604900432609552E-2</c:v>
                </c:pt>
                <c:pt idx="394">
                  <c:v>2.1185749833088966E-2</c:v>
                </c:pt>
                <c:pt idx="395">
                  <c:v>2.0647998460980511E-2</c:v>
                </c:pt>
                <c:pt idx="396">
                  <c:v>2.0129263303998023E-2</c:v>
                </c:pt>
                <c:pt idx="397">
                  <c:v>1.9681481355441559E-2</c:v>
                </c:pt>
                <c:pt idx="398">
                  <c:v>1.9354227649722576E-2</c:v>
                </c:pt>
                <c:pt idx="399">
                  <c:v>1.9275036862271493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E639-4F81-B993-219241EB150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06943248"/>
        <c:axId val="706944232"/>
      </c:scatterChart>
      <c:valAx>
        <c:axId val="70694324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06944232"/>
        <c:crosses val="autoZero"/>
        <c:crossBetween val="midCat"/>
      </c:valAx>
      <c:valAx>
        <c:axId val="7069442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0694324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400" b="0" i="0" u="none" strike="noStrike" kern="1200" spc="0" baseline="0">
                <a:solidFill>
                  <a:sysClr val="windowText" lastClr="000000">
                    <a:lumMod val="65000"/>
                    <a:lumOff val="35000"/>
                  </a:sysClr>
                </a:solidFill>
                <a:latin typeface="+mn-lt"/>
                <a:ea typeface="+mn-ea"/>
                <a:cs typeface="+mn-cs"/>
              </a:defRPr>
            </a:pPr>
            <a:r>
              <a:rPr lang="en-GB" sz="1400" b="0" i="0" baseline="0">
                <a:effectLst/>
              </a:rPr>
              <a:t>Chart Title</a:t>
            </a:r>
            <a:endParaRPr lang="en-GB" sz="1400">
              <a:effectLst/>
            </a:endParaRP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400" b="0" i="0" u="none" strike="noStrike" kern="1200" spc="0" baseline="0">
              <a:solidFill>
                <a:sysClr val="windowText" lastClr="000000">
                  <a:lumMod val="65000"/>
                  <a:lumOff val="35000"/>
                </a:sys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S2.multi37.5-3s-(8)'!$E$1</c:f>
              <c:strCache>
                <c:ptCount val="1"/>
                <c:pt idx="0">
                  <c:v>Δh (nm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2.multi37.5-3s-(8)'!$D$2:$D$403</c:f>
              <c:numCache>
                <c:formatCode>General</c:formatCode>
                <c:ptCount val="402"/>
                <c:pt idx="0">
                  <c:v>0</c:v>
                </c:pt>
                <c:pt idx="1">
                  <c:v>5.0049999999997041E-3</c:v>
                </c:pt>
                <c:pt idx="2">
                  <c:v>1.0009999999999408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3999999999269E-2</c:v>
                </c:pt>
                <c:pt idx="6">
                  <c:v>3.0028999999999861E-2</c:v>
                </c:pt>
                <c:pt idx="7">
                  <c:v>3.5033999999999565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7999999999426E-2</c:v>
                </c:pt>
                <c:pt idx="11">
                  <c:v>5.5053000000000019E-2</c:v>
                </c:pt>
                <c:pt idx="12">
                  <c:v>6.0057999999999723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6999999999288E-2</c:v>
                </c:pt>
                <c:pt idx="17">
                  <c:v>8.508199999999988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974</c:v>
                </c:pt>
                <c:pt idx="21">
                  <c:v>0.10510099999999944</c:v>
                </c:pt>
                <c:pt idx="22">
                  <c:v>0.11010600000000004</c:v>
                </c:pt>
                <c:pt idx="23">
                  <c:v>0.1151099999999996</c:v>
                </c:pt>
                <c:pt idx="24">
                  <c:v>0.12011499999999931</c:v>
                </c:pt>
                <c:pt idx="25">
                  <c:v>0.1251199999999999</c:v>
                </c:pt>
                <c:pt idx="26">
                  <c:v>0.1301249999999996</c:v>
                </c:pt>
                <c:pt idx="27">
                  <c:v>0.13512999999999931</c:v>
                </c:pt>
                <c:pt idx="28">
                  <c:v>0.14013399999999976</c:v>
                </c:pt>
                <c:pt idx="29">
                  <c:v>0.14513899999999946</c:v>
                </c:pt>
                <c:pt idx="30">
                  <c:v>0.15014400000000006</c:v>
                </c:pt>
                <c:pt idx="31">
                  <c:v>0.15514899999999976</c:v>
                </c:pt>
                <c:pt idx="32">
                  <c:v>0.16015399999999946</c:v>
                </c:pt>
                <c:pt idx="33">
                  <c:v>0.16515799999999992</c:v>
                </c:pt>
                <c:pt idx="34">
                  <c:v>0.17016299999999962</c:v>
                </c:pt>
                <c:pt idx="35">
                  <c:v>0.17516799999999932</c:v>
                </c:pt>
                <c:pt idx="36">
                  <c:v>0.18017299999999992</c:v>
                </c:pt>
                <c:pt idx="37">
                  <c:v>0.18517799999999962</c:v>
                </c:pt>
                <c:pt idx="38">
                  <c:v>0.19018199999999919</c:v>
                </c:pt>
                <c:pt idx="39">
                  <c:v>0.19518699999999978</c:v>
                </c:pt>
                <c:pt idx="40">
                  <c:v>0.20019199999999948</c:v>
                </c:pt>
                <c:pt idx="41">
                  <c:v>0.20519699999999919</c:v>
                </c:pt>
                <c:pt idx="42">
                  <c:v>0.21020199999999978</c:v>
                </c:pt>
                <c:pt idx="43">
                  <c:v>0.21520599999999934</c:v>
                </c:pt>
                <c:pt idx="44">
                  <c:v>0.22021099999999993</c:v>
                </c:pt>
                <c:pt idx="45">
                  <c:v>0.22521599999999964</c:v>
                </c:pt>
                <c:pt idx="46">
                  <c:v>0.23022099999999934</c:v>
                </c:pt>
                <c:pt idx="47">
                  <c:v>0.23522599999999994</c:v>
                </c:pt>
                <c:pt idx="48">
                  <c:v>0.2402299999999995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49999999995</c:v>
                </c:pt>
                <c:pt idx="52">
                  <c:v>0.2602499999999992</c:v>
                </c:pt>
                <c:pt idx="53">
                  <c:v>0.26525399999999966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899999999966</c:v>
                </c:pt>
                <c:pt idx="57">
                  <c:v>0.28527399999999936</c:v>
                </c:pt>
                <c:pt idx="58">
                  <c:v>0.29027799999999981</c:v>
                </c:pt>
                <c:pt idx="59">
                  <c:v>0.29528299999999952</c:v>
                </c:pt>
                <c:pt idx="60">
                  <c:v>0.30028799999999922</c:v>
                </c:pt>
                <c:pt idx="61">
                  <c:v>0.30529299999999981</c:v>
                </c:pt>
                <c:pt idx="62">
                  <c:v>0.31029799999999952</c:v>
                </c:pt>
                <c:pt idx="63">
                  <c:v>0.31530199999999997</c:v>
                </c:pt>
                <c:pt idx="64">
                  <c:v>0.32030699999999968</c:v>
                </c:pt>
                <c:pt idx="65">
                  <c:v>0.32531199999999938</c:v>
                </c:pt>
                <c:pt idx="66">
                  <c:v>0.33031699999999997</c:v>
                </c:pt>
                <c:pt idx="67">
                  <c:v>0.33532199999999968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599999999954</c:v>
                </c:pt>
                <c:pt idx="71">
                  <c:v>0.35534099999999924</c:v>
                </c:pt>
                <c:pt idx="72">
                  <c:v>0.36034599999999983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5999999999969</c:v>
                </c:pt>
                <c:pt idx="76">
                  <c:v>0.3803649999999994</c:v>
                </c:pt>
                <c:pt idx="77">
                  <c:v>0.38536999999999999</c:v>
                </c:pt>
                <c:pt idx="78">
                  <c:v>0.39037399999999955</c:v>
                </c:pt>
                <c:pt idx="79">
                  <c:v>0.39537899999999926</c:v>
                </c:pt>
                <c:pt idx="80">
                  <c:v>0.40038399999999985</c:v>
                </c:pt>
                <c:pt idx="81">
                  <c:v>0.40538899999999956</c:v>
                </c:pt>
                <c:pt idx="82">
                  <c:v>0.41039399999999926</c:v>
                </c:pt>
                <c:pt idx="83">
                  <c:v>0.41539799999999971</c:v>
                </c:pt>
                <c:pt idx="84">
                  <c:v>0.42040299999999942</c:v>
                </c:pt>
                <c:pt idx="85">
                  <c:v>0.42540800000000001</c:v>
                </c:pt>
                <c:pt idx="86">
                  <c:v>0.43041299999999971</c:v>
                </c:pt>
                <c:pt idx="87">
                  <c:v>0.43541799999999942</c:v>
                </c:pt>
                <c:pt idx="88">
                  <c:v>0.44042199999999987</c:v>
                </c:pt>
                <c:pt idx="89">
                  <c:v>0.44542699999999957</c:v>
                </c:pt>
                <c:pt idx="90">
                  <c:v>0.45043199999999928</c:v>
                </c:pt>
                <c:pt idx="91">
                  <c:v>0.45543699999999987</c:v>
                </c:pt>
                <c:pt idx="92">
                  <c:v>0.46044199999999957</c:v>
                </c:pt>
                <c:pt idx="93">
                  <c:v>0.46544600000000003</c:v>
                </c:pt>
                <c:pt idx="94">
                  <c:v>0.47045099999999973</c:v>
                </c:pt>
                <c:pt idx="95">
                  <c:v>0.47545599999999943</c:v>
                </c:pt>
                <c:pt idx="96">
                  <c:v>0.48046100000000003</c:v>
                </c:pt>
                <c:pt idx="97">
                  <c:v>0.48546599999999973</c:v>
                </c:pt>
                <c:pt idx="98">
                  <c:v>0.4904699999999993</c:v>
                </c:pt>
                <c:pt idx="99">
                  <c:v>0.49547499999999989</c:v>
                </c:pt>
                <c:pt idx="100">
                  <c:v>0.50047999999999959</c:v>
                </c:pt>
                <c:pt idx="101">
                  <c:v>0.5054849999999993</c:v>
                </c:pt>
                <c:pt idx="102">
                  <c:v>0.51048999999999989</c:v>
                </c:pt>
                <c:pt idx="103">
                  <c:v>0.51549399999999945</c:v>
                </c:pt>
                <c:pt idx="104">
                  <c:v>0.52049900000000004</c:v>
                </c:pt>
                <c:pt idx="105">
                  <c:v>0.52550399999999975</c:v>
                </c:pt>
                <c:pt idx="106">
                  <c:v>0.53050899999999945</c:v>
                </c:pt>
                <c:pt idx="107">
                  <c:v>0.53551400000000005</c:v>
                </c:pt>
                <c:pt idx="108">
                  <c:v>0.54051799999999961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299999999961</c:v>
                </c:pt>
                <c:pt idx="112">
                  <c:v>0.56053799999999931</c:v>
                </c:pt>
                <c:pt idx="113">
                  <c:v>0.56554199999999977</c:v>
                </c:pt>
                <c:pt idx="114">
                  <c:v>0.57054699999999947</c:v>
                </c:pt>
                <c:pt idx="115">
                  <c:v>0.57555199999999918</c:v>
                </c:pt>
                <c:pt idx="116">
                  <c:v>0.58055699999999977</c:v>
                </c:pt>
                <c:pt idx="117">
                  <c:v>0.58556199999999947</c:v>
                </c:pt>
                <c:pt idx="118">
                  <c:v>0.59056599999999992</c:v>
                </c:pt>
                <c:pt idx="119">
                  <c:v>0.59557099999999963</c:v>
                </c:pt>
                <c:pt idx="120">
                  <c:v>0.60057599999999933</c:v>
                </c:pt>
                <c:pt idx="121">
                  <c:v>0.60558099999999992</c:v>
                </c:pt>
                <c:pt idx="122">
                  <c:v>0.61058599999999963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59999999999949</c:v>
                </c:pt>
                <c:pt idx="126">
                  <c:v>0.63060499999999919</c:v>
                </c:pt>
                <c:pt idx="127">
                  <c:v>0.63560999999999979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399999999965</c:v>
                </c:pt>
                <c:pt idx="131">
                  <c:v>0.65562899999999935</c:v>
                </c:pt>
                <c:pt idx="132">
                  <c:v>0.66063399999999994</c:v>
                </c:pt>
                <c:pt idx="133">
                  <c:v>0.66563799999999951</c:v>
                </c:pt>
                <c:pt idx="134">
                  <c:v>0.67064299999999921</c:v>
                </c:pt>
                <c:pt idx="135">
                  <c:v>0.6756479999999998</c:v>
                </c:pt>
                <c:pt idx="136">
                  <c:v>0.68065299999999951</c:v>
                </c:pt>
                <c:pt idx="137">
                  <c:v>0.68565799999999921</c:v>
                </c:pt>
                <c:pt idx="138">
                  <c:v>0.69066199999999967</c:v>
                </c:pt>
                <c:pt idx="139">
                  <c:v>0.69566699999999937</c:v>
                </c:pt>
                <c:pt idx="140">
                  <c:v>0.70067199999999996</c:v>
                </c:pt>
                <c:pt idx="141">
                  <c:v>0.70567699999999967</c:v>
                </c:pt>
                <c:pt idx="142">
                  <c:v>0.71068199999999937</c:v>
                </c:pt>
                <c:pt idx="143">
                  <c:v>0.71568599999999982</c:v>
                </c:pt>
                <c:pt idx="144">
                  <c:v>0.72069099999999953</c:v>
                </c:pt>
                <c:pt idx="145">
                  <c:v>0.72569599999999923</c:v>
                </c:pt>
                <c:pt idx="146">
                  <c:v>0.73070099999999982</c:v>
                </c:pt>
                <c:pt idx="147">
                  <c:v>0.73570599999999953</c:v>
                </c:pt>
                <c:pt idx="148">
                  <c:v>0.74070999999999998</c:v>
                </c:pt>
                <c:pt idx="149">
                  <c:v>0.74571499999999968</c:v>
                </c:pt>
                <c:pt idx="150">
                  <c:v>0.75071999999999939</c:v>
                </c:pt>
                <c:pt idx="151">
                  <c:v>0.75572499999999998</c:v>
                </c:pt>
                <c:pt idx="152">
                  <c:v>0.76072999999999968</c:v>
                </c:pt>
                <c:pt idx="153">
                  <c:v>0.76573399999999925</c:v>
                </c:pt>
                <c:pt idx="154">
                  <c:v>0.77073899999999984</c:v>
                </c:pt>
                <c:pt idx="155">
                  <c:v>0.77574399999999955</c:v>
                </c:pt>
                <c:pt idx="156">
                  <c:v>0.78074899999999925</c:v>
                </c:pt>
                <c:pt idx="157">
                  <c:v>0.78575399999999984</c:v>
                </c:pt>
                <c:pt idx="158">
                  <c:v>0.79075799999999941</c:v>
                </c:pt>
                <c:pt idx="159">
                  <c:v>0.795763</c:v>
                </c:pt>
                <c:pt idx="160">
                  <c:v>0.8007679999999997</c:v>
                </c:pt>
                <c:pt idx="161">
                  <c:v>0.80577299999999941</c:v>
                </c:pt>
                <c:pt idx="162">
                  <c:v>0.810778</c:v>
                </c:pt>
                <c:pt idx="163">
                  <c:v>0.81578199999999956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699999999956</c:v>
                </c:pt>
                <c:pt idx="167">
                  <c:v>0.83580199999999927</c:v>
                </c:pt>
                <c:pt idx="168">
                  <c:v>0.84080599999999972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2099999999972</c:v>
                </c:pt>
                <c:pt idx="172">
                  <c:v>0.86082599999999942</c:v>
                </c:pt>
                <c:pt idx="173">
                  <c:v>0.86582999999999988</c:v>
                </c:pt>
                <c:pt idx="174">
                  <c:v>0.87083499999999958</c:v>
                </c:pt>
                <c:pt idx="175">
                  <c:v>0.87583999999999929</c:v>
                </c:pt>
                <c:pt idx="176">
                  <c:v>0.88084499999999988</c:v>
                </c:pt>
                <c:pt idx="177">
                  <c:v>0.88584999999999958</c:v>
                </c:pt>
                <c:pt idx="178">
                  <c:v>0.89085400000000003</c:v>
                </c:pt>
                <c:pt idx="179">
                  <c:v>0.89585899999999974</c:v>
                </c:pt>
                <c:pt idx="180">
                  <c:v>0.90086399999999944</c:v>
                </c:pt>
                <c:pt idx="181">
                  <c:v>0.90586900000000004</c:v>
                </c:pt>
                <c:pt idx="182">
                  <c:v>0.91087399999999974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79999999996</c:v>
                </c:pt>
                <c:pt idx="186">
                  <c:v>0.9308929999999993</c:v>
                </c:pt>
                <c:pt idx="187">
                  <c:v>0.9358979999999999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976</c:v>
                </c:pt>
                <c:pt idx="191">
                  <c:v>0.95591699999999946</c:v>
                </c:pt>
                <c:pt idx="192">
                  <c:v>0.96092200000000005</c:v>
                </c:pt>
                <c:pt idx="193">
                  <c:v>0.96592599999999962</c:v>
                </c:pt>
                <c:pt idx="194">
                  <c:v>0.97093099999999932</c:v>
                </c:pt>
                <c:pt idx="195">
                  <c:v>0.97593599999999991</c:v>
                </c:pt>
                <c:pt idx="196">
                  <c:v>0.98094099999999962</c:v>
                </c:pt>
                <c:pt idx="197">
                  <c:v>0.98594599999999932</c:v>
                </c:pt>
                <c:pt idx="198">
                  <c:v>0.99094999999999978</c:v>
                </c:pt>
                <c:pt idx="199">
                  <c:v>0.99595499999999948</c:v>
                </c:pt>
                <c:pt idx="200">
                  <c:v>1.0009599999999992</c:v>
                </c:pt>
                <c:pt idx="201">
                  <c:v>1.0059649999999998</c:v>
                </c:pt>
                <c:pt idx="202">
                  <c:v>1.0109699999999995</c:v>
                </c:pt>
                <c:pt idx="203">
                  <c:v>1.0159739999999999</c:v>
                </c:pt>
                <c:pt idx="204">
                  <c:v>1.0209789999999996</c:v>
                </c:pt>
                <c:pt idx="205">
                  <c:v>1.0259839999999993</c:v>
                </c:pt>
                <c:pt idx="206">
                  <c:v>1.0309889999999999</c:v>
                </c:pt>
                <c:pt idx="207">
                  <c:v>1.0359939999999996</c:v>
                </c:pt>
                <c:pt idx="208">
                  <c:v>1.0409979999999992</c:v>
                </c:pt>
                <c:pt idx="209">
                  <c:v>1.0460029999999998</c:v>
                </c:pt>
                <c:pt idx="210">
                  <c:v>1.0510079999999995</c:v>
                </c:pt>
                <c:pt idx="211">
                  <c:v>1.0560129999999992</c:v>
                </c:pt>
                <c:pt idx="212">
                  <c:v>1.0610179999999998</c:v>
                </c:pt>
                <c:pt idx="213">
                  <c:v>1.0660219999999994</c:v>
                </c:pt>
                <c:pt idx="214">
                  <c:v>1.071027</c:v>
                </c:pt>
                <c:pt idx="215">
                  <c:v>1.0760319999999997</c:v>
                </c:pt>
                <c:pt idx="216">
                  <c:v>1.0810369999999994</c:v>
                </c:pt>
                <c:pt idx="217">
                  <c:v>1.086042</c:v>
                </c:pt>
                <c:pt idx="218">
                  <c:v>1.0910459999999995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609999999995</c:v>
                </c:pt>
                <c:pt idx="222">
                  <c:v>1.1110659999999992</c:v>
                </c:pt>
                <c:pt idx="223">
                  <c:v>1.1160699999999997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49999999997</c:v>
                </c:pt>
                <c:pt idx="227">
                  <c:v>1.1360899999999994</c:v>
                </c:pt>
                <c:pt idx="228">
                  <c:v>1.1410939999999998</c:v>
                </c:pt>
                <c:pt idx="229">
                  <c:v>1.1460989999999995</c:v>
                </c:pt>
                <c:pt idx="230">
                  <c:v>1.1511039999999992</c:v>
                </c:pt>
                <c:pt idx="231">
                  <c:v>1.1561089999999998</c:v>
                </c:pt>
                <c:pt idx="232">
                  <c:v>1.1611139999999995</c:v>
                </c:pt>
                <c:pt idx="233">
                  <c:v>1.166118</c:v>
                </c:pt>
                <c:pt idx="234">
                  <c:v>1.1711229999999997</c:v>
                </c:pt>
                <c:pt idx="235">
                  <c:v>1.1761279999999994</c:v>
                </c:pt>
                <c:pt idx="236">
                  <c:v>1.181133</c:v>
                </c:pt>
                <c:pt idx="237">
                  <c:v>1.1861379999999997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19999999996</c:v>
                </c:pt>
                <c:pt idx="241">
                  <c:v>1.2061569999999993</c:v>
                </c:pt>
                <c:pt idx="242">
                  <c:v>1.2111619999999998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59999999997</c:v>
                </c:pt>
                <c:pt idx="246">
                  <c:v>1.2311809999999994</c:v>
                </c:pt>
                <c:pt idx="247">
                  <c:v>1.236186</c:v>
                </c:pt>
                <c:pt idx="248">
                  <c:v>1.2411899999999996</c:v>
                </c:pt>
                <c:pt idx="249">
                  <c:v>1.2461949999999993</c:v>
                </c:pt>
                <c:pt idx="250">
                  <c:v>1.2511999999999999</c:v>
                </c:pt>
                <c:pt idx="251">
                  <c:v>1.2562049999999996</c:v>
                </c:pt>
                <c:pt idx="252">
                  <c:v>1.2612099999999993</c:v>
                </c:pt>
                <c:pt idx="253">
                  <c:v>1.2662139999999997</c:v>
                </c:pt>
                <c:pt idx="254">
                  <c:v>1.2712189999999994</c:v>
                </c:pt>
                <c:pt idx="255">
                  <c:v>1.276224</c:v>
                </c:pt>
                <c:pt idx="256">
                  <c:v>1.2812289999999997</c:v>
                </c:pt>
                <c:pt idx="257">
                  <c:v>1.2862339999999994</c:v>
                </c:pt>
                <c:pt idx="258">
                  <c:v>1.2912379999999999</c:v>
                </c:pt>
                <c:pt idx="259">
                  <c:v>1.2962429999999996</c:v>
                </c:pt>
                <c:pt idx="260">
                  <c:v>1.3012479999999993</c:v>
                </c:pt>
                <c:pt idx="261">
                  <c:v>1.3062529999999999</c:v>
                </c:pt>
                <c:pt idx="262">
                  <c:v>1.3112579999999996</c:v>
                </c:pt>
                <c:pt idx="263">
                  <c:v>1.316262</c:v>
                </c:pt>
                <c:pt idx="264">
                  <c:v>1.3212669999999997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19999999997</c:v>
                </c:pt>
                <c:pt idx="268">
                  <c:v>1.3412859999999993</c:v>
                </c:pt>
                <c:pt idx="269">
                  <c:v>1.3462909999999999</c:v>
                </c:pt>
                <c:pt idx="270">
                  <c:v>1.3512959999999996</c:v>
                </c:pt>
                <c:pt idx="271">
                  <c:v>1.3563009999999993</c:v>
                </c:pt>
                <c:pt idx="272">
                  <c:v>1.3613059999999999</c:v>
                </c:pt>
                <c:pt idx="273">
                  <c:v>1.3663099999999995</c:v>
                </c:pt>
                <c:pt idx="274">
                  <c:v>1.3713150000000001</c:v>
                </c:pt>
                <c:pt idx="275">
                  <c:v>1.3763199999999998</c:v>
                </c:pt>
                <c:pt idx="276">
                  <c:v>1.3813249999999995</c:v>
                </c:pt>
                <c:pt idx="277">
                  <c:v>1.3863300000000001</c:v>
                </c:pt>
                <c:pt idx="278">
                  <c:v>1.3913339999999996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89999999996</c:v>
                </c:pt>
                <c:pt idx="282">
                  <c:v>1.4113539999999993</c:v>
                </c:pt>
                <c:pt idx="283">
                  <c:v>1.4163579999999998</c:v>
                </c:pt>
                <c:pt idx="284">
                  <c:v>1.4213629999999995</c:v>
                </c:pt>
                <c:pt idx="285">
                  <c:v>1.4263679999999992</c:v>
                </c:pt>
                <c:pt idx="286">
                  <c:v>1.4313729999999998</c:v>
                </c:pt>
                <c:pt idx="287">
                  <c:v>1.4363779999999995</c:v>
                </c:pt>
                <c:pt idx="288">
                  <c:v>1.4413819999999999</c:v>
                </c:pt>
                <c:pt idx="289">
                  <c:v>1.4463869999999996</c:v>
                </c:pt>
                <c:pt idx="290">
                  <c:v>1.4513919999999993</c:v>
                </c:pt>
                <c:pt idx="291">
                  <c:v>1.4563969999999999</c:v>
                </c:pt>
                <c:pt idx="292">
                  <c:v>1.4614019999999996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59999999995</c:v>
                </c:pt>
                <c:pt idx="296">
                  <c:v>1.4814209999999992</c:v>
                </c:pt>
                <c:pt idx="297">
                  <c:v>1.4864259999999998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399999999997</c:v>
                </c:pt>
                <c:pt idx="301">
                  <c:v>1.5064449999999994</c:v>
                </c:pt>
                <c:pt idx="302">
                  <c:v>1.51145</c:v>
                </c:pt>
                <c:pt idx="303">
                  <c:v>1.5164539999999995</c:v>
                </c:pt>
                <c:pt idx="304">
                  <c:v>1.5214589999999992</c:v>
                </c:pt>
                <c:pt idx="305">
                  <c:v>1.5264639999999998</c:v>
                </c:pt>
                <c:pt idx="306">
                  <c:v>1.5314689999999995</c:v>
                </c:pt>
                <c:pt idx="307">
                  <c:v>1.5364739999999992</c:v>
                </c:pt>
                <c:pt idx="308">
                  <c:v>1.5414779999999997</c:v>
                </c:pt>
                <c:pt idx="309">
                  <c:v>1.5464829999999994</c:v>
                </c:pt>
                <c:pt idx="310">
                  <c:v>1.551488</c:v>
                </c:pt>
                <c:pt idx="311">
                  <c:v>1.5564929999999997</c:v>
                </c:pt>
                <c:pt idx="312">
                  <c:v>1.5614979999999994</c:v>
                </c:pt>
                <c:pt idx="313">
                  <c:v>1.5665019999999998</c:v>
                </c:pt>
                <c:pt idx="314">
                  <c:v>1.5715069999999995</c:v>
                </c:pt>
                <c:pt idx="315">
                  <c:v>1.5765119999999992</c:v>
                </c:pt>
                <c:pt idx="316">
                  <c:v>1.5815169999999998</c:v>
                </c:pt>
                <c:pt idx="317">
                  <c:v>1.5865219999999995</c:v>
                </c:pt>
                <c:pt idx="318">
                  <c:v>1.591526</c:v>
                </c:pt>
                <c:pt idx="319">
                  <c:v>1.5965309999999997</c:v>
                </c:pt>
                <c:pt idx="320">
                  <c:v>1.6015359999999994</c:v>
                </c:pt>
                <c:pt idx="321">
                  <c:v>1.606541</c:v>
                </c:pt>
                <c:pt idx="322">
                  <c:v>1.6115459999999997</c:v>
                </c:pt>
                <c:pt idx="323">
                  <c:v>1.6165499999999993</c:v>
                </c:pt>
                <c:pt idx="324">
                  <c:v>1.6215549999999999</c:v>
                </c:pt>
                <c:pt idx="325">
                  <c:v>1.6265599999999996</c:v>
                </c:pt>
                <c:pt idx="326">
                  <c:v>1.6315649999999993</c:v>
                </c:pt>
                <c:pt idx="327">
                  <c:v>1.6365699999999999</c:v>
                </c:pt>
                <c:pt idx="328">
                  <c:v>1.6415739999999994</c:v>
                </c:pt>
                <c:pt idx="329">
                  <c:v>1.646579</c:v>
                </c:pt>
                <c:pt idx="330">
                  <c:v>1.6515839999999997</c:v>
                </c:pt>
                <c:pt idx="331">
                  <c:v>1.6565889999999994</c:v>
                </c:pt>
                <c:pt idx="332">
                  <c:v>1.661594</c:v>
                </c:pt>
                <c:pt idx="333">
                  <c:v>1.6665979999999996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29999999996</c:v>
                </c:pt>
                <c:pt idx="337">
                  <c:v>1.6866179999999993</c:v>
                </c:pt>
                <c:pt idx="338">
                  <c:v>1.6916219999999997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69999999997</c:v>
                </c:pt>
                <c:pt idx="342">
                  <c:v>1.7116419999999994</c:v>
                </c:pt>
                <c:pt idx="343">
                  <c:v>1.7166459999999999</c:v>
                </c:pt>
                <c:pt idx="344">
                  <c:v>1.7216509999999996</c:v>
                </c:pt>
                <c:pt idx="345">
                  <c:v>1.7266559999999993</c:v>
                </c:pt>
                <c:pt idx="346">
                  <c:v>1.7316609999999999</c:v>
                </c:pt>
                <c:pt idx="347">
                  <c:v>1.7366659999999996</c:v>
                </c:pt>
                <c:pt idx="348">
                  <c:v>1.7416700000000001</c:v>
                </c:pt>
                <c:pt idx="349">
                  <c:v>1.7466749999999998</c:v>
                </c:pt>
                <c:pt idx="350">
                  <c:v>1.7516799999999995</c:v>
                </c:pt>
                <c:pt idx="351">
                  <c:v>1.7566850000000001</c:v>
                </c:pt>
                <c:pt idx="352">
                  <c:v>1.7616899999999998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39999999996</c:v>
                </c:pt>
                <c:pt idx="356">
                  <c:v>1.7817089999999993</c:v>
                </c:pt>
                <c:pt idx="357">
                  <c:v>1.7867139999999999</c:v>
                </c:pt>
                <c:pt idx="358">
                  <c:v>1.7917179999999995</c:v>
                </c:pt>
                <c:pt idx="359">
                  <c:v>1.7967229999999992</c:v>
                </c:pt>
                <c:pt idx="360">
                  <c:v>1.8017279999999998</c:v>
                </c:pt>
                <c:pt idx="361">
                  <c:v>1.8067329999999995</c:v>
                </c:pt>
                <c:pt idx="362">
                  <c:v>1.8117379999999992</c:v>
                </c:pt>
                <c:pt idx="363">
                  <c:v>1.8167419999999996</c:v>
                </c:pt>
                <c:pt idx="364">
                  <c:v>1.8217469999999993</c:v>
                </c:pt>
                <c:pt idx="365">
                  <c:v>1.8267519999999999</c:v>
                </c:pt>
                <c:pt idx="366">
                  <c:v>1.8317569999999996</c:v>
                </c:pt>
                <c:pt idx="367">
                  <c:v>1.8367619999999993</c:v>
                </c:pt>
                <c:pt idx="368">
                  <c:v>1.8417659999999998</c:v>
                </c:pt>
                <c:pt idx="369">
                  <c:v>1.8467709999999995</c:v>
                </c:pt>
                <c:pt idx="370">
                  <c:v>1.8517759999999992</c:v>
                </c:pt>
                <c:pt idx="371">
                  <c:v>1.8567809999999998</c:v>
                </c:pt>
                <c:pt idx="372">
                  <c:v>1.8617859999999995</c:v>
                </c:pt>
                <c:pt idx="373">
                  <c:v>1.8667899999999999</c:v>
                </c:pt>
                <c:pt idx="374">
                  <c:v>1.8717949999999997</c:v>
                </c:pt>
                <c:pt idx="375">
                  <c:v>1.8767999999999994</c:v>
                </c:pt>
                <c:pt idx="376">
                  <c:v>1.8818049999999999</c:v>
                </c:pt>
                <c:pt idx="377">
                  <c:v>1.8868099999999997</c:v>
                </c:pt>
                <c:pt idx="378">
                  <c:v>1.891813999999999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89999999992</c:v>
                </c:pt>
                <c:pt idx="382">
                  <c:v>1.9118339999999998</c:v>
                </c:pt>
                <c:pt idx="383">
                  <c:v>1.9168379999999994</c:v>
                </c:pt>
                <c:pt idx="384">
                  <c:v>1.921843</c:v>
                </c:pt>
                <c:pt idx="385">
                  <c:v>1.9268479999999988</c:v>
                </c:pt>
                <c:pt idx="386">
                  <c:v>1.9318529999999994</c:v>
                </c:pt>
                <c:pt idx="387">
                  <c:v>1.936858</c:v>
                </c:pt>
                <c:pt idx="388">
                  <c:v>1.9418619999999995</c:v>
                </c:pt>
                <c:pt idx="389">
                  <c:v>1.9468670000000001</c:v>
                </c:pt>
                <c:pt idx="390">
                  <c:v>1.9518719999999989</c:v>
                </c:pt>
                <c:pt idx="391">
                  <c:v>1.9568769999999995</c:v>
                </c:pt>
                <c:pt idx="392">
                  <c:v>1.9618820000000001</c:v>
                </c:pt>
                <c:pt idx="393">
                  <c:v>1.9668859999999997</c:v>
                </c:pt>
                <c:pt idx="394">
                  <c:v>1.9718910000000003</c:v>
                </c:pt>
                <c:pt idx="395">
                  <c:v>1.9768959999999991</c:v>
                </c:pt>
                <c:pt idx="396">
                  <c:v>1.9819009999999997</c:v>
                </c:pt>
                <c:pt idx="397">
                  <c:v>1.9869060000000003</c:v>
                </c:pt>
                <c:pt idx="398">
                  <c:v>1.9919099999999998</c:v>
                </c:pt>
                <c:pt idx="399">
                  <c:v>1.9969150000000004</c:v>
                </c:pt>
              </c:numCache>
            </c:numRef>
          </c:xVal>
          <c:yVal>
            <c:numRef>
              <c:f>'S2.multi37.5-3s-(8)'!$E$2:$E$403</c:f>
              <c:numCache>
                <c:formatCode>General</c:formatCode>
                <c:ptCount val="402"/>
                <c:pt idx="0">
                  <c:v>0</c:v>
                </c:pt>
                <c:pt idx="1">
                  <c:v>2.3957289999998466</c:v>
                </c:pt>
                <c:pt idx="2">
                  <c:v>4.7998600000000806</c:v>
                </c:pt>
                <c:pt idx="3">
                  <c:v>6.5961769999998978</c:v>
                </c:pt>
                <c:pt idx="4">
                  <c:v>8.6175849999999627</c:v>
                </c:pt>
                <c:pt idx="5">
                  <c:v>11.377232999999705</c:v>
                </c:pt>
                <c:pt idx="6">
                  <c:v>14.606311999999889</c:v>
                </c:pt>
                <c:pt idx="7">
                  <c:v>17.97321299999976</c:v>
                </c:pt>
                <c:pt idx="8">
                  <c:v>20.809238999999707</c:v>
                </c:pt>
                <c:pt idx="9">
                  <c:v>23.417270999999801</c:v>
                </c:pt>
                <c:pt idx="10">
                  <c:v>25.837038000000121</c:v>
                </c:pt>
                <c:pt idx="11">
                  <c:v>27.594101000000137</c:v>
                </c:pt>
                <c:pt idx="12">
                  <c:v>29.333424999999806</c:v>
                </c:pt>
                <c:pt idx="13">
                  <c:v>30.828218000000106</c:v>
                </c:pt>
                <c:pt idx="14">
                  <c:v>32.349748000000091</c:v>
                </c:pt>
                <c:pt idx="15">
                  <c:v>33.363675000000057</c:v>
                </c:pt>
                <c:pt idx="16">
                  <c:v>34.207965999999942</c:v>
                </c:pt>
                <c:pt idx="17">
                  <c:v>34.515710000000126</c:v>
                </c:pt>
                <c:pt idx="18">
                  <c:v>34.355051999999887</c:v>
                </c:pt>
                <c:pt idx="19">
                  <c:v>33.880443999999898</c:v>
                </c:pt>
                <c:pt idx="20">
                  <c:v>33.701649999999972</c:v>
                </c:pt>
                <c:pt idx="21">
                  <c:v>33.757141000000047</c:v>
                </c:pt>
                <c:pt idx="22">
                  <c:v>33.927953999999772</c:v>
                </c:pt>
                <c:pt idx="23">
                  <c:v>34.644652999999835</c:v>
                </c:pt>
                <c:pt idx="24">
                  <c:v>35.759501</c:v>
                </c:pt>
                <c:pt idx="25">
                  <c:v>37.307485999999699</c:v>
                </c:pt>
                <c:pt idx="26">
                  <c:v>39.328735999999935</c:v>
                </c:pt>
                <c:pt idx="27">
                  <c:v>40.987338999999793</c:v>
                </c:pt>
                <c:pt idx="28">
                  <c:v>42.550248999999894</c:v>
                </c:pt>
                <c:pt idx="29">
                  <c:v>44.358562999999776</c:v>
                </c:pt>
                <c:pt idx="30">
                  <c:v>46.974941999999828</c:v>
                </c:pt>
                <c:pt idx="31">
                  <c:v>50.12799700000005</c:v>
                </c:pt>
                <c:pt idx="32">
                  <c:v>53.224361000000044</c:v>
                </c:pt>
                <c:pt idx="33">
                  <c:v>56.204885999999988</c:v>
                </c:pt>
                <c:pt idx="34">
                  <c:v>58.580159999999978</c:v>
                </c:pt>
                <c:pt idx="35">
                  <c:v>60.501383999999689</c:v>
                </c:pt>
                <c:pt idx="36">
                  <c:v>61.720546999999897</c:v>
                </c:pt>
                <c:pt idx="37">
                  <c:v>62.163780999999744</c:v>
                </c:pt>
                <c:pt idx="38">
                  <c:v>61.970718000000033</c:v>
                </c:pt>
                <c:pt idx="39">
                  <c:v>61.014550999999756</c:v>
                </c:pt>
                <c:pt idx="40">
                  <c:v>60.145395999999892</c:v>
                </c:pt>
                <c:pt idx="41">
                  <c:v>58.738252999999986</c:v>
                </c:pt>
                <c:pt idx="42">
                  <c:v>57.303227999999763</c:v>
                </c:pt>
                <c:pt idx="43">
                  <c:v>55.43891799999983</c:v>
                </c:pt>
                <c:pt idx="44">
                  <c:v>53.563623000000007</c:v>
                </c:pt>
                <c:pt idx="45">
                  <c:v>52.31376599999976</c:v>
                </c:pt>
                <c:pt idx="46">
                  <c:v>51.693862999999965</c:v>
                </c:pt>
                <c:pt idx="47">
                  <c:v>51.994722999999794</c:v>
                </c:pt>
                <c:pt idx="48">
                  <c:v>52.821310999999696</c:v>
                </c:pt>
                <c:pt idx="49">
                  <c:v>54.500439999999799</c:v>
                </c:pt>
                <c:pt idx="50">
                  <c:v>56.817500999999993</c:v>
                </c:pt>
                <c:pt idx="51">
                  <c:v>59.359014000000116</c:v>
                </c:pt>
                <c:pt idx="52">
                  <c:v>62.715298000000075</c:v>
                </c:pt>
                <c:pt idx="53">
                  <c:v>66.279126999999789</c:v>
                </c:pt>
                <c:pt idx="54">
                  <c:v>69.549058000000059</c:v>
                </c:pt>
                <c:pt idx="55">
                  <c:v>72.293411000000106</c:v>
                </c:pt>
                <c:pt idx="56">
                  <c:v>75.202300999999807</c:v>
                </c:pt>
                <c:pt idx="57">
                  <c:v>78.227684999999838</c:v>
                </c:pt>
                <c:pt idx="58">
                  <c:v>81.231974999999693</c:v>
                </c:pt>
                <c:pt idx="59">
                  <c:v>83.383092999999917</c:v>
                </c:pt>
                <c:pt idx="60">
                  <c:v>84.768808999999692</c:v>
                </c:pt>
                <c:pt idx="61">
                  <c:v>85.354679999999917</c:v>
                </c:pt>
                <c:pt idx="62">
                  <c:v>85.625931999999921</c:v>
                </c:pt>
                <c:pt idx="63">
                  <c:v>84.997281999999814</c:v>
                </c:pt>
                <c:pt idx="64">
                  <c:v>83.667773000000125</c:v>
                </c:pt>
                <c:pt idx="65">
                  <c:v>82.42176100000006</c:v>
                </c:pt>
                <c:pt idx="66">
                  <c:v>81.742455999999947</c:v>
                </c:pt>
                <c:pt idx="67">
                  <c:v>81.13595099999975</c:v>
                </c:pt>
                <c:pt idx="68">
                  <c:v>80.540091999999731</c:v>
                </c:pt>
                <c:pt idx="69">
                  <c:v>80.356567999999697</c:v>
                </c:pt>
                <c:pt idx="70">
                  <c:v>80.612135999999737</c:v>
                </c:pt>
                <c:pt idx="71">
                  <c:v>81.353988999999729</c:v>
                </c:pt>
                <c:pt idx="72">
                  <c:v>82.433392999999796</c:v>
                </c:pt>
                <c:pt idx="73">
                  <c:v>84.108945999999833</c:v>
                </c:pt>
                <c:pt idx="74">
                  <c:v>86.08376700000008</c:v>
                </c:pt>
                <c:pt idx="75">
                  <c:v>87.692725999999766</c:v>
                </c:pt>
                <c:pt idx="76">
                  <c:v>89.418298999999934</c:v>
                </c:pt>
                <c:pt idx="77">
                  <c:v>90.954346999999871</c:v>
                </c:pt>
                <c:pt idx="78">
                  <c:v>92.218495999999959</c:v>
                </c:pt>
                <c:pt idx="79">
                  <c:v>93.614011000000119</c:v>
                </c:pt>
                <c:pt idx="80">
                  <c:v>95.438873000000058</c:v>
                </c:pt>
                <c:pt idx="81">
                  <c:v>97.555018999999902</c:v>
                </c:pt>
                <c:pt idx="82">
                  <c:v>99.439648999999918</c:v>
                </c:pt>
                <c:pt idx="83">
                  <c:v>101.09236899999996</c:v>
                </c:pt>
                <c:pt idx="84">
                  <c:v>103.38340900000003</c:v>
                </c:pt>
                <c:pt idx="85">
                  <c:v>104.96518500000002</c:v>
                </c:pt>
                <c:pt idx="86">
                  <c:v>105.504547</c:v>
                </c:pt>
                <c:pt idx="87">
                  <c:v>105.59785800000009</c:v>
                </c:pt>
                <c:pt idx="88">
                  <c:v>105.73441700000012</c:v>
                </c:pt>
                <c:pt idx="89">
                  <c:v>105.27748799999972</c:v>
                </c:pt>
                <c:pt idx="90">
                  <c:v>104.16261200000008</c:v>
                </c:pt>
                <c:pt idx="91">
                  <c:v>103.22100999999975</c:v>
                </c:pt>
                <c:pt idx="92">
                  <c:v>102.50154299999986</c:v>
                </c:pt>
                <c:pt idx="93">
                  <c:v>102.01981799999976</c:v>
                </c:pt>
                <c:pt idx="94">
                  <c:v>101.04351999999972</c:v>
                </c:pt>
                <c:pt idx="95">
                  <c:v>99.597913000000062</c:v>
                </c:pt>
                <c:pt idx="96">
                  <c:v>98.91545300000007</c:v>
                </c:pt>
                <c:pt idx="97">
                  <c:v>99.306454000000031</c:v>
                </c:pt>
                <c:pt idx="98">
                  <c:v>100.84973899999977</c:v>
                </c:pt>
                <c:pt idx="99">
                  <c:v>101.94990099999995</c:v>
                </c:pt>
                <c:pt idx="100">
                  <c:v>102.96080299999994</c:v>
                </c:pt>
                <c:pt idx="101">
                  <c:v>104.43467999999984</c:v>
                </c:pt>
                <c:pt idx="102">
                  <c:v>105.82275299999992</c:v>
                </c:pt>
                <c:pt idx="103">
                  <c:v>107.69761299999982</c:v>
                </c:pt>
                <c:pt idx="104">
                  <c:v>110.08865999999989</c:v>
                </c:pt>
                <c:pt idx="105">
                  <c:v>111.86887999999999</c:v>
                </c:pt>
                <c:pt idx="106">
                  <c:v>113.28459699999985</c:v>
                </c:pt>
                <c:pt idx="107">
                  <c:v>114.50957999999991</c:v>
                </c:pt>
                <c:pt idx="108">
                  <c:v>115.86184800000001</c:v>
                </c:pt>
                <c:pt idx="109">
                  <c:v>117.10299299999997</c:v>
                </c:pt>
                <c:pt idx="110">
                  <c:v>117.82821100000001</c:v>
                </c:pt>
                <c:pt idx="111">
                  <c:v>117.48792599999979</c:v>
                </c:pt>
                <c:pt idx="112">
                  <c:v>117.26818599999979</c:v>
                </c:pt>
                <c:pt idx="113">
                  <c:v>116.69586200000003</c:v>
                </c:pt>
                <c:pt idx="114">
                  <c:v>116.17956400000003</c:v>
                </c:pt>
                <c:pt idx="115">
                  <c:v>115.42856099999972</c:v>
                </c:pt>
                <c:pt idx="116">
                  <c:v>115.1272799999997</c:v>
                </c:pt>
                <c:pt idx="117">
                  <c:v>115.56086000000005</c:v>
                </c:pt>
                <c:pt idx="118">
                  <c:v>116.69534699999986</c:v>
                </c:pt>
                <c:pt idx="119">
                  <c:v>118.16217000000006</c:v>
                </c:pt>
                <c:pt idx="120">
                  <c:v>119.06192899999996</c:v>
                </c:pt>
                <c:pt idx="121">
                  <c:v>119.35085600000002</c:v>
                </c:pt>
                <c:pt idx="122">
                  <c:v>120.65552900000012</c:v>
                </c:pt>
                <c:pt idx="123">
                  <c:v>121.84316899999976</c:v>
                </c:pt>
                <c:pt idx="124">
                  <c:v>124.00542599999972</c:v>
                </c:pt>
                <c:pt idx="125">
                  <c:v>125.65575099999978</c:v>
                </c:pt>
                <c:pt idx="126">
                  <c:v>126.56460100000004</c:v>
                </c:pt>
                <c:pt idx="127">
                  <c:v>127.01771299999973</c:v>
                </c:pt>
                <c:pt idx="128">
                  <c:v>127.0601529999999</c:v>
                </c:pt>
                <c:pt idx="129">
                  <c:v>126.64030199999979</c:v>
                </c:pt>
                <c:pt idx="130">
                  <c:v>125.98896800000011</c:v>
                </c:pt>
                <c:pt idx="131">
                  <c:v>125.78331099999969</c:v>
                </c:pt>
                <c:pt idx="132">
                  <c:v>125.58398299999999</c:v>
                </c:pt>
                <c:pt idx="133">
                  <c:v>125.00428999999986</c:v>
                </c:pt>
                <c:pt idx="134">
                  <c:v>124.26150299999972</c:v>
                </c:pt>
                <c:pt idx="135">
                  <c:v>123.76769800000011</c:v>
                </c:pt>
                <c:pt idx="136">
                  <c:v>124.00866399999995</c:v>
                </c:pt>
                <c:pt idx="137">
                  <c:v>125.1814089999998</c:v>
                </c:pt>
                <c:pt idx="138">
                  <c:v>126.65688599999976</c:v>
                </c:pt>
                <c:pt idx="139">
                  <c:v>127.95162699999992</c:v>
                </c:pt>
                <c:pt idx="140">
                  <c:v>129.50590499999998</c:v>
                </c:pt>
                <c:pt idx="141">
                  <c:v>130.92501099999981</c:v>
                </c:pt>
                <c:pt idx="142">
                  <c:v>132.05558100000007</c:v>
                </c:pt>
                <c:pt idx="143">
                  <c:v>133.58941000000004</c:v>
                </c:pt>
                <c:pt idx="144">
                  <c:v>135.44685600000003</c:v>
                </c:pt>
                <c:pt idx="145">
                  <c:v>136.88291799999979</c:v>
                </c:pt>
                <c:pt idx="146">
                  <c:v>137.60828600000013</c:v>
                </c:pt>
                <c:pt idx="147">
                  <c:v>138.17481999999973</c:v>
                </c:pt>
                <c:pt idx="148">
                  <c:v>139.40501899999981</c:v>
                </c:pt>
                <c:pt idx="149">
                  <c:v>140.25045999999975</c:v>
                </c:pt>
                <c:pt idx="150">
                  <c:v>140.63547299999982</c:v>
                </c:pt>
                <c:pt idx="151">
                  <c:v>140.93235800000002</c:v>
                </c:pt>
                <c:pt idx="152">
                  <c:v>141.8459399999997</c:v>
                </c:pt>
                <c:pt idx="153">
                  <c:v>143.06548299999986</c:v>
                </c:pt>
                <c:pt idx="154">
                  <c:v>143.96399999999994</c:v>
                </c:pt>
                <c:pt idx="155">
                  <c:v>144.25890799999979</c:v>
                </c:pt>
                <c:pt idx="156">
                  <c:v>144.34235499999977</c:v>
                </c:pt>
                <c:pt idx="157">
                  <c:v>144.17487899999969</c:v>
                </c:pt>
                <c:pt idx="158">
                  <c:v>143.47383799999989</c:v>
                </c:pt>
                <c:pt idx="159">
                  <c:v>142.44163099999969</c:v>
                </c:pt>
                <c:pt idx="160">
                  <c:v>142.1588899999997</c:v>
                </c:pt>
                <c:pt idx="161">
                  <c:v>142.15926600000012</c:v>
                </c:pt>
                <c:pt idx="162">
                  <c:v>142.11587800000007</c:v>
                </c:pt>
                <c:pt idx="163">
                  <c:v>141.92679300000009</c:v>
                </c:pt>
                <c:pt idx="164">
                  <c:v>141.64984400000003</c:v>
                </c:pt>
                <c:pt idx="165">
                  <c:v>141.83581499999991</c:v>
                </c:pt>
                <c:pt idx="166">
                  <c:v>142.214516</c:v>
                </c:pt>
                <c:pt idx="167">
                  <c:v>143.12304300000005</c:v>
                </c:pt>
                <c:pt idx="168">
                  <c:v>144.3578480000001</c:v>
                </c:pt>
                <c:pt idx="169">
                  <c:v>145.03947699999981</c:v>
                </c:pt>
                <c:pt idx="170">
                  <c:v>145.56036999999969</c:v>
                </c:pt>
                <c:pt idx="171">
                  <c:v>146.20305199999984</c:v>
                </c:pt>
                <c:pt idx="172">
                  <c:v>146.92599999999993</c:v>
                </c:pt>
                <c:pt idx="173">
                  <c:v>148.45743899999979</c:v>
                </c:pt>
                <c:pt idx="174">
                  <c:v>149.71397999999999</c:v>
                </c:pt>
                <c:pt idx="175">
                  <c:v>150.56408299999975</c:v>
                </c:pt>
                <c:pt idx="176">
                  <c:v>150.81559500000003</c:v>
                </c:pt>
                <c:pt idx="177">
                  <c:v>151.29129699999976</c:v>
                </c:pt>
                <c:pt idx="178">
                  <c:v>151.50506599999972</c:v>
                </c:pt>
                <c:pt idx="179">
                  <c:v>151.24618099999998</c:v>
                </c:pt>
                <c:pt idx="180">
                  <c:v>150.73192999999992</c:v>
                </c:pt>
                <c:pt idx="181">
                  <c:v>150.3152399999999</c:v>
                </c:pt>
                <c:pt idx="182">
                  <c:v>150.63339700000006</c:v>
                </c:pt>
                <c:pt idx="183">
                  <c:v>150.97830299999987</c:v>
                </c:pt>
                <c:pt idx="184">
                  <c:v>150.92189899999994</c:v>
                </c:pt>
                <c:pt idx="185">
                  <c:v>151.04711799999995</c:v>
                </c:pt>
                <c:pt idx="186">
                  <c:v>151.57471299999997</c:v>
                </c:pt>
                <c:pt idx="187">
                  <c:v>151.89482700000008</c:v>
                </c:pt>
                <c:pt idx="188">
                  <c:v>152.25713799999994</c:v>
                </c:pt>
                <c:pt idx="189">
                  <c:v>153.20926599999984</c:v>
                </c:pt>
                <c:pt idx="190">
                  <c:v>154.10621600000013</c:v>
                </c:pt>
                <c:pt idx="191">
                  <c:v>154.77605399999993</c:v>
                </c:pt>
                <c:pt idx="192">
                  <c:v>155.54274499999974</c:v>
                </c:pt>
                <c:pt idx="193">
                  <c:v>156.78196799999978</c:v>
                </c:pt>
                <c:pt idx="194">
                  <c:v>157.53280700000005</c:v>
                </c:pt>
                <c:pt idx="195">
                  <c:v>158.06558399999994</c:v>
                </c:pt>
                <c:pt idx="196">
                  <c:v>159.03307799999993</c:v>
                </c:pt>
                <c:pt idx="197">
                  <c:v>159.38226799999984</c:v>
                </c:pt>
                <c:pt idx="198">
                  <c:v>159.51810799999976</c:v>
                </c:pt>
                <c:pt idx="199">
                  <c:v>159.41722699999991</c:v>
                </c:pt>
                <c:pt idx="200">
                  <c:v>159.09343899999976</c:v>
                </c:pt>
                <c:pt idx="201">
                  <c:v>158.63781399999971</c:v>
                </c:pt>
                <c:pt idx="202">
                  <c:v>158.51246399999991</c:v>
                </c:pt>
                <c:pt idx="203">
                  <c:v>157.91107899999997</c:v>
                </c:pt>
                <c:pt idx="204">
                  <c:v>157.28179899999986</c:v>
                </c:pt>
                <c:pt idx="205">
                  <c:v>156.9789539999997</c:v>
                </c:pt>
                <c:pt idx="206">
                  <c:v>157.30765799999972</c:v>
                </c:pt>
                <c:pt idx="207">
                  <c:v>157.98816499999975</c:v>
                </c:pt>
                <c:pt idx="208">
                  <c:v>158.53783900000008</c:v>
                </c:pt>
                <c:pt idx="209">
                  <c:v>159.0937899999999</c:v>
                </c:pt>
                <c:pt idx="210">
                  <c:v>159.28907900000013</c:v>
                </c:pt>
                <c:pt idx="211">
                  <c:v>160.11484100000007</c:v>
                </c:pt>
                <c:pt idx="212">
                  <c:v>161.86835799999972</c:v>
                </c:pt>
                <c:pt idx="213">
                  <c:v>163.49355100000002</c:v>
                </c:pt>
                <c:pt idx="214">
                  <c:v>164.33136800000011</c:v>
                </c:pt>
                <c:pt idx="215">
                  <c:v>165.28240699999969</c:v>
                </c:pt>
                <c:pt idx="216">
                  <c:v>166.90556199999992</c:v>
                </c:pt>
                <c:pt idx="217">
                  <c:v>168.24911799999973</c:v>
                </c:pt>
                <c:pt idx="218">
                  <c:v>168.94016099999999</c:v>
                </c:pt>
                <c:pt idx="219">
                  <c:v>168.95896399999992</c:v>
                </c:pt>
                <c:pt idx="220">
                  <c:v>169.52957199999992</c:v>
                </c:pt>
                <c:pt idx="221">
                  <c:v>170.35014599999977</c:v>
                </c:pt>
                <c:pt idx="222">
                  <c:v>169.75147399999969</c:v>
                </c:pt>
                <c:pt idx="223">
                  <c:v>168.3852939999997</c:v>
                </c:pt>
                <c:pt idx="224">
                  <c:v>167.9206879999997</c:v>
                </c:pt>
                <c:pt idx="225">
                  <c:v>167.74457499999971</c:v>
                </c:pt>
                <c:pt idx="226">
                  <c:v>167.60117700000001</c:v>
                </c:pt>
                <c:pt idx="227">
                  <c:v>167.57671699999992</c:v>
                </c:pt>
                <c:pt idx="228">
                  <c:v>167.6877300000001</c:v>
                </c:pt>
                <c:pt idx="229">
                  <c:v>167.93225799999982</c:v>
                </c:pt>
                <c:pt idx="230">
                  <c:v>168.9564419999997</c:v>
                </c:pt>
                <c:pt idx="231">
                  <c:v>170.62620699999979</c:v>
                </c:pt>
                <c:pt idx="232">
                  <c:v>172.56158899999991</c:v>
                </c:pt>
                <c:pt idx="233">
                  <c:v>173.85943700000007</c:v>
                </c:pt>
                <c:pt idx="234">
                  <c:v>174.78562199999988</c:v>
                </c:pt>
                <c:pt idx="235">
                  <c:v>175.99921399999994</c:v>
                </c:pt>
                <c:pt idx="236">
                  <c:v>176.8028919999997</c:v>
                </c:pt>
                <c:pt idx="237">
                  <c:v>177.10362399999985</c:v>
                </c:pt>
                <c:pt idx="238">
                  <c:v>176.81454200000007</c:v>
                </c:pt>
                <c:pt idx="239">
                  <c:v>176.60104599999977</c:v>
                </c:pt>
                <c:pt idx="240">
                  <c:v>176.6734449999999</c:v>
                </c:pt>
                <c:pt idx="241">
                  <c:v>176.81279199999972</c:v>
                </c:pt>
                <c:pt idx="242">
                  <c:v>176.98682899999994</c:v>
                </c:pt>
                <c:pt idx="243">
                  <c:v>177.46369499999992</c:v>
                </c:pt>
                <c:pt idx="244">
                  <c:v>178.3575350000001</c:v>
                </c:pt>
                <c:pt idx="245">
                  <c:v>178.96432099999993</c:v>
                </c:pt>
                <c:pt idx="246">
                  <c:v>178.7996049999997</c:v>
                </c:pt>
                <c:pt idx="247">
                  <c:v>178.25920099999985</c:v>
                </c:pt>
                <c:pt idx="248">
                  <c:v>177.28696899999977</c:v>
                </c:pt>
                <c:pt idx="249">
                  <c:v>176.8221410000001</c:v>
                </c:pt>
                <c:pt idx="250">
                  <c:v>175.93648600000006</c:v>
                </c:pt>
                <c:pt idx="251">
                  <c:v>175.2693449999997</c:v>
                </c:pt>
                <c:pt idx="252">
                  <c:v>175.05826500000012</c:v>
                </c:pt>
                <c:pt idx="253">
                  <c:v>174.743923</c:v>
                </c:pt>
                <c:pt idx="254">
                  <c:v>174.48713899999984</c:v>
                </c:pt>
                <c:pt idx="255">
                  <c:v>174.30317699999978</c:v>
                </c:pt>
                <c:pt idx="256">
                  <c:v>174.98645299999998</c:v>
                </c:pt>
                <c:pt idx="257">
                  <c:v>176.84278199999972</c:v>
                </c:pt>
                <c:pt idx="258">
                  <c:v>178.88301300000012</c:v>
                </c:pt>
                <c:pt idx="259">
                  <c:v>180.86448699999983</c:v>
                </c:pt>
                <c:pt idx="260">
                  <c:v>182.92521099999976</c:v>
                </c:pt>
                <c:pt idx="261">
                  <c:v>184.92951399999993</c:v>
                </c:pt>
                <c:pt idx="262">
                  <c:v>186.82397600000013</c:v>
                </c:pt>
                <c:pt idx="263">
                  <c:v>188.40856899999972</c:v>
                </c:pt>
                <c:pt idx="264">
                  <c:v>189.96951399999989</c:v>
                </c:pt>
                <c:pt idx="265">
                  <c:v>191.43832100000009</c:v>
                </c:pt>
                <c:pt idx="266">
                  <c:v>192.72237799999994</c:v>
                </c:pt>
                <c:pt idx="267">
                  <c:v>193.07712899999979</c:v>
                </c:pt>
                <c:pt idx="268">
                  <c:v>193.77721699999984</c:v>
                </c:pt>
                <c:pt idx="269">
                  <c:v>194.74791400000004</c:v>
                </c:pt>
                <c:pt idx="270">
                  <c:v>194.50639099999989</c:v>
                </c:pt>
                <c:pt idx="271">
                  <c:v>193.59341799999993</c:v>
                </c:pt>
                <c:pt idx="272">
                  <c:v>191.85475300000007</c:v>
                </c:pt>
                <c:pt idx="273">
                  <c:v>190.265445</c:v>
                </c:pt>
                <c:pt idx="274">
                  <c:v>189.0654199999999</c:v>
                </c:pt>
                <c:pt idx="275">
                  <c:v>188.07151699999986</c:v>
                </c:pt>
                <c:pt idx="276">
                  <c:v>186.90575799999988</c:v>
                </c:pt>
                <c:pt idx="277">
                  <c:v>186.80425500000001</c:v>
                </c:pt>
                <c:pt idx="278">
                  <c:v>187.90608199999997</c:v>
                </c:pt>
                <c:pt idx="279">
                  <c:v>188.76124499999969</c:v>
                </c:pt>
                <c:pt idx="280">
                  <c:v>189.43386199999986</c:v>
                </c:pt>
                <c:pt idx="281">
                  <c:v>190.1740850000001</c:v>
                </c:pt>
                <c:pt idx="282">
                  <c:v>190.59263099999998</c:v>
                </c:pt>
                <c:pt idx="283">
                  <c:v>190.46378999999979</c:v>
                </c:pt>
                <c:pt idx="284">
                  <c:v>190.14042100000006</c:v>
                </c:pt>
                <c:pt idx="285">
                  <c:v>189.858385</c:v>
                </c:pt>
                <c:pt idx="286">
                  <c:v>189.32674999999972</c:v>
                </c:pt>
                <c:pt idx="287">
                  <c:v>188.82774999999992</c:v>
                </c:pt>
                <c:pt idx="288">
                  <c:v>188.93012999999974</c:v>
                </c:pt>
                <c:pt idx="289">
                  <c:v>189.26870299999973</c:v>
                </c:pt>
                <c:pt idx="290">
                  <c:v>189.76092500000004</c:v>
                </c:pt>
                <c:pt idx="291">
                  <c:v>190.09289600000011</c:v>
                </c:pt>
                <c:pt idx="292">
                  <c:v>191.44118200000003</c:v>
                </c:pt>
                <c:pt idx="293">
                  <c:v>193.54325100000005</c:v>
                </c:pt>
                <c:pt idx="294">
                  <c:v>195.303856</c:v>
                </c:pt>
                <c:pt idx="295">
                  <c:v>196.82026799999994</c:v>
                </c:pt>
                <c:pt idx="296">
                  <c:v>197.78690899999992</c:v>
                </c:pt>
                <c:pt idx="297">
                  <c:v>198.38820200000009</c:v>
                </c:pt>
                <c:pt idx="298">
                  <c:v>198.56453999999985</c:v>
                </c:pt>
                <c:pt idx="299">
                  <c:v>199.38246200000003</c:v>
                </c:pt>
                <c:pt idx="300">
                  <c:v>200.57477999999992</c:v>
                </c:pt>
                <c:pt idx="301">
                  <c:v>201.50178699999969</c:v>
                </c:pt>
                <c:pt idx="302">
                  <c:v>202.07184000000007</c:v>
                </c:pt>
                <c:pt idx="303">
                  <c:v>202.68339800000012</c:v>
                </c:pt>
                <c:pt idx="304">
                  <c:v>203.67766799999981</c:v>
                </c:pt>
                <c:pt idx="305">
                  <c:v>204.53963900000008</c:v>
                </c:pt>
                <c:pt idx="306">
                  <c:v>204.82462799999985</c:v>
                </c:pt>
                <c:pt idx="307">
                  <c:v>204.59813399999985</c:v>
                </c:pt>
                <c:pt idx="308">
                  <c:v>204.06054899999981</c:v>
                </c:pt>
                <c:pt idx="309">
                  <c:v>203.32486299999982</c:v>
                </c:pt>
                <c:pt idx="310">
                  <c:v>202.75465600000007</c:v>
                </c:pt>
                <c:pt idx="311">
                  <c:v>202.19104399999969</c:v>
                </c:pt>
                <c:pt idx="312">
                  <c:v>201.30449199999975</c:v>
                </c:pt>
                <c:pt idx="313">
                  <c:v>199.84781199999998</c:v>
                </c:pt>
                <c:pt idx="314">
                  <c:v>199.03421900000012</c:v>
                </c:pt>
                <c:pt idx="315">
                  <c:v>198.54348900000014</c:v>
                </c:pt>
                <c:pt idx="316">
                  <c:v>198.58489000000009</c:v>
                </c:pt>
                <c:pt idx="317">
                  <c:v>198.63555700000006</c:v>
                </c:pt>
                <c:pt idx="318">
                  <c:v>199.30741399999988</c:v>
                </c:pt>
                <c:pt idx="319">
                  <c:v>200.31664799999999</c:v>
                </c:pt>
                <c:pt idx="320">
                  <c:v>201.82520399999976</c:v>
                </c:pt>
                <c:pt idx="321">
                  <c:v>203.15462900000011</c:v>
                </c:pt>
                <c:pt idx="322">
                  <c:v>204.51037999999971</c:v>
                </c:pt>
                <c:pt idx="323">
                  <c:v>206.3608519999998</c:v>
                </c:pt>
                <c:pt idx="324">
                  <c:v>207.59444099999973</c:v>
                </c:pt>
                <c:pt idx="325">
                  <c:v>208.78176299999996</c:v>
                </c:pt>
                <c:pt idx="326">
                  <c:v>210.10836299999983</c:v>
                </c:pt>
                <c:pt idx="327">
                  <c:v>211.61576100000002</c:v>
                </c:pt>
                <c:pt idx="328">
                  <c:v>213.01130400000011</c:v>
                </c:pt>
                <c:pt idx="329">
                  <c:v>214.37378499999977</c:v>
                </c:pt>
                <c:pt idx="330">
                  <c:v>214.78245900000002</c:v>
                </c:pt>
                <c:pt idx="331">
                  <c:v>215.14901099999997</c:v>
                </c:pt>
                <c:pt idx="332">
                  <c:v>215.21630000000005</c:v>
                </c:pt>
                <c:pt idx="333">
                  <c:v>215.00669900000003</c:v>
                </c:pt>
                <c:pt idx="334">
                  <c:v>214.42967099999987</c:v>
                </c:pt>
                <c:pt idx="335">
                  <c:v>213.33491499999991</c:v>
                </c:pt>
                <c:pt idx="336">
                  <c:v>212.45707300000004</c:v>
                </c:pt>
                <c:pt idx="337">
                  <c:v>211.63084299999991</c:v>
                </c:pt>
                <c:pt idx="338">
                  <c:v>210.37176999999974</c:v>
                </c:pt>
                <c:pt idx="339">
                  <c:v>208.53781299999991</c:v>
                </c:pt>
                <c:pt idx="340">
                  <c:v>207.41789199999994</c:v>
                </c:pt>
                <c:pt idx="341">
                  <c:v>207.01067899999998</c:v>
                </c:pt>
                <c:pt idx="342">
                  <c:v>206.95668399999977</c:v>
                </c:pt>
                <c:pt idx="343">
                  <c:v>207.23388699999987</c:v>
                </c:pt>
                <c:pt idx="344">
                  <c:v>207.54257400000006</c:v>
                </c:pt>
                <c:pt idx="345">
                  <c:v>208.21951200000012</c:v>
                </c:pt>
                <c:pt idx="346">
                  <c:v>209.21963099999994</c:v>
                </c:pt>
                <c:pt idx="347">
                  <c:v>209.72714799999994</c:v>
                </c:pt>
                <c:pt idx="348">
                  <c:v>210.25483600000007</c:v>
                </c:pt>
                <c:pt idx="349">
                  <c:v>211.23216300000013</c:v>
                </c:pt>
                <c:pt idx="350">
                  <c:v>212.21071200000006</c:v>
                </c:pt>
                <c:pt idx="351">
                  <c:v>212.31215999999995</c:v>
                </c:pt>
                <c:pt idx="352">
                  <c:v>212.15737399999989</c:v>
                </c:pt>
                <c:pt idx="353">
                  <c:v>212.04590499999995</c:v>
                </c:pt>
                <c:pt idx="354">
                  <c:v>212.17148999999972</c:v>
                </c:pt>
                <c:pt idx="355">
                  <c:v>212.62863399999969</c:v>
                </c:pt>
                <c:pt idx="356">
                  <c:v>212.94714500000009</c:v>
                </c:pt>
                <c:pt idx="357">
                  <c:v>213.30662600000005</c:v>
                </c:pt>
                <c:pt idx="358">
                  <c:v>213.57908099999986</c:v>
                </c:pt>
                <c:pt idx="359">
                  <c:v>213.54787899999974</c:v>
                </c:pt>
                <c:pt idx="360">
                  <c:v>212.83498000000009</c:v>
                </c:pt>
                <c:pt idx="361">
                  <c:v>212.58458999999993</c:v>
                </c:pt>
                <c:pt idx="362">
                  <c:v>212.56753600000002</c:v>
                </c:pt>
                <c:pt idx="363">
                  <c:v>212.2682749999999</c:v>
                </c:pt>
                <c:pt idx="364">
                  <c:v>212.42806999999993</c:v>
                </c:pt>
                <c:pt idx="365">
                  <c:v>212.24250299999994</c:v>
                </c:pt>
                <c:pt idx="366">
                  <c:v>211.42448899999999</c:v>
                </c:pt>
                <c:pt idx="367">
                  <c:v>211.00510200000008</c:v>
                </c:pt>
                <c:pt idx="368">
                  <c:v>210.92080799999985</c:v>
                </c:pt>
                <c:pt idx="369">
                  <c:v>210.71831900000006</c:v>
                </c:pt>
                <c:pt idx="370">
                  <c:v>210.64620599999989</c:v>
                </c:pt>
                <c:pt idx="371">
                  <c:v>210.83916799999997</c:v>
                </c:pt>
                <c:pt idx="372">
                  <c:v>210.77129699999978</c:v>
                </c:pt>
                <c:pt idx="373">
                  <c:v>211.0402939999999</c:v>
                </c:pt>
                <c:pt idx="374">
                  <c:v>211.52183800000012</c:v>
                </c:pt>
                <c:pt idx="375">
                  <c:v>211.87659899999971</c:v>
                </c:pt>
                <c:pt idx="376">
                  <c:v>212.53420299999971</c:v>
                </c:pt>
                <c:pt idx="377">
                  <c:v>212.92071899999974</c:v>
                </c:pt>
                <c:pt idx="378">
                  <c:v>212.05197199999975</c:v>
                </c:pt>
                <c:pt idx="379">
                  <c:v>210.96543599999995</c:v>
                </c:pt>
                <c:pt idx="380">
                  <c:v>210.98554599999989</c:v>
                </c:pt>
                <c:pt idx="381">
                  <c:v>211.40494200000012</c:v>
                </c:pt>
                <c:pt idx="382">
                  <c:v>212.31016799999998</c:v>
                </c:pt>
                <c:pt idx="383">
                  <c:v>212.56014000000005</c:v>
                </c:pt>
                <c:pt idx="384">
                  <c:v>212.41041700000005</c:v>
                </c:pt>
                <c:pt idx="385">
                  <c:v>212.59592799999973</c:v>
                </c:pt>
                <c:pt idx="386">
                  <c:v>213.28938699999981</c:v>
                </c:pt>
                <c:pt idx="387">
                  <c:v>215.08821099999977</c:v>
                </c:pt>
                <c:pt idx="388">
                  <c:v>217.58918399999993</c:v>
                </c:pt>
                <c:pt idx="389">
                  <c:v>220.30902199999991</c:v>
                </c:pt>
                <c:pt idx="390">
                  <c:v>222.07037200000013</c:v>
                </c:pt>
                <c:pt idx="391">
                  <c:v>223.05399200000011</c:v>
                </c:pt>
                <c:pt idx="392">
                  <c:v>223.95815599999969</c:v>
                </c:pt>
                <c:pt idx="393">
                  <c:v>224.90038499999991</c:v>
                </c:pt>
                <c:pt idx="394">
                  <c:v>225.87137899999971</c:v>
                </c:pt>
                <c:pt idx="395">
                  <c:v>226.51640599999973</c:v>
                </c:pt>
                <c:pt idx="396">
                  <c:v>226.38513699999976</c:v>
                </c:pt>
                <c:pt idx="397">
                  <c:v>225.91218099999969</c:v>
                </c:pt>
                <c:pt idx="398">
                  <c:v>224.89015299999983</c:v>
                </c:pt>
                <c:pt idx="399">
                  <c:v>223.6642360000000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971-454F-AFB7-366EF6E52A1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93876408"/>
        <c:axId val="693872800"/>
      </c:scatterChart>
      <c:valAx>
        <c:axId val="69387640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93872800"/>
        <c:crosses val="autoZero"/>
        <c:crossBetween val="midCat"/>
      </c:valAx>
      <c:valAx>
        <c:axId val="69387280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9387640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Multi-20-3s(16)'!$D$2:$D$408</c:f>
              <c:numCache>
                <c:formatCode>General</c:formatCode>
                <c:ptCount val="407"/>
                <c:pt idx="0">
                  <c:v>0</c:v>
                </c:pt>
                <c:pt idx="1">
                  <c:v>5.0050000000005923E-3</c:v>
                </c:pt>
                <c:pt idx="2">
                  <c:v>1.0010000000000296E-2</c:v>
                </c:pt>
                <c:pt idx="3">
                  <c:v>1.5015000000000001E-2</c:v>
                </c:pt>
                <c:pt idx="4">
                  <c:v>2.0020000000000593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4000000000454E-2</c:v>
                </c:pt>
                <c:pt idx="8">
                  <c:v>4.0039000000000158E-2</c:v>
                </c:pt>
                <c:pt idx="9">
                  <c:v>4.5043999999999862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8000000000611E-2</c:v>
                </c:pt>
                <c:pt idx="13">
                  <c:v>6.5063000000000315E-2</c:v>
                </c:pt>
                <c:pt idx="14">
                  <c:v>7.0068000000000019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199999999988E-2</c:v>
                </c:pt>
                <c:pt idx="18">
                  <c:v>9.0087000000000472E-2</c:v>
                </c:pt>
                <c:pt idx="19">
                  <c:v>9.5092000000000176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600000000033</c:v>
                </c:pt>
                <c:pt idx="25">
                  <c:v>0.1251199999999999</c:v>
                </c:pt>
                <c:pt idx="26">
                  <c:v>0.13012500000000049</c:v>
                </c:pt>
                <c:pt idx="27">
                  <c:v>0.13513000000000019</c:v>
                </c:pt>
                <c:pt idx="28">
                  <c:v>0.1401349999999999</c:v>
                </c:pt>
                <c:pt idx="29">
                  <c:v>0.14514000000000049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400000000035</c:v>
                </c:pt>
                <c:pt idx="33">
                  <c:v>0.16515900000000006</c:v>
                </c:pt>
                <c:pt idx="34">
                  <c:v>0.17016400000000065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800000000051</c:v>
                </c:pt>
                <c:pt idx="38">
                  <c:v>0.19018300000000021</c:v>
                </c:pt>
                <c:pt idx="39">
                  <c:v>0.19518799999999992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199999999978</c:v>
                </c:pt>
                <c:pt idx="43">
                  <c:v>0.21520700000000037</c:v>
                </c:pt>
                <c:pt idx="44">
                  <c:v>0.22021200000000007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599999999994</c:v>
                </c:pt>
                <c:pt idx="48">
                  <c:v>0.24023100000000053</c:v>
                </c:pt>
                <c:pt idx="49">
                  <c:v>0.24523600000000023</c:v>
                </c:pt>
                <c:pt idx="50">
                  <c:v>0.2502399999999998</c:v>
                </c:pt>
                <c:pt idx="51">
                  <c:v>0.25524500000000039</c:v>
                </c:pt>
                <c:pt idx="52">
                  <c:v>0.26025000000000009</c:v>
                </c:pt>
                <c:pt idx="53">
                  <c:v>0.2652549999999998</c:v>
                </c:pt>
                <c:pt idx="54">
                  <c:v>0.27026000000000039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400000000025</c:v>
                </c:pt>
                <c:pt idx="58">
                  <c:v>0.29027899999999995</c:v>
                </c:pt>
                <c:pt idx="59">
                  <c:v>0.29528400000000055</c:v>
                </c:pt>
                <c:pt idx="60">
                  <c:v>0.30028800000000011</c:v>
                </c:pt>
                <c:pt idx="61">
                  <c:v>0.30529299999999981</c:v>
                </c:pt>
                <c:pt idx="62">
                  <c:v>0.31029800000000041</c:v>
                </c:pt>
                <c:pt idx="63">
                  <c:v>0.31530300000000011</c:v>
                </c:pt>
                <c:pt idx="64">
                  <c:v>0.32030799999999982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200000000056</c:v>
                </c:pt>
                <c:pt idx="68">
                  <c:v>0.34032700000000027</c:v>
                </c:pt>
                <c:pt idx="69">
                  <c:v>0.34533199999999997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599999999983</c:v>
                </c:pt>
                <c:pt idx="73">
                  <c:v>0.36535100000000043</c:v>
                </c:pt>
                <c:pt idx="74">
                  <c:v>0.37035600000000013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8000000000029</c:v>
                </c:pt>
                <c:pt idx="80">
                  <c:v>0.40038399999999985</c:v>
                </c:pt>
                <c:pt idx="81">
                  <c:v>0.40538900000000044</c:v>
                </c:pt>
                <c:pt idx="82">
                  <c:v>0.41039400000000015</c:v>
                </c:pt>
                <c:pt idx="83">
                  <c:v>0.41539899999999985</c:v>
                </c:pt>
                <c:pt idx="84">
                  <c:v>0.42040400000000044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80000000003</c:v>
                </c:pt>
                <c:pt idx="88">
                  <c:v>0.44042300000000001</c:v>
                </c:pt>
                <c:pt idx="89">
                  <c:v>0.4454280000000006</c:v>
                </c:pt>
                <c:pt idx="90">
                  <c:v>0.45043200000000017</c:v>
                </c:pt>
                <c:pt idx="91">
                  <c:v>0.45543699999999987</c:v>
                </c:pt>
                <c:pt idx="92">
                  <c:v>0.46044200000000046</c:v>
                </c:pt>
                <c:pt idx="93">
                  <c:v>0.46544700000000017</c:v>
                </c:pt>
                <c:pt idx="94">
                  <c:v>0.47045199999999987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032</c:v>
                </c:pt>
                <c:pt idx="99">
                  <c:v>0.49547600000000003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8999999999989</c:v>
                </c:pt>
                <c:pt idx="103">
                  <c:v>0.51549500000000048</c:v>
                </c:pt>
                <c:pt idx="104">
                  <c:v>0.52050000000000018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400000000005</c:v>
                </c:pt>
                <c:pt idx="108">
                  <c:v>0.54051900000000064</c:v>
                </c:pt>
                <c:pt idx="109">
                  <c:v>0.54552400000000034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80000000002</c:v>
                </c:pt>
                <c:pt idx="113">
                  <c:v>0.56554299999999991</c:v>
                </c:pt>
                <c:pt idx="114">
                  <c:v>0.5705480000000005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036</c:v>
                </c:pt>
                <c:pt idx="118">
                  <c:v>0.59056700000000006</c:v>
                </c:pt>
                <c:pt idx="119">
                  <c:v>0.59557200000000066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600000000052</c:v>
                </c:pt>
                <c:pt idx="123">
                  <c:v>0.61559100000000022</c:v>
                </c:pt>
                <c:pt idx="124">
                  <c:v>0.62059599999999993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0999999999979</c:v>
                </c:pt>
                <c:pt idx="128">
                  <c:v>0.64061500000000038</c:v>
                </c:pt>
                <c:pt idx="129">
                  <c:v>0.64562000000000008</c:v>
                </c:pt>
                <c:pt idx="130">
                  <c:v>0.65062400000000054</c:v>
                </c:pt>
                <c:pt idx="131">
                  <c:v>0.65562900000000024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400000000024</c:v>
                </c:pt>
                <c:pt idx="135">
                  <c:v>0.6756479999999998</c:v>
                </c:pt>
                <c:pt idx="136">
                  <c:v>0.6806530000000004</c:v>
                </c:pt>
                <c:pt idx="137">
                  <c:v>0.6856580000000001</c:v>
                </c:pt>
                <c:pt idx="138">
                  <c:v>0.6906629999999998</c:v>
                </c:pt>
                <c:pt idx="139">
                  <c:v>0.6956680000000004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200000000026</c:v>
                </c:pt>
                <c:pt idx="143">
                  <c:v>0.71568699999999996</c:v>
                </c:pt>
                <c:pt idx="144">
                  <c:v>0.72069200000000055</c:v>
                </c:pt>
                <c:pt idx="145">
                  <c:v>0.72569600000000012</c:v>
                </c:pt>
                <c:pt idx="146">
                  <c:v>0.73070099999999982</c:v>
                </c:pt>
                <c:pt idx="147">
                  <c:v>0.73570600000000042</c:v>
                </c:pt>
                <c:pt idx="148">
                  <c:v>0.74071100000000012</c:v>
                </c:pt>
                <c:pt idx="149">
                  <c:v>0.74571599999999982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500000000028</c:v>
                </c:pt>
                <c:pt idx="154">
                  <c:v>0.77073999999999998</c:v>
                </c:pt>
                <c:pt idx="155">
                  <c:v>0.77574400000000043</c:v>
                </c:pt>
                <c:pt idx="156">
                  <c:v>0.78074900000000014</c:v>
                </c:pt>
                <c:pt idx="157">
                  <c:v>0.78575399999999984</c:v>
                </c:pt>
                <c:pt idx="158">
                  <c:v>0.79075900000000043</c:v>
                </c:pt>
                <c:pt idx="159">
                  <c:v>0.79576400000000014</c:v>
                </c:pt>
                <c:pt idx="160">
                  <c:v>0.80076800000000059</c:v>
                </c:pt>
                <c:pt idx="161">
                  <c:v>0.80577300000000029</c:v>
                </c:pt>
                <c:pt idx="162">
                  <c:v>0.810778</c:v>
                </c:pt>
                <c:pt idx="163">
                  <c:v>0.81578300000000059</c:v>
                </c:pt>
                <c:pt idx="164">
                  <c:v>0.8207880000000003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200000000016</c:v>
                </c:pt>
                <c:pt idx="168">
                  <c:v>0.84080699999999986</c:v>
                </c:pt>
                <c:pt idx="169">
                  <c:v>0.84581200000000045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600000000031</c:v>
                </c:pt>
                <c:pt idx="173">
                  <c:v>0.86583100000000002</c:v>
                </c:pt>
                <c:pt idx="174">
                  <c:v>0.87083600000000061</c:v>
                </c:pt>
                <c:pt idx="175">
                  <c:v>0.87584000000000017</c:v>
                </c:pt>
                <c:pt idx="176">
                  <c:v>0.88084499999999988</c:v>
                </c:pt>
                <c:pt idx="177">
                  <c:v>0.88585000000000047</c:v>
                </c:pt>
                <c:pt idx="178">
                  <c:v>0.89085500000000017</c:v>
                </c:pt>
                <c:pt idx="179">
                  <c:v>0.89585999999999988</c:v>
                </c:pt>
                <c:pt idx="180">
                  <c:v>0.90086400000000033</c:v>
                </c:pt>
                <c:pt idx="181">
                  <c:v>0.90586900000000004</c:v>
                </c:pt>
                <c:pt idx="182">
                  <c:v>0.91087400000000063</c:v>
                </c:pt>
                <c:pt idx="183">
                  <c:v>0.91587900000000033</c:v>
                </c:pt>
                <c:pt idx="184">
                  <c:v>0.92088400000000004</c:v>
                </c:pt>
                <c:pt idx="185">
                  <c:v>0.92588800000000049</c:v>
                </c:pt>
                <c:pt idx="186">
                  <c:v>0.93089300000000019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800000000019</c:v>
                </c:pt>
                <c:pt idx="190">
                  <c:v>0.95091200000000065</c:v>
                </c:pt>
                <c:pt idx="191">
                  <c:v>0.95591700000000035</c:v>
                </c:pt>
                <c:pt idx="192">
                  <c:v>0.96092200000000005</c:v>
                </c:pt>
                <c:pt idx="193">
                  <c:v>0.96592700000000065</c:v>
                </c:pt>
                <c:pt idx="194">
                  <c:v>0.97093200000000035</c:v>
                </c:pt>
                <c:pt idx="195">
                  <c:v>0.97593599999999991</c:v>
                </c:pt>
                <c:pt idx="196">
                  <c:v>0.98094100000000051</c:v>
                </c:pt>
                <c:pt idx="197">
                  <c:v>0.98594600000000021</c:v>
                </c:pt>
                <c:pt idx="198">
                  <c:v>0.99095099999999992</c:v>
                </c:pt>
                <c:pt idx="199">
                  <c:v>0.99595600000000051</c:v>
                </c:pt>
                <c:pt idx="200">
                  <c:v>1.0009600000000001</c:v>
                </c:pt>
                <c:pt idx="201">
                  <c:v>1.0059649999999998</c:v>
                </c:pt>
                <c:pt idx="202">
                  <c:v>1.0109700000000004</c:v>
                </c:pt>
                <c:pt idx="203">
                  <c:v>1.0159750000000001</c:v>
                </c:pt>
                <c:pt idx="204">
                  <c:v>1.0209799999999998</c:v>
                </c:pt>
                <c:pt idx="205">
                  <c:v>1.0259840000000002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90000000002</c:v>
                </c:pt>
                <c:pt idx="209">
                  <c:v>1.0460039999999999</c:v>
                </c:pt>
                <c:pt idx="210">
                  <c:v>1.0510080000000004</c:v>
                </c:pt>
                <c:pt idx="211">
                  <c:v>1.0560130000000001</c:v>
                </c:pt>
                <c:pt idx="212">
                  <c:v>1.0610179999999998</c:v>
                </c:pt>
                <c:pt idx="213">
                  <c:v>1.0660230000000004</c:v>
                </c:pt>
                <c:pt idx="214">
                  <c:v>1.0710280000000001</c:v>
                </c:pt>
                <c:pt idx="215">
                  <c:v>1.0760320000000005</c:v>
                </c:pt>
                <c:pt idx="216">
                  <c:v>1.0810370000000002</c:v>
                </c:pt>
                <c:pt idx="217">
                  <c:v>1.086042</c:v>
                </c:pt>
                <c:pt idx="218">
                  <c:v>1.0910470000000005</c:v>
                </c:pt>
                <c:pt idx="219">
                  <c:v>1.0960520000000002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60000000001</c:v>
                </c:pt>
                <c:pt idx="223">
                  <c:v>1.1160709999999998</c:v>
                </c:pt>
                <c:pt idx="224">
                  <c:v>1.1210760000000004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900000000003</c:v>
                </c:pt>
                <c:pt idx="228">
                  <c:v>1.141095</c:v>
                </c:pt>
                <c:pt idx="229">
                  <c:v>1.1461000000000006</c:v>
                </c:pt>
                <c:pt idx="230">
                  <c:v>1.1511040000000001</c:v>
                </c:pt>
                <c:pt idx="231">
                  <c:v>1.1561089999999998</c:v>
                </c:pt>
                <c:pt idx="232">
                  <c:v>1.1611140000000004</c:v>
                </c:pt>
                <c:pt idx="233">
                  <c:v>1.1661190000000001</c:v>
                </c:pt>
                <c:pt idx="234">
                  <c:v>1.1711239999999998</c:v>
                </c:pt>
                <c:pt idx="235">
                  <c:v>1.1761280000000003</c:v>
                </c:pt>
                <c:pt idx="236">
                  <c:v>1.181133</c:v>
                </c:pt>
                <c:pt idx="237">
                  <c:v>1.1861380000000006</c:v>
                </c:pt>
                <c:pt idx="238">
                  <c:v>1.1911430000000003</c:v>
                </c:pt>
                <c:pt idx="239">
                  <c:v>1.196148</c:v>
                </c:pt>
                <c:pt idx="240">
                  <c:v>1.2011520000000004</c:v>
                </c:pt>
                <c:pt idx="241">
                  <c:v>1.2061570000000001</c:v>
                </c:pt>
                <c:pt idx="242">
                  <c:v>1.2111619999999998</c:v>
                </c:pt>
                <c:pt idx="243">
                  <c:v>1.2161670000000004</c:v>
                </c:pt>
                <c:pt idx="244">
                  <c:v>1.2211720000000001</c:v>
                </c:pt>
                <c:pt idx="245">
                  <c:v>1.2261760000000006</c:v>
                </c:pt>
                <c:pt idx="246">
                  <c:v>1.2311810000000003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60000000003</c:v>
                </c:pt>
                <c:pt idx="250">
                  <c:v>1.2511999999999999</c:v>
                </c:pt>
                <c:pt idx="251">
                  <c:v>1.2562050000000005</c:v>
                </c:pt>
                <c:pt idx="252">
                  <c:v>1.2612100000000002</c:v>
                </c:pt>
                <c:pt idx="253">
                  <c:v>1.2662149999999999</c:v>
                </c:pt>
                <c:pt idx="254">
                  <c:v>1.2712200000000005</c:v>
                </c:pt>
                <c:pt idx="255">
                  <c:v>1.276224</c:v>
                </c:pt>
                <c:pt idx="256">
                  <c:v>1.2812290000000006</c:v>
                </c:pt>
                <c:pt idx="257">
                  <c:v>1.2862340000000003</c:v>
                </c:pt>
                <c:pt idx="258">
                  <c:v>1.291239</c:v>
                </c:pt>
                <c:pt idx="259">
                  <c:v>1.2962440000000006</c:v>
                </c:pt>
                <c:pt idx="260">
                  <c:v>1.3012480000000002</c:v>
                </c:pt>
                <c:pt idx="261">
                  <c:v>1.3062529999999999</c:v>
                </c:pt>
                <c:pt idx="262">
                  <c:v>1.3112580000000005</c:v>
                </c:pt>
                <c:pt idx="263">
                  <c:v>1.3162630000000002</c:v>
                </c:pt>
                <c:pt idx="264">
                  <c:v>1.3212679999999999</c:v>
                </c:pt>
                <c:pt idx="265">
                  <c:v>1.3262720000000003</c:v>
                </c:pt>
                <c:pt idx="266">
                  <c:v>1.331277</c:v>
                </c:pt>
                <c:pt idx="267">
                  <c:v>1.3362820000000006</c:v>
                </c:pt>
                <c:pt idx="268">
                  <c:v>1.3412870000000003</c:v>
                </c:pt>
                <c:pt idx="269">
                  <c:v>1.346292</c:v>
                </c:pt>
                <c:pt idx="270">
                  <c:v>1.3512960000000005</c:v>
                </c:pt>
                <c:pt idx="271">
                  <c:v>1.3563010000000002</c:v>
                </c:pt>
                <c:pt idx="272">
                  <c:v>1.3613059999999999</c:v>
                </c:pt>
                <c:pt idx="273">
                  <c:v>1.3663110000000005</c:v>
                </c:pt>
                <c:pt idx="274">
                  <c:v>1.3713160000000002</c:v>
                </c:pt>
                <c:pt idx="275">
                  <c:v>1.3763200000000007</c:v>
                </c:pt>
                <c:pt idx="276">
                  <c:v>1.3813250000000004</c:v>
                </c:pt>
                <c:pt idx="277">
                  <c:v>1.3863300000000001</c:v>
                </c:pt>
                <c:pt idx="278">
                  <c:v>1.3913350000000007</c:v>
                </c:pt>
                <c:pt idx="279">
                  <c:v>1.3963400000000004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40000000002</c:v>
                </c:pt>
                <c:pt idx="283">
                  <c:v>1.4163589999999999</c:v>
                </c:pt>
                <c:pt idx="284">
                  <c:v>1.4213640000000005</c:v>
                </c:pt>
                <c:pt idx="285">
                  <c:v>1.4263680000000001</c:v>
                </c:pt>
                <c:pt idx="286">
                  <c:v>1.4313729999999998</c:v>
                </c:pt>
                <c:pt idx="287">
                  <c:v>1.4363780000000004</c:v>
                </c:pt>
                <c:pt idx="288">
                  <c:v>1.4413830000000001</c:v>
                </c:pt>
                <c:pt idx="289">
                  <c:v>1.4463879999999998</c:v>
                </c:pt>
                <c:pt idx="290">
                  <c:v>1.4513920000000002</c:v>
                </c:pt>
                <c:pt idx="291">
                  <c:v>1.4563969999999999</c:v>
                </c:pt>
                <c:pt idx="292">
                  <c:v>1.4614020000000005</c:v>
                </c:pt>
                <c:pt idx="293">
                  <c:v>1.4664070000000002</c:v>
                </c:pt>
                <c:pt idx="294">
                  <c:v>1.4714119999999999</c:v>
                </c:pt>
                <c:pt idx="295">
                  <c:v>1.4764160000000004</c:v>
                </c:pt>
                <c:pt idx="296">
                  <c:v>1.4814210000000001</c:v>
                </c:pt>
                <c:pt idx="297">
                  <c:v>1.4864259999999998</c:v>
                </c:pt>
                <c:pt idx="298">
                  <c:v>1.4914310000000004</c:v>
                </c:pt>
                <c:pt idx="299">
                  <c:v>1.4964360000000001</c:v>
                </c:pt>
                <c:pt idx="300">
                  <c:v>1.5014400000000006</c:v>
                </c:pt>
                <c:pt idx="301">
                  <c:v>1.5064450000000003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600000000003</c:v>
                </c:pt>
                <c:pt idx="305">
                  <c:v>1.5264639999999998</c:v>
                </c:pt>
                <c:pt idx="306">
                  <c:v>1.5314690000000004</c:v>
                </c:pt>
                <c:pt idx="307">
                  <c:v>1.5364740000000001</c:v>
                </c:pt>
                <c:pt idx="308">
                  <c:v>1.5414789999999998</c:v>
                </c:pt>
                <c:pt idx="309">
                  <c:v>1.5464840000000004</c:v>
                </c:pt>
                <c:pt idx="310">
                  <c:v>1.551488</c:v>
                </c:pt>
                <c:pt idx="311">
                  <c:v>1.5564930000000006</c:v>
                </c:pt>
                <c:pt idx="312">
                  <c:v>1.5614980000000003</c:v>
                </c:pt>
                <c:pt idx="313">
                  <c:v>1.566503</c:v>
                </c:pt>
                <c:pt idx="314">
                  <c:v>1.5715080000000006</c:v>
                </c:pt>
                <c:pt idx="315">
                  <c:v>1.5765120000000001</c:v>
                </c:pt>
                <c:pt idx="316">
                  <c:v>1.5815169999999998</c:v>
                </c:pt>
                <c:pt idx="317">
                  <c:v>1.5865220000000004</c:v>
                </c:pt>
                <c:pt idx="318">
                  <c:v>1.5915270000000001</c:v>
                </c:pt>
                <c:pt idx="319">
                  <c:v>1.5965319999999998</c:v>
                </c:pt>
                <c:pt idx="320">
                  <c:v>1.6015360000000003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10000000003</c:v>
                </c:pt>
                <c:pt idx="324">
                  <c:v>1.621556</c:v>
                </c:pt>
                <c:pt idx="325">
                  <c:v>1.6265600000000004</c:v>
                </c:pt>
                <c:pt idx="326">
                  <c:v>1.6315650000000002</c:v>
                </c:pt>
                <c:pt idx="327">
                  <c:v>1.6365699999999999</c:v>
                </c:pt>
                <c:pt idx="328">
                  <c:v>1.6415750000000005</c:v>
                </c:pt>
                <c:pt idx="329">
                  <c:v>1.6465800000000002</c:v>
                </c:pt>
                <c:pt idx="330">
                  <c:v>1.6515840000000006</c:v>
                </c:pt>
                <c:pt idx="331">
                  <c:v>1.6565890000000003</c:v>
                </c:pt>
                <c:pt idx="332">
                  <c:v>1.661594</c:v>
                </c:pt>
                <c:pt idx="333">
                  <c:v>1.6665990000000006</c:v>
                </c:pt>
                <c:pt idx="334">
                  <c:v>1.6716040000000003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80000000002</c:v>
                </c:pt>
                <c:pt idx="338">
                  <c:v>1.6916229999999999</c:v>
                </c:pt>
                <c:pt idx="339">
                  <c:v>1.6966280000000005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20000000003</c:v>
                </c:pt>
                <c:pt idx="343">
                  <c:v>1.716647</c:v>
                </c:pt>
                <c:pt idx="344">
                  <c:v>1.7216520000000006</c:v>
                </c:pt>
                <c:pt idx="345">
                  <c:v>1.7266560000000002</c:v>
                </c:pt>
                <c:pt idx="346">
                  <c:v>1.7316609999999999</c:v>
                </c:pt>
                <c:pt idx="347">
                  <c:v>1.7366660000000005</c:v>
                </c:pt>
                <c:pt idx="348">
                  <c:v>1.7416710000000002</c:v>
                </c:pt>
                <c:pt idx="349">
                  <c:v>1.7466759999999999</c:v>
                </c:pt>
                <c:pt idx="350">
                  <c:v>1.7516800000000003</c:v>
                </c:pt>
                <c:pt idx="351">
                  <c:v>1.7566850000000001</c:v>
                </c:pt>
                <c:pt idx="352">
                  <c:v>1.7616900000000006</c:v>
                </c:pt>
                <c:pt idx="353">
                  <c:v>1.7666950000000003</c:v>
                </c:pt>
                <c:pt idx="354">
                  <c:v>1.7717000000000001</c:v>
                </c:pt>
                <c:pt idx="355">
                  <c:v>1.7767040000000005</c:v>
                </c:pt>
                <c:pt idx="356">
                  <c:v>1.7817090000000002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40000000002</c:v>
                </c:pt>
                <c:pt idx="360">
                  <c:v>1.8017279999999998</c:v>
                </c:pt>
                <c:pt idx="361">
                  <c:v>1.8067330000000004</c:v>
                </c:pt>
                <c:pt idx="362">
                  <c:v>1.8117380000000001</c:v>
                </c:pt>
                <c:pt idx="363">
                  <c:v>1.8167429999999998</c:v>
                </c:pt>
                <c:pt idx="364">
                  <c:v>1.8217480000000004</c:v>
                </c:pt>
                <c:pt idx="365">
                  <c:v>1.8267519999999999</c:v>
                </c:pt>
                <c:pt idx="366">
                  <c:v>1.8317570000000005</c:v>
                </c:pt>
                <c:pt idx="367">
                  <c:v>1.8367620000000002</c:v>
                </c:pt>
                <c:pt idx="368">
                  <c:v>1.8417669999999999</c:v>
                </c:pt>
                <c:pt idx="369">
                  <c:v>1.8467720000000005</c:v>
                </c:pt>
                <c:pt idx="370">
                  <c:v>1.8517760000000001</c:v>
                </c:pt>
                <c:pt idx="371">
                  <c:v>1.8567809999999998</c:v>
                </c:pt>
                <c:pt idx="372">
                  <c:v>1.8617860000000004</c:v>
                </c:pt>
                <c:pt idx="373">
                  <c:v>1.8667910000000001</c:v>
                </c:pt>
                <c:pt idx="374">
                  <c:v>1.8717960000000007</c:v>
                </c:pt>
                <c:pt idx="375">
                  <c:v>1.8768000000000002</c:v>
                </c:pt>
                <c:pt idx="376">
                  <c:v>1.8818050000000008</c:v>
                </c:pt>
                <c:pt idx="377">
                  <c:v>1.8868099999999997</c:v>
                </c:pt>
                <c:pt idx="378">
                  <c:v>1.8918150000000002</c:v>
                </c:pt>
                <c:pt idx="379">
                  <c:v>1.8968200000000008</c:v>
                </c:pt>
                <c:pt idx="380">
                  <c:v>1.9018240000000004</c:v>
                </c:pt>
                <c:pt idx="381">
                  <c:v>1.906829000000001</c:v>
                </c:pt>
                <c:pt idx="382">
                  <c:v>1.9118339999999998</c:v>
                </c:pt>
                <c:pt idx="383">
                  <c:v>1.9168390000000004</c:v>
                </c:pt>
                <c:pt idx="384">
                  <c:v>1.921844000000001</c:v>
                </c:pt>
                <c:pt idx="385">
                  <c:v>1.9268480000000006</c:v>
                </c:pt>
                <c:pt idx="386">
                  <c:v>1.9318529999999994</c:v>
                </c:pt>
                <c:pt idx="387">
                  <c:v>1.936858</c:v>
                </c:pt>
                <c:pt idx="388">
                  <c:v>1.9418630000000006</c:v>
                </c:pt>
                <c:pt idx="389">
                  <c:v>1.9468679999999994</c:v>
                </c:pt>
                <c:pt idx="390">
                  <c:v>1.9518720000000007</c:v>
                </c:pt>
                <c:pt idx="391">
                  <c:v>1.9568769999999995</c:v>
                </c:pt>
                <c:pt idx="392">
                  <c:v>1.9618820000000001</c:v>
                </c:pt>
                <c:pt idx="393">
                  <c:v>1.9668870000000007</c:v>
                </c:pt>
                <c:pt idx="394">
                  <c:v>1.9718919999999995</c:v>
                </c:pt>
                <c:pt idx="395">
                  <c:v>1.9768960000000009</c:v>
                </c:pt>
                <c:pt idx="396">
                  <c:v>1.9819009999999997</c:v>
                </c:pt>
                <c:pt idx="397">
                  <c:v>1.9869060000000003</c:v>
                </c:pt>
                <c:pt idx="398">
                  <c:v>1.9919110000000009</c:v>
                </c:pt>
                <c:pt idx="399">
                  <c:v>1.9969159999999997</c:v>
                </c:pt>
                <c:pt idx="400">
                  <c:v>2.001920000000001</c:v>
                </c:pt>
                <c:pt idx="401">
                  <c:v>2.0069249999999998</c:v>
                </c:pt>
                <c:pt idx="402">
                  <c:v>2.0119300000000004</c:v>
                </c:pt>
                <c:pt idx="403">
                  <c:v>2.016935000000001</c:v>
                </c:pt>
                <c:pt idx="404">
                  <c:v>2.0219399999999998</c:v>
                </c:pt>
                <c:pt idx="405">
                  <c:v>2.0269439999999994</c:v>
                </c:pt>
                <c:pt idx="406">
                  <c:v>2.031949</c:v>
                </c:pt>
              </c:numCache>
            </c:numRef>
          </c:xVal>
          <c:yVal>
            <c:numRef>
              <c:f>'Multi-20-3s(16)'!$F$2:$F$408</c:f>
              <c:numCache>
                <c:formatCode>General</c:formatCode>
                <c:ptCount val="407"/>
                <c:pt idx="1">
                  <c:v>0.15386932599628428</c:v>
                </c:pt>
                <c:pt idx="2">
                  <c:v>0.14538172207130934</c:v>
                </c:pt>
                <c:pt idx="3">
                  <c:v>0.11835484158893142</c:v>
                </c:pt>
                <c:pt idx="4">
                  <c:v>0.1022615328828879</c:v>
                </c:pt>
                <c:pt idx="5">
                  <c:v>9.9393864569766358E-2</c:v>
                </c:pt>
                <c:pt idx="6">
                  <c:v>9.279456974164263E-2</c:v>
                </c:pt>
                <c:pt idx="7">
                  <c:v>9.400112778810335E-2</c:v>
                </c:pt>
                <c:pt idx="8">
                  <c:v>9.8867404993193297E-2</c:v>
                </c:pt>
                <c:pt idx="9">
                  <c:v>0.10289669365194686</c:v>
                </c:pt>
                <c:pt idx="10">
                  <c:v>9.8850504713483153E-2</c:v>
                </c:pt>
                <c:pt idx="11">
                  <c:v>9.7245771183593413E-2</c:v>
                </c:pt>
                <c:pt idx="12">
                  <c:v>9.3434766101620173E-2</c:v>
                </c:pt>
                <c:pt idx="13">
                  <c:v>9.3332671125339647E-2</c:v>
                </c:pt>
                <c:pt idx="14">
                  <c:v>9.5590258788772767E-2</c:v>
                </c:pt>
                <c:pt idx="15">
                  <c:v>9.2365151909072046E-2</c:v>
                </c:pt>
                <c:pt idx="16">
                  <c:v>8.6897007175101043E-2</c:v>
                </c:pt>
                <c:pt idx="17">
                  <c:v>8.2428688743882886E-2</c:v>
                </c:pt>
                <c:pt idx="18">
                  <c:v>8.0673007965576707E-2</c:v>
                </c:pt>
                <c:pt idx="19">
                  <c:v>8.260956014575048E-2</c:v>
                </c:pt>
                <c:pt idx="20">
                  <c:v>8.2991309333841953E-2</c:v>
                </c:pt>
                <c:pt idx="21">
                  <c:v>8.4794132017519341E-2</c:v>
                </c:pt>
                <c:pt idx="22">
                  <c:v>8.7293758360611595E-2</c:v>
                </c:pt>
                <c:pt idx="23">
                  <c:v>8.8847602012333618E-2</c:v>
                </c:pt>
                <c:pt idx="24">
                  <c:v>8.8984428217938463E-2</c:v>
                </c:pt>
                <c:pt idx="25">
                  <c:v>8.8973645697579415E-2</c:v>
                </c:pt>
                <c:pt idx="26">
                  <c:v>8.9422316535620161E-2</c:v>
                </c:pt>
                <c:pt idx="27">
                  <c:v>9.1430082421140521E-2</c:v>
                </c:pt>
                <c:pt idx="28">
                  <c:v>9.2909744987248202E-2</c:v>
                </c:pt>
                <c:pt idx="29">
                  <c:v>9.2780344478441606E-2</c:v>
                </c:pt>
                <c:pt idx="30">
                  <c:v>9.2894290958337206E-2</c:v>
                </c:pt>
                <c:pt idx="31">
                  <c:v>9.4392589923162185E-2</c:v>
                </c:pt>
                <c:pt idx="32">
                  <c:v>9.3519009829509669E-2</c:v>
                </c:pt>
                <c:pt idx="33">
                  <c:v>9.1428576056440017E-2</c:v>
                </c:pt>
                <c:pt idx="34">
                  <c:v>8.9774423949182725E-2</c:v>
                </c:pt>
                <c:pt idx="35">
                  <c:v>8.8679102266093143E-2</c:v>
                </c:pt>
                <c:pt idx="36">
                  <c:v>8.3744574482349468E-2</c:v>
                </c:pt>
                <c:pt idx="37">
                  <c:v>7.8966377188465275E-2</c:v>
                </c:pt>
                <c:pt idx="38">
                  <c:v>7.6934361265780224E-2</c:v>
                </c:pt>
                <c:pt idx="39">
                  <c:v>7.5302964026925337E-2</c:v>
                </c:pt>
                <c:pt idx="40">
                  <c:v>7.3522853440430469E-2</c:v>
                </c:pt>
                <c:pt idx="41">
                  <c:v>7.0448804067515428E-2</c:v>
                </c:pt>
                <c:pt idx="42">
                  <c:v>6.6913983115814188E-2</c:v>
                </c:pt>
                <c:pt idx="43">
                  <c:v>6.4199035524046474E-2</c:v>
                </c:pt>
                <c:pt idx="44">
                  <c:v>6.0931799055564562E-2</c:v>
                </c:pt>
                <c:pt idx="45">
                  <c:v>5.9462937187238114E-2</c:v>
                </c:pt>
                <c:pt idx="46">
                  <c:v>5.8563406279729578E-2</c:v>
                </c:pt>
                <c:pt idx="47">
                  <c:v>5.8739303048315525E-2</c:v>
                </c:pt>
                <c:pt idx="48">
                  <c:v>5.9099991373892907E-2</c:v>
                </c:pt>
                <c:pt idx="49">
                  <c:v>5.8640899901079277E-2</c:v>
                </c:pt>
                <c:pt idx="50">
                  <c:v>6.0450833710066307E-2</c:v>
                </c:pt>
                <c:pt idx="51">
                  <c:v>6.2814737194585496E-2</c:v>
                </c:pt>
                <c:pt idx="52">
                  <c:v>6.4553733918164727E-2</c:v>
                </c:pt>
                <c:pt idx="53">
                  <c:v>6.6004347965699345E-2</c:v>
                </c:pt>
                <c:pt idx="54">
                  <c:v>6.8454847133303173E-2</c:v>
                </c:pt>
                <c:pt idx="55">
                  <c:v>7.1187548517876745E-2</c:v>
                </c:pt>
                <c:pt idx="56">
                  <c:v>7.2276794962536514E-2</c:v>
                </c:pt>
                <c:pt idx="57">
                  <c:v>7.2751129495725486E-2</c:v>
                </c:pt>
                <c:pt idx="58">
                  <c:v>7.3842690413940246E-2</c:v>
                </c:pt>
                <c:pt idx="59">
                  <c:v>7.4403057213904389E-2</c:v>
                </c:pt>
                <c:pt idx="60">
                  <c:v>7.3108356433774446E-2</c:v>
                </c:pt>
                <c:pt idx="61">
                  <c:v>7.1636970017833521E-2</c:v>
                </c:pt>
                <c:pt idx="62">
                  <c:v>7.003405241839121E-2</c:v>
                </c:pt>
                <c:pt idx="63">
                  <c:v>6.8576972974737915E-2</c:v>
                </c:pt>
                <c:pt idx="64">
                  <c:v>6.6525959898557405E-2</c:v>
                </c:pt>
                <c:pt idx="65">
                  <c:v>6.4084435462480716E-2</c:v>
                </c:pt>
                <c:pt idx="66">
                  <c:v>6.1282782464664329E-2</c:v>
                </c:pt>
                <c:pt idx="67">
                  <c:v>5.8923332842124782E-2</c:v>
                </c:pt>
                <c:pt idx="68">
                  <c:v>5.7271881123707596E-2</c:v>
                </c:pt>
                <c:pt idx="69">
                  <c:v>5.6766887586628192E-2</c:v>
                </c:pt>
                <c:pt idx="70">
                  <c:v>5.5879458188073411E-2</c:v>
                </c:pt>
                <c:pt idx="71">
                  <c:v>5.5344862408024172E-2</c:v>
                </c:pt>
                <c:pt idx="72">
                  <c:v>5.4035647416315752E-2</c:v>
                </c:pt>
                <c:pt idx="73">
                  <c:v>5.2603873382195444E-2</c:v>
                </c:pt>
                <c:pt idx="74">
                  <c:v>5.1718866450427538E-2</c:v>
                </c:pt>
                <c:pt idx="75">
                  <c:v>5.1585909729696948E-2</c:v>
                </c:pt>
                <c:pt idx="76">
                  <c:v>5.1292321764220578E-2</c:v>
                </c:pt>
                <c:pt idx="77">
                  <c:v>5.194430869923284E-2</c:v>
                </c:pt>
                <c:pt idx="78">
                  <c:v>5.2894257393659203E-2</c:v>
                </c:pt>
                <c:pt idx="79">
                  <c:v>5.3512919700263943E-2</c:v>
                </c:pt>
                <c:pt idx="80">
                  <c:v>5.3857766300957795E-2</c:v>
                </c:pt>
                <c:pt idx="81">
                  <c:v>5.4298246831383609E-2</c:v>
                </c:pt>
                <c:pt idx="82">
                  <c:v>5.4237199320458555E-2</c:v>
                </c:pt>
                <c:pt idx="83">
                  <c:v>5.3998701390542928E-2</c:v>
                </c:pt>
                <c:pt idx="84">
                  <c:v>5.3810390243674934E-2</c:v>
                </c:pt>
                <c:pt idx="85">
                  <c:v>5.444203749425363E-2</c:v>
                </c:pt>
                <c:pt idx="86">
                  <c:v>5.4243820781760793E-2</c:v>
                </c:pt>
                <c:pt idx="87">
                  <c:v>5.4011081247528923E-2</c:v>
                </c:pt>
                <c:pt idx="88">
                  <c:v>5.3283435678443215E-2</c:v>
                </c:pt>
                <c:pt idx="89">
                  <c:v>5.2521435626537577E-2</c:v>
                </c:pt>
                <c:pt idx="90">
                  <c:v>5.1835183484258689E-2</c:v>
                </c:pt>
                <c:pt idx="91">
                  <c:v>5.1256693722399251E-2</c:v>
                </c:pt>
                <c:pt idx="92">
                  <c:v>5.0252410656098881E-2</c:v>
                </c:pt>
                <c:pt idx="93">
                  <c:v>4.955512733878796E-2</c:v>
                </c:pt>
                <c:pt idx="94">
                  <c:v>4.8872007260268434E-2</c:v>
                </c:pt>
                <c:pt idx="95">
                  <c:v>4.858450930244964E-2</c:v>
                </c:pt>
                <c:pt idx="96">
                  <c:v>4.7949191039377878E-2</c:v>
                </c:pt>
                <c:pt idx="97">
                  <c:v>4.7649418775909454E-2</c:v>
                </c:pt>
                <c:pt idx="98">
                  <c:v>4.7707162898318937E-2</c:v>
                </c:pt>
                <c:pt idx="99">
                  <c:v>4.759934599328023E-2</c:v>
                </c:pt>
                <c:pt idx="100">
                  <c:v>4.7524874331857724E-2</c:v>
                </c:pt>
                <c:pt idx="101">
                  <c:v>4.7962013057922165E-2</c:v>
                </c:pt>
                <c:pt idx="102">
                  <c:v>4.8425637618872933E-2</c:v>
                </c:pt>
                <c:pt idx="103">
                  <c:v>4.8880139362200016E-2</c:v>
                </c:pt>
                <c:pt idx="104">
                  <c:v>4.8593333704349179E-2</c:v>
                </c:pt>
                <c:pt idx="105">
                  <c:v>4.8184908707978542E-2</c:v>
                </c:pt>
                <c:pt idx="106">
                  <c:v>4.820509332277613E-2</c:v>
                </c:pt>
                <c:pt idx="107">
                  <c:v>4.7846840797356668E-2</c:v>
                </c:pt>
                <c:pt idx="108">
                  <c:v>4.7584208795802205E-2</c:v>
                </c:pt>
                <c:pt idx="109">
                  <c:v>4.7209736743200281E-2</c:v>
                </c:pt>
                <c:pt idx="110">
                  <c:v>4.742377441601657E-2</c:v>
                </c:pt>
                <c:pt idx="111">
                  <c:v>4.6927707521600019E-2</c:v>
                </c:pt>
                <c:pt idx="112">
                  <c:v>4.5898851100346888E-2</c:v>
                </c:pt>
                <c:pt idx="113">
                  <c:v>4.4938913685772804E-2</c:v>
                </c:pt>
                <c:pt idx="114">
                  <c:v>4.4455143241733101E-2</c:v>
                </c:pt>
                <c:pt idx="115">
                  <c:v>4.4000616163276045E-2</c:v>
                </c:pt>
                <c:pt idx="116">
                  <c:v>4.3873167050821123E-2</c:v>
                </c:pt>
                <c:pt idx="117">
                  <c:v>4.3876386086108415E-2</c:v>
                </c:pt>
                <c:pt idx="118">
                  <c:v>4.4273346344932858E-2</c:v>
                </c:pt>
                <c:pt idx="119">
                  <c:v>4.4963163762149518E-2</c:v>
                </c:pt>
                <c:pt idx="120">
                  <c:v>4.5434242909454248E-2</c:v>
                </c:pt>
                <c:pt idx="121">
                  <c:v>4.5716883047167971E-2</c:v>
                </c:pt>
                <c:pt idx="122">
                  <c:v>4.6240083321591817E-2</c:v>
                </c:pt>
                <c:pt idx="123">
                  <c:v>4.6302893182423997E-2</c:v>
                </c:pt>
                <c:pt idx="124">
                  <c:v>4.6678303862494032E-2</c:v>
                </c:pt>
                <c:pt idx="125">
                  <c:v>4.6732370645407938E-2</c:v>
                </c:pt>
                <c:pt idx="126">
                  <c:v>4.6839309137972164E-2</c:v>
                </c:pt>
                <c:pt idx="127">
                  <c:v>4.6681706212342328E-2</c:v>
                </c:pt>
                <c:pt idx="128">
                  <c:v>4.6097362762558158E-2</c:v>
                </c:pt>
                <c:pt idx="129">
                  <c:v>4.5098311091267003E-2</c:v>
                </c:pt>
                <c:pt idx="130">
                  <c:v>4.3942190324699808E-2</c:v>
                </c:pt>
                <c:pt idx="131">
                  <c:v>4.3037858693498757E-2</c:v>
                </c:pt>
                <c:pt idx="132">
                  <c:v>4.2484723513427365E-2</c:v>
                </c:pt>
                <c:pt idx="133">
                  <c:v>4.1355508140465284E-2</c:v>
                </c:pt>
                <c:pt idx="134">
                  <c:v>4.041671464019591E-2</c:v>
                </c:pt>
                <c:pt idx="135">
                  <c:v>3.968583505130422E-2</c:v>
                </c:pt>
                <c:pt idx="136">
                  <c:v>3.9145914597361019E-2</c:v>
                </c:pt>
                <c:pt idx="137">
                  <c:v>3.8717342804293231E-2</c:v>
                </c:pt>
                <c:pt idx="138">
                  <c:v>3.8702084414091377E-2</c:v>
                </c:pt>
                <c:pt idx="139">
                  <c:v>3.8892076910052295E-2</c:v>
                </c:pt>
                <c:pt idx="140">
                  <c:v>3.9224918872125522E-2</c:v>
                </c:pt>
                <c:pt idx="141">
                  <c:v>3.9610690264549143E-2</c:v>
                </c:pt>
                <c:pt idx="142">
                  <c:v>3.9977459494814585E-2</c:v>
                </c:pt>
                <c:pt idx="143">
                  <c:v>4.0366104786660681E-2</c:v>
                </c:pt>
                <c:pt idx="144">
                  <c:v>4.069986702921316E-2</c:v>
                </c:pt>
                <c:pt idx="145">
                  <c:v>4.0891024437925527E-2</c:v>
                </c:pt>
                <c:pt idx="146">
                  <c:v>4.1081853002190229E-2</c:v>
                </c:pt>
                <c:pt idx="147">
                  <c:v>4.1195129176192155E-2</c:v>
                </c:pt>
                <c:pt idx="148">
                  <c:v>4.1630171463350019E-2</c:v>
                </c:pt>
                <c:pt idx="149">
                  <c:v>4.2071551337121628E-2</c:v>
                </c:pt>
                <c:pt idx="150">
                  <c:v>4.2353691696109259E-2</c:v>
                </c:pt>
                <c:pt idx="151">
                  <c:v>4.2590911399625002E-2</c:v>
                </c:pt>
                <c:pt idx="152">
                  <c:v>4.2116276963909786E-2</c:v>
                </c:pt>
                <c:pt idx="153">
                  <c:v>4.1552660140647041E-2</c:v>
                </c:pt>
                <c:pt idx="154">
                  <c:v>4.1444988826307955E-2</c:v>
                </c:pt>
                <c:pt idx="155">
                  <c:v>4.1456440862842364E-2</c:v>
                </c:pt>
                <c:pt idx="156">
                  <c:v>4.1593496662662252E-2</c:v>
                </c:pt>
                <c:pt idx="157">
                  <c:v>4.171301073077234E-2</c:v>
                </c:pt>
                <c:pt idx="158">
                  <c:v>4.1905152568854104E-2</c:v>
                </c:pt>
                <c:pt idx="159">
                  <c:v>4.1599380336154609E-2</c:v>
                </c:pt>
                <c:pt idx="160">
                  <c:v>4.1090116267850453E-2</c:v>
                </c:pt>
                <c:pt idx="161">
                  <c:v>4.0852396404683661E-2</c:v>
                </c:pt>
                <c:pt idx="162">
                  <c:v>4.0590932208907554E-2</c:v>
                </c:pt>
                <c:pt idx="163">
                  <c:v>4.0277890464598697E-2</c:v>
                </c:pt>
                <c:pt idx="164">
                  <c:v>3.9832007046923877E-2</c:v>
                </c:pt>
                <c:pt idx="165">
                  <c:v>3.9561809049330876E-2</c:v>
                </c:pt>
                <c:pt idx="166">
                  <c:v>3.9253372369864051E-2</c:v>
                </c:pt>
                <c:pt idx="167">
                  <c:v>3.9087920526037934E-2</c:v>
                </c:pt>
                <c:pt idx="168">
                  <c:v>3.8769765268266095E-2</c:v>
                </c:pt>
                <c:pt idx="169">
                  <c:v>3.8528231972226157E-2</c:v>
                </c:pt>
                <c:pt idx="170">
                  <c:v>3.8069151096794845E-2</c:v>
                </c:pt>
                <c:pt idx="171">
                  <c:v>3.7622861170870173E-2</c:v>
                </c:pt>
                <c:pt idx="172">
                  <c:v>3.6950969738297652E-2</c:v>
                </c:pt>
                <c:pt idx="173">
                  <c:v>3.6533722376481732E-2</c:v>
                </c:pt>
                <c:pt idx="174">
                  <c:v>3.5934109278033421E-2</c:v>
                </c:pt>
                <c:pt idx="175">
                  <c:v>3.5474356716782694E-2</c:v>
                </c:pt>
                <c:pt idx="176">
                  <c:v>3.5094738113088407E-2</c:v>
                </c:pt>
                <c:pt idx="177">
                  <c:v>3.4923431033191295E-2</c:v>
                </c:pt>
                <c:pt idx="178">
                  <c:v>3.5020849577006276E-2</c:v>
                </c:pt>
                <c:pt idx="179">
                  <c:v>3.5349324911489906E-2</c:v>
                </c:pt>
                <c:pt idx="180">
                  <c:v>3.5892688175915392E-2</c:v>
                </c:pt>
                <c:pt idx="181">
                  <c:v>3.6494266155603881E-2</c:v>
                </c:pt>
                <c:pt idx="182">
                  <c:v>3.685136471146673E-2</c:v>
                </c:pt>
                <c:pt idx="183">
                  <c:v>3.6937409376281073E-2</c:v>
                </c:pt>
                <c:pt idx="184">
                  <c:v>3.6884198066226975E-2</c:v>
                </c:pt>
                <c:pt idx="185">
                  <c:v>3.6871555052777373E-2</c:v>
                </c:pt>
                <c:pt idx="186">
                  <c:v>3.6973052614872326E-2</c:v>
                </c:pt>
                <c:pt idx="187">
                  <c:v>3.7231442693865822E-2</c:v>
                </c:pt>
                <c:pt idx="188">
                  <c:v>3.7090178456215893E-2</c:v>
                </c:pt>
                <c:pt idx="189">
                  <c:v>3.6881755446539315E-2</c:v>
                </c:pt>
                <c:pt idx="190">
                  <c:v>3.6500905231146311E-2</c:v>
                </c:pt>
                <c:pt idx="191">
                  <c:v>3.6023295809549258E-2</c:v>
                </c:pt>
                <c:pt idx="192">
                  <c:v>3.5306975216809179E-2</c:v>
                </c:pt>
                <c:pt idx="193">
                  <c:v>3.4710121520094638E-2</c:v>
                </c:pt>
                <c:pt idx="194">
                  <c:v>3.3881075672815182E-2</c:v>
                </c:pt>
                <c:pt idx="195">
                  <c:v>3.3164173281842783E-2</c:v>
                </c:pt>
                <c:pt idx="196">
                  <c:v>3.2152801864839736E-2</c:v>
                </c:pt>
                <c:pt idx="197">
                  <c:v>3.1645809586978289E-2</c:v>
                </c:pt>
                <c:pt idx="198">
                  <c:v>3.1276267340898785E-2</c:v>
                </c:pt>
                <c:pt idx="199">
                  <c:v>3.0889922460035437E-2</c:v>
                </c:pt>
                <c:pt idx="200">
                  <c:v>3.0484666539052022E-2</c:v>
                </c:pt>
                <c:pt idx="201">
                  <c:v>3.0239847450802812E-2</c:v>
                </c:pt>
                <c:pt idx="202">
                  <c:v>3.00827480220313E-2</c:v>
                </c:pt>
                <c:pt idx="203">
                  <c:v>3.0106677044063342E-2</c:v>
                </c:pt>
                <c:pt idx="204">
                  <c:v>3.026854866623124E-2</c:v>
                </c:pt>
                <c:pt idx="205">
                  <c:v>3.0652673403034878E-2</c:v>
                </c:pt>
                <c:pt idx="206">
                  <c:v>3.1335194441224366E-2</c:v>
                </c:pt>
                <c:pt idx="207">
                  <c:v>3.1833972582406556E-2</c:v>
                </c:pt>
                <c:pt idx="208">
                  <c:v>3.2065799582569415E-2</c:v>
                </c:pt>
                <c:pt idx="209">
                  <c:v>3.2306440318787953E-2</c:v>
                </c:pt>
                <c:pt idx="210">
                  <c:v>3.249932911786306E-2</c:v>
                </c:pt>
                <c:pt idx="211">
                  <c:v>3.2917897460389714E-2</c:v>
                </c:pt>
                <c:pt idx="212">
                  <c:v>3.340178608266995E-2</c:v>
                </c:pt>
                <c:pt idx="213">
                  <c:v>3.3728719355479553E-2</c:v>
                </c:pt>
                <c:pt idx="214">
                  <c:v>3.359844659563873E-2</c:v>
                </c:pt>
                <c:pt idx="215">
                  <c:v>3.3283846748322965E-2</c:v>
                </c:pt>
                <c:pt idx="216">
                  <c:v>3.2879319653975399E-2</c:v>
                </c:pt>
                <c:pt idx="217">
                  <c:v>3.2404450975058292E-2</c:v>
                </c:pt>
                <c:pt idx="218">
                  <c:v>3.2009065928982505E-2</c:v>
                </c:pt>
                <c:pt idx="219">
                  <c:v>3.1613566139707644E-2</c:v>
                </c:pt>
                <c:pt idx="220">
                  <c:v>3.1176828370576358E-2</c:v>
                </c:pt>
                <c:pt idx="221">
                  <c:v>3.0705350483814901E-2</c:v>
                </c:pt>
                <c:pt idx="222">
                  <c:v>2.990146877013445E-2</c:v>
                </c:pt>
                <c:pt idx="223">
                  <c:v>2.9105521361571983E-2</c:v>
                </c:pt>
                <c:pt idx="224">
                  <c:v>2.8464549700616144E-2</c:v>
                </c:pt>
                <c:pt idx="225">
                  <c:v>2.8069615203132964E-2</c:v>
                </c:pt>
                <c:pt idx="226">
                  <c:v>2.7862143745128593E-2</c:v>
                </c:pt>
                <c:pt idx="227">
                  <c:v>2.7738054882353504E-2</c:v>
                </c:pt>
                <c:pt idx="228">
                  <c:v>2.7617971351474976E-2</c:v>
                </c:pt>
                <c:pt idx="229">
                  <c:v>2.7977861191165611E-2</c:v>
                </c:pt>
                <c:pt idx="230">
                  <c:v>2.864376956906757E-2</c:v>
                </c:pt>
                <c:pt idx="231">
                  <c:v>2.9395047845615356E-2</c:v>
                </c:pt>
                <c:pt idx="232">
                  <c:v>2.994945300767262E-2</c:v>
                </c:pt>
                <c:pt idx="233">
                  <c:v>3.0628464177307583E-2</c:v>
                </c:pt>
                <c:pt idx="234">
                  <c:v>3.1481283114758569E-2</c:v>
                </c:pt>
                <c:pt idx="235">
                  <c:v>3.2077059397041009E-2</c:v>
                </c:pt>
                <c:pt idx="236">
                  <c:v>3.2459431382500105E-2</c:v>
                </c:pt>
                <c:pt idx="237">
                  <c:v>3.2585388684572288E-2</c:v>
                </c:pt>
                <c:pt idx="238">
                  <c:v>3.2828671636630495E-2</c:v>
                </c:pt>
                <c:pt idx="239">
                  <c:v>3.2906266818782053E-2</c:v>
                </c:pt>
                <c:pt idx="240">
                  <c:v>3.2474687238792842E-2</c:v>
                </c:pt>
                <c:pt idx="241">
                  <c:v>3.1713027921550258E-2</c:v>
                </c:pt>
                <c:pt idx="242">
                  <c:v>3.0906211683971365E-2</c:v>
                </c:pt>
                <c:pt idx="243">
                  <c:v>2.9928724401088288E-2</c:v>
                </c:pt>
                <c:pt idx="244">
                  <c:v>2.9036883671683066E-2</c:v>
                </c:pt>
                <c:pt idx="245">
                  <c:v>2.8263525081398736E-2</c:v>
                </c:pt>
                <c:pt idx="246">
                  <c:v>2.7661733504525908E-2</c:v>
                </c:pt>
                <c:pt idx="247">
                  <c:v>2.6924443496173251E-2</c:v>
                </c:pt>
                <c:pt idx="248">
                  <c:v>2.6305457012055299E-2</c:v>
                </c:pt>
                <c:pt idx="249">
                  <c:v>2.6146076968961578E-2</c:v>
                </c:pt>
                <c:pt idx="250">
                  <c:v>2.6075836540252421E-2</c:v>
                </c:pt>
                <c:pt idx="251">
                  <c:v>2.6236487424028492E-2</c:v>
                </c:pt>
                <c:pt idx="252">
                  <c:v>2.6611424287324048E-2</c:v>
                </c:pt>
                <c:pt idx="253">
                  <c:v>2.7030305931229022E-2</c:v>
                </c:pt>
                <c:pt idx="254">
                  <c:v>2.7804282322478956E-2</c:v>
                </c:pt>
                <c:pt idx="255">
                  <c:v>2.8511972482911048E-2</c:v>
                </c:pt>
                <c:pt idx="256">
                  <c:v>2.9123847231455537E-2</c:v>
                </c:pt>
                <c:pt idx="257">
                  <c:v>2.9872475276441907E-2</c:v>
                </c:pt>
                <c:pt idx="258">
                  <c:v>3.0421703129785881E-2</c:v>
                </c:pt>
                <c:pt idx="259">
                  <c:v>3.0656529376754449E-2</c:v>
                </c:pt>
                <c:pt idx="260">
                  <c:v>3.071256212322844E-2</c:v>
                </c:pt>
                <c:pt idx="261">
                  <c:v>3.043069995803166E-2</c:v>
                </c:pt>
                <c:pt idx="262">
                  <c:v>2.9991536756908729E-2</c:v>
                </c:pt>
                <c:pt idx="263">
                  <c:v>2.9422912494416767E-2</c:v>
                </c:pt>
                <c:pt idx="264">
                  <c:v>2.8968510728957817E-2</c:v>
                </c:pt>
                <c:pt idx="265">
                  <c:v>2.8428331886861891E-2</c:v>
                </c:pt>
                <c:pt idx="266">
                  <c:v>2.7430975407532334E-2</c:v>
                </c:pt>
                <c:pt idx="267">
                  <c:v>2.6369531982886302E-2</c:v>
                </c:pt>
                <c:pt idx="268">
                  <c:v>2.5402440310555729E-2</c:v>
                </c:pt>
                <c:pt idx="269">
                  <c:v>2.4882084214552146E-2</c:v>
                </c:pt>
                <c:pt idx="270">
                  <c:v>2.4662537289505047E-2</c:v>
                </c:pt>
                <c:pt idx="271">
                  <c:v>2.4677689938394271E-2</c:v>
                </c:pt>
                <c:pt idx="272">
                  <c:v>2.4908653707129913E-2</c:v>
                </c:pt>
                <c:pt idx="273">
                  <c:v>2.5231375741123101E-2</c:v>
                </c:pt>
                <c:pt idx="274">
                  <c:v>2.5680848916552774E-2</c:v>
                </c:pt>
                <c:pt idx="275">
                  <c:v>2.619883138521507E-2</c:v>
                </c:pt>
                <c:pt idx="276">
                  <c:v>2.6792141013835109E-2</c:v>
                </c:pt>
                <c:pt idx="277">
                  <c:v>2.7538908283703607E-2</c:v>
                </c:pt>
                <c:pt idx="278">
                  <c:v>2.8148586642046527E-2</c:v>
                </c:pt>
                <c:pt idx="279">
                  <c:v>2.8679772458786949E-2</c:v>
                </c:pt>
                <c:pt idx="280">
                  <c:v>2.8975348834762875E-2</c:v>
                </c:pt>
                <c:pt idx="281">
                  <c:v>2.9181976844667685E-2</c:v>
                </c:pt>
                <c:pt idx="282">
                  <c:v>2.9309900528321439E-2</c:v>
                </c:pt>
                <c:pt idx="283">
                  <c:v>2.9105892764822519E-2</c:v>
                </c:pt>
                <c:pt idx="284">
                  <c:v>2.8833893637744842E-2</c:v>
                </c:pt>
                <c:pt idx="285">
                  <c:v>2.8589238594118473E-2</c:v>
                </c:pt>
                <c:pt idx="286">
                  <c:v>2.8206132647809412E-2</c:v>
                </c:pt>
                <c:pt idx="287">
                  <c:v>2.7669964731702575E-2</c:v>
                </c:pt>
                <c:pt idx="288">
                  <c:v>2.696478624815031E-2</c:v>
                </c:pt>
                <c:pt idx="289">
                  <c:v>2.6121314661343528E-2</c:v>
                </c:pt>
                <c:pt idx="290">
                  <c:v>2.5283927428701183E-2</c:v>
                </c:pt>
                <c:pt idx="291">
                  <c:v>2.44548795355903E-2</c:v>
                </c:pt>
                <c:pt idx="292">
                  <c:v>2.371109817108966E-2</c:v>
                </c:pt>
                <c:pt idx="293">
                  <c:v>2.3267151711774837E-2</c:v>
                </c:pt>
                <c:pt idx="294">
                  <c:v>2.3045591617282653E-2</c:v>
                </c:pt>
                <c:pt idx="295">
                  <c:v>2.3098737648763364E-2</c:v>
                </c:pt>
                <c:pt idx="296">
                  <c:v>2.35193332998756E-2</c:v>
                </c:pt>
                <c:pt idx="297">
                  <c:v>2.3990904546477294E-2</c:v>
                </c:pt>
                <c:pt idx="298">
                  <c:v>2.4529642127378987E-2</c:v>
                </c:pt>
                <c:pt idx="299">
                  <c:v>2.4905901268758621E-2</c:v>
                </c:pt>
                <c:pt idx="300">
                  <c:v>2.5459184150910905E-2</c:v>
                </c:pt>
                <c:pt idx="301">
                  <c:v>2.6003593622902933E-2</c:v>
                </c:pt>
                <c:pt idx="302">
                  <c:v>2.6476952176506276E-2</c:v>
                </c:pt>
                <c:pt idx="303">
                  <c:v>2.6886876559981114E-2</c:v>
                </c:pt>
                <c:pt idx="304">
                  <c:v>2.7316226130645434E-2</c:v>
                </c:pt>
                <c:pt idx="305">
                  <c:v>2.7608775074082898E-2</c:v>
                </c:pt>
                <c:pt idx="306">
                  <c:v>2.7620603592243505E-2</c:v>
                </c:pt>
                <c:pt idx="307">
                  <c:v>2.7433279750650866E-2</c:v>
                </c:pt>
                <c:pt idx="308">
                  <c:v>2.720682301102572E-2</c:v>
                </c:pt>
                <c:pt idx="309">
                  <c:v>2.675670293031767E-2</c:v>
                </c:pt>
                <c:pt idx="310">
                  <c:v>2.6030579397783176E-2</c:v>
                </c:pt>
                <c:pt idx="311">
                  <c:v>2.5247614553730976E-2</c:v>
                </c:pt>
                <c:pt idx="312">
                  <c:v>2.4504351201490443E-2</c:v>
                </c:pt>
                <c:pt idx="313">
                  <c:v>2.3673467194512462E-2</c:v>
                </c:pt>
                <c:pt idx="314">
                  <c:v>2.282480831076061E-2</c:v>
                </c:pt>
                <c:pt idx="315">
                  <c:v>2.1997982981052631E-2</c:v>
                </c:pt>
                <c:pt idx="316">
                  <c:v>2.1491833318092311E-2</c:v>
                </c:pt>
                <c:pt idx="317">
                  <c:v>2.1175264789186035E-2</c:v>
                </c:pt>
                <c:pt idx="318">
                  <c:v>2.1235529780736919E-2</c:v>
                </c:pt>
                <c:pt idx="319">
                  <c:v>2.1455440969909294E-2</c:v>
                </c:pt>
                <c:pt idx="320">
                  <c:v>2.1885556847096439E-2</c:v>
                </c:pt>
                <c:pt idx="321">
                  <c:v>2.2458859405541355E-2</c:v>
                </c:pt>
                <c:pt idx="322">
                  <c:v>2.2924844953506E-2</c:v>
                </c:pt>
                <c:pt idx="323">
                  <c:v>2.339607314721379E-2</c:v>
                </c:pt>
                <c:pt idx="324">
                  <c:v>2.3877464631358258E-2</c:v>
                </c:pt>
                <c:pt idx="325">
                  <c:v>2.445948332909792E-2</c:v>
                </c:pt>
                <c:pt idx="326">
                  <c:v>2.5116860437628386E-2</c:v>
                </c:pt>
                <c:pt idx="327">
                  <c:v>2.5397650376518411E-2</c:v>
                </c:pt>
                <c:pt idx="328">
                  <c:v>2.5461021052530085E-2</c:v>
                </c:pt>
                <c:pt idx="329">
                  <c:v>2.5592167549298626E-2</c:v>
                </c:pt>
                <c:pt idx="330">
                  <c:v>2.5601130421947314E-2</c:v>
                </c:pt>
                <c:pt idx="331">
                  <c:v>2.5525559803417742E-2</c:v>
                </c:pt>
                <c:pt idx="332">
                  <c:v>2.5249762319891976E-2</c:v>
                </c:pt>
                <c:pt idx="333">
                  <c:v>2.488423788719862E-2</c:v>
                </c:pt>
                <c:pt idx="334">
                  <c:v>2.4214305558680375E-2</c:v>
                </c:pt>
                <c:pt idx="335">
                  <c:v>2.3536529537124162E-2</c:v>
                </c:pt>
                <c:pt idx="336">
                  <c:v>2.3084252619345838E-2</c:v>
                </c:pt>
                <c:pt idx="337">
                  <c:v>2.2552814743444935E-2</c:v>
                </c:pt>
                <c:pt idx="338">
                  <c:v>2.2011901824827439E-2</c:v>
                </c:pt>
                <c:pt idx="339">
                  <c:v>2.1463912326336595E-2</c:v>
                </c:pt>
                <c:pt idx="340">
                  <c:v>2.0949885355582253E-2</c:v>
                </c:pt>
                <c:pt idx="341">
                  <c:v>2.0592817590753515E-2</c:v>
                </c:pt>
                <c:pt idx="342">
                  <c:v>2.0425641018822365E-2</c:v>
                </c:pt>
                <c:pt idx="343">
                  <c:v>2.0572836045053271E-2</c:v>
                </c:pt>
                <c:pt idx="344">
                  <c:v>2.0756944054923971E-2</c:v>
                </c:pt>
                <c:pt idx="345">
                  <c:v>2.0902671286244907E-2</c:v>
                </c:pt>
                <c:pt idx="346">
                  <c:v>2.1174659568012E-2</c:v>
                </c:pt>
                <c:pt idx="347">
                  <c:v>2.1588207530272682E-2</c:v>
                </c:pt>
                <c:pt idx="348">
                  <c:v>2.215036524229012E-2</c:v>
                </c:pt>
                <c:pt idx="349">
                  <c:v>2.2744259349839552E-2</c:v>
                </c:pt>
                <c:pt idx="350">
                  <c:v>2.3153552050892479E-2</c:v>
                </c:pt>
                <c:pt idx="351">
                  <c:v>2.3467793450428556E-2</c:v>
                </c:pt>
                <c:pt idx="352">
                  <c:v>2.368141073205976E-2</c:v>
                </c:pt>
                <c:pt idx="353">
                  <c:v>2.3700014168994206E-2</c:v>
                </c:pt>
                <c:pt idx="354">
                  <c:v>2.3625037018853361E-2</c:v>
                </c:pt>
                <c:pt idx="355">
                  <c:v>2.346842507070478E-2</c:v>
                </c:pt>
                <c:pt idx="356">
                  <c:v>2.3296773830547721E-2</c:v>
                </c:pt>
                <c:pt idx="357">
                  <c:v>2.3109154113311031E-2</c:v>
                </c:pt>
                <c:pt idx="358">
                  <c:v>2.2774666112074168E-2</c:v>
                </c:pt>
                <c:pt idx="359">
                  <c:v>2.2313989256740701E-2</c:v>
                </c:pt>
                <c:pt idx="360">
                  <c:v>2.1786538321913927E-2</c:v>
                </c:pt>
                <c:pt idx="361">
                  <c:v>2.1402180286164793E-2</c:v>
                </c:pt>
                <c:pt idx="362">
                  <c:v>2.1236283067347747E-2</c:v>
                </c:pt>
                <c:pt idx="363">
                  <c:v>2.1254024320967374E-2</c:v>
                </c:pt>
                <c:pt idx="364">
                  <c:v>2.1257133601915692E-2</c:v>
                </c:pt>
                <c:pt idx="365">
                  <c:v>2.1085867059781736E-2</c:v>
                </c:pt>
                <c:pt idx="366">
                  <c:v>2.0975495082564521E-2</c:v>
                </c:pt>
                <c:pt idx="367">
                  <c:v>2.0883097481731987E-2</c:v>
                </c:pt>
                <c:pt idx="368">
                  <c:v>2.0955225453986648E-2</c:v>
                </c:pt>
                <c:pt idx="369">
                  <c:v>2.1132282587748259E-2</c:v>
                </c:pt>
                <c:pt idx="370">
                  <c:v>2.1124277684598732E-2</c:v>
                </c:pt>
                <c:pt idx="371">
                  <c:v>2.1101088264578759E-2</c:v>
                </c:pt>
                <c:pt idx="372">
                  <c:v>2.1060502420444448E-2</c:v>
                </c:pt>
                <c:pt idx="373">
                  <c:v>2.0698736190208684E-2</c:v>
                </c:pt>
                <c:pt idx="374">
                  <c:v>2.0415519995207895E-2</c:v>
                </c:pt>
                <c:pt idx="375">
                  <c:v>2.0360514172057597E-2</c:v>
                </c:pt>
                <c:pt idx="376">
                  <c:v>2.0504370675331649E-2</c:v>
                </c:pt>
                <c:pt idx="377">
                  <c:v>2.0544911610138925E-2</c:v>
                </c:pt>
                <c:pt idx="378">
                  <c:v>2.0375051804682302E-2</c:v>
                </c:pt>
                <c:pt idx="379">
                  <c:v>2.0213747176588786E-2</c:v>
                </c:pt>
                <c:pt idx="380">
                  <c:v>2.0188069006843588E-2</c:v>
                </c:pt>
                <c:pt idx="381">
                  <c:v>2.0168955313800738E-2</c:v>
                </c:pt>
                <c:pt idx="382">
                  <c:v>2.0189945802815971E-2</c:v>
                </c:pt>
                <c:pt idx="383">
                  <c:v>2.0245370344820934E-2</c:v>
                </c:pt>
                <c:pt idx="384">
                  <c:v>2.0228856393829573E-2</c:v>
                </c:pt>
                <c:pt idx="385">
                  <c:v>2.013268776558387E-2</c:v>
                </c:pt>
                <c:pt idx="386">
                  <c:v>2.009372261781717E-2</c:v>
                </c:pt>
                <c:pt idx="387">
                  <c:v>2.0126549092277707E-2</c:v>
                </c:pt>
                <c:pt idx="388">
                  <c:v>2.0182465631318189E-2</c:v>
                </c:pt>
                <c:pt idx="389">
                  <c:v>2.0331478217349961E-2</c:v>
                </c:pt>
                <c:pt idx="390">
                  <c:v>2.0479079058907345E-2</c:v>
                </c:pt>
                <c:pt idx="391">
                  <c:v>2.0371262484730271E-2</c:v>
                </c:pt>
                <c:pt idx="392">
                  <c:v>2.0310921432027982E-2</c:v>
                </c:pt>
                <c:pt idx="393">
                  <c:v>2.0331633516531149E-2</c:v>
                </c:pt>
                <c:pt idx="394">
                  <c:v>2.0517910574578205E-2</c:v>
                </c:pt>
                <c:pt idx="395">
                  <c:v>2.0530494514979417E-2</c:v>
                </c:pt>
                <c:pt idx="396">
                  <c:v>2.0475584382533055E-2</c:v>
                </c:pt>
                <c:pt idx="397">
                  <c:v>2.0480208627994868E-2</c:v>
                </c:pt>
                <c:pt idx="398">
                  <c:v>2.029330343434994E-2</c:v>
                </c:pt>
                <c:pt idx="399">
                  <c:v>1.9958406677611708E-2</c:v>
                </c:pt>
                <c:pt idx="400">
                  <c:v>1.9678589386235377E-2</c:v>
                </c:pt>
                <c:pt idx="401">
                  <c:v>1.9454100562578402E-2</c:v>
                </c:pt>
                <c:pt idx="402">
                  <c:v>1.9333796323366383E-2</c:v>
                </c:pt>
                <c:pt idx="403">
                  <c:v>1.9063902171459028E-2</c:v>
                </c:pt>
                <c:pt idx="404">
                  <c:v>1.8744146307998193E-2</c:v>
                </c:pt>
                <c:pt idx="405">
                  <c:v>1.8603441170051992E-2</c:v>
                </c:pt>
                <c:pt idx="406">
                  <c:v>1.8435393597293612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F5D7-49E5-9B17-9150E484174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91345832"/>
        <c:axId val="791344848"/>
      </c:scatterChart>
      <c:valAx>
        <c:axId val="79134583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1344848"/>
        <c:crosses val="autoZero"/>
        <c:crossBetween val="midCat"/>
      </c:valAx>
      <c:valAx>
        <c:axId val="7913448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134583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S2.multi37.5-3s-(8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2.multi37.5-3s-(8)'!$D$2:$D$403</c:f>
              <c:numCache>
                <c:formatCode>General</c:formatCode>
                <c:ptCount val="402"/>
                <c:pt idx="0">
                  <c:v>0</c:v>
                </c:pt>
                <c:pt idx="1">
                  <c:v>5.0049999999997041E-3</c:v>
                </c:pt>
                <c:pt idx="2">
                  <c:v>1.0009999999999408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3999999999269E-2</c:v>
                </c:pt>
                <c:pt idx="6">
                  <c:v>3.0028999999999861E-2</c:v>
                </c:pt>
                <c:pt idx="7">
                  <c:v>3.5033999999999565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7999999999426E-2</c:v>
                </c:pt>
                <c:pt idx="11">
                  <c:v>5.5053000000000019E-2</c:v>
                </c:pt>
                <c:pt idx="12">
                  <c:v>6.0057999999999723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6999999999288E-2</c:v>
                </c:pt>
                <c:pt idx="17">
                  <c:v>8.508199999999988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974</c:v>
                </c:pt>
                <c:pt idx="21">
                  <c:v>0.10510099999999944</c:v>
                </c:pt>
                <c:pt idx="22">
                  <c:v>0.11010600000000004</c:v>
                </c:pt>
                <c:pt idx="23">
                  <c:v>0.1151099999999996</c:v>
                </c:pt>
                <c:pt idx="24">
                  <c:v>0.12011499999999931</c:v>
                </c:pt>
                <c:pt idx="25">
                  <c:v>0.1251199999999999</c:v>
                </c:pt>
                <c:pt idx="26">
                  <c:v>0.1301249999999996</c:v>
                </c:pt>
                <c:pt idx="27">
                  <c:v>0.13512999999999931</c:v>
                </c:pt>
                <c:pt idx="28">
                  <c:v>0.14013399999999976</c:v>
                </c:pt>
                <c:pt idx="29">
                  <c:v>0.14513899999999946</c:v>
                </c:pt>
                <c:pt idx="30">
                  <c:v>0.15014400000000006</c:v>
                </c:pt>
                <c:pt idx="31">
                  <c:v>0.15514899999999976</c:v>
                </c:pt>
                <c:pt idx="32">
                  <c:v>0.16015399999999946</c:v>
                </c:pt>
                <c:pt idx="33">
                  <c:v>0.16515799999999992</c:v>
                </c:pt>
                <c:pt idx="34">
                  <c:v>0.17016299999999962</c:v>
                </c:pt>
                <c:pt idx="35">
                  <c:v>0.17516799999999932</c:v>
                </c:pt>
                <c:pt idx="36">
                  <c:v>0.18017299999999992</c:v>
                </c:pt>
                <c:pt idx="37">
                  <c:v>0.18517799999999962</c:v>
                </c:pt>
                <c:pt idx="38">
                  <c:v>0.19018199999999919</c:v>
                </c:pt>
                <c:pt idx="39">
                  <c:v>0.19518699999999978</c:v>
                </c:pt>
                <c:pt idx="40">
                  <c:v>0.20019199999999948</c:v>
                </c:pt>
                <c:pt idx="41">
                  <c:v>0.20519699999999919</c:v>
                </c:pt>
                <c:pt idx="42">
                  <c:v>0.21020199999999978</c:v>
                </c:pt>
                <c:pt idx="43">
                  <c:v>0.21520599999999934</c:v>
                </c:pt>
                <c:pt idx="44">
                  <c:v>0.22021099999999993</c:v>
                </c:pt>
                <c:pt idx="45">
                  <c:v>0.22521599999999964</c:v>
                </c:pt>
                <c:pt idx="46">
                  <c:v>0.23022099999999934</c:v>
                </c:pt>
                <c:pt idx="47">
                  <c:v>0.23522599999999994</c:v>
                </c:pt>
                <c:pt idx="48">
                  <c:v>0.2402299999999995</c:v>
                </c:pt>
                <c:pt idx="49">
                  <c:v>0.2452349999999992</c:v>
                </c:pt>
                <c:pt idx="50">
                  <c:v>0.2502399999999998</c:v>
                </c:pt>
                <c:pt idx="51">
                  <c:v>0.2552449999999995</c:v>
                </c:pt>
                <c:pt idx="52">
                  <c:v>0.2602499999999992</c:v>
                </c:pt>
                <c:pt idx="53">
                  <c:v>0.26525399999999966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899999999966</c:v>
                </c:pt>
                <c:pt idx="57">
                  <c:v>0.28527399999999936</c:v>
                </c:pt>
                <c:pt idx="58">
                  <c:v>0.29027799999999981</c:v>
                </c:pt>
                <c:pt idx="59">
                  <c:v>0.29528299999999952</c:v>
                </c:pt>
                <c:pt idx="60">
                  <c:v>0.30028799999999922</c:v>
                </c:pt>
                <c:pt idx="61">
                  <c:v>0.30529299999999981</c:v>
                </c:pt>
                <c:pt idx="62">
                  <c:v>0.31029799999999952</c:v>
                </c:pt>
                <c:pt idx="63">
                  <c:v>0.31530199999999997</c:v>
                </c:pt>
                <c:pt idx="64">
                  <c:v>0.32030699999999968</c:v>
                </c:pt>
                <c:pt idx="65">
                  <c:v>0.32531199999999938</c:v>
                </c:pt>
                <c:pt idx="66">
                  <c:v>0.33031699999999997</c:v>
                </c:pt>
                <c:pt idx="67">
                  <c:v>0.33532199999999968</c:v>
                </c:pt>
                <c:pt idx="68">
                  <c:v>0.34032599999999924</c:v>
                </c:pt>
                <c:pt idx="69">
                  <c:v>0.34533099999999983</c:v>
                </c:pt>
                <c:pt idx="70">
                  <c:v>0.35033599999999954</c:v>
                </c:pt>
                <c:pt idx="71">
                  <c:v>0.35534099999999924</c:v>
                </c:pt>
                <c:pt idx="72">
                  <c:v>0.36034599999999983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5999999999969</c:v>
                </c:pt>
                <c:pt idx="76">
                  <c:v>0.3803649999999994</c:v>
                </c:pt>
                <c:pt idx="77">
                  <c:v>0.38536999999999999</c:v>
                </c:pt>
                <c:pt idx="78">
                  <c:v>0.39037399999999955</c:v>
                </c:pt>
                <c:pt idx="79">
                  <c:v>0.39537899999999926</c:v>
                </c:pt>
                <c:pt idx="80">
                  <c:v>0.40038399999999985</c:v>
                </c:pt>
                <c:pt idx="81">
                  <c:v>0.40538899999999956</c:v>
                </c:pt>
                <c:pt idx="82">
                  <c:v>0.41039399999999926</c:v>
                </c:pt>
                <c:pt idx="83">
                  <c:v>0.41539799999999971</c:v>
                </c:pt>
                <c:pt idx="84">
                  <c:v>0.42040299999999942</c:v>
                </c:pt>
                <c:pt idx="85">
                  <c:v>0.42540800000000001</c:v>
                </c:pt>
                <c:pt idx="86">
                  <c:v>0.43041299999999971</c:v>
                </c:pt>
                <c:pt idx="87">
                  <c:v>0.43541799999999942</c:v>
                </c:pt>
                <c:pt idx="88">
                  <c:v>0.44042199999999987</c:v>
                </c:pt>
                <c:pt idx="89">
                  <c:v>0.44542699999999957</c:v>
                </c:pt>
                <c:pt idx="90">
                  <c:v>0.45043199999999928</c:v>
                </c:pt>
                <c:pt idx="91">
                  <c:v>0.45543699999999987</c:v>
                </c:pt>
                <c:pt idx="92">
                  <c:v>0.46044199999999957</c:v>
                </c:pt>
                <c:pt idx="93">
                  <c:v>0.46544600000000003</c:v>
                </c:pt>
                <c:pt idx="94">
                  <c:v>0.47045099999999973</c:v>
                </c:pt>
                <c:pt idx="95">
                  <c:v>0.47545599999999943</c:v>
                </c:pt>
                <c:pt idx="96">
                  <c:v>0.48046100000000003</c:v>
                </c:pt>
                <c:pt idx="97">
                  <c:v>0.48546599999999973</c:v>
                </c:pt>
                <c:pt idx="98">
                  <c:v>0.4904699999999993</c:v>
                </c:pt>
                <c:pt idx="99">
                  <c:v>0.49547499999999989</c:v>
                </c:pt>
                <c:pt idx="100">
                  <c:v>0.50047999999999959</c:v>
                </c:pt>
                <c:pt idx="101">
                  <c:v>0.5054849999999993</c:v>
                </c:pt>
                <c:pt idx="102">
                  <c:v>0.51048999999999989</c:v>
                </c:pt>
                <c:pt idx="103">
                  <c:v>0.51549399999999945</c:v>
                </c:pt>
                <c:pt idx="104">
                  <c:v>0.52049900000000004</c:v>
                </c:pt>
                <c:pt idx="105">
                  <c:v>0.52550399999999975</c:v>
                </c:pt>
                <c:pt idx="106">
                  <c:v>0.53050899999999945</c:v>
                </c:pt>
                <c:pt idx="107">
                  <c:v>0.53551400000000005</c:v>
                </c:pt>
                <c:pt idx="108">
                  <c:v>0.54051799999999961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299999999961</c:v>
                </c:pt>
                <c:pt idx="112">
                  <c:v>0.56053799999999931</c:v>
                </c:pt>
                <c:pt idx="113">
                  <c:v>0.56554199999999977</c:v>
                </c:pt>
                <c:pt idx="114">
                  <c:v>0.57054699999999947</c:v>
                </c:pt>
                <c:pt idx="115">
                  <c:v>0.57555199999999918</c:v>
                </c:pt>
                <c:pt idx="116">
                  <c:v>0.58055699999999977</c:v>
                </c:pt>
                <c:pt idx="117">
                  <c:v>0.58556199999999947</c:v>
                </c:pt>
                <c:pt idx="118">
                  <c:v>0.59056599999999992</c:v>
                </c:pt>
                <c:pt idx="119">
                  <c:v>0.59557099999999963</c:v>
                </c:pt>
                <c:pt idx="120">
                  <c:v>0.60057599999999933</c:v>
                </c:pt>
                <c:pt idx="121">
                  <c:v>0.60558099999999992</c:v>
                </c:pt>
                <c:pt idx="122">
                  <c:v>0.61058599999999963</c:v>
                </c:pt>
                <c:pt idx="123">
                  <c:v>0.61558999999999919</c:v>
                </c:pt>
                <c:pt idx="124">
                  <c:v>0.62059499999999979</c:v>
                </c:pt>
                <c:pt idx="125">
                  <c:v>0.62559999999999949</c:v>
                </c:pt>
                <c:pt idx="126">
                  <c:v>0.63060499999999919</c:v>
                </c:pt>
                <c:pt idx="127">
                  <c:v>0.63560999999999979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399999999965</c:v>
                </c:pt>
                <c:pt idx="131">
                  <c:v>0.65562899999999935</c:v>
                </c:pt>
                <c:pt idx="132">
                  <c:v>0.66063399999999994</c:v>
                </c:pt>
                <c:pt idx="133">
                  <c:v>0.66563799999999951</c:v>
                </c:pt>
                <c:pt idx="134">
                  <c:v>0.67064299999999921</c:v>
                </c:pt>
                <c:pt idx="135">
                  <c:v>0.6756479999999998</c:v>
                </c:pt>
                <c:pt idx="136">
                  <c:v>0.68065299999999951</c:v>
                </c:pt>
                <c:pt idx="137">
                  <c:v>0.68565799999999921</c:v>
                </c:pt>
                <c:pt idx="138">
                  <c:v>0.69066199999999967</c:v>
                </c:pt>
                <c:pt idx="139">
                  <c:v>0.69566699999999937</c:v>
                </c:pt>
                <c:pt idx="140">
                  <c:v>0.70067199999999996</c:v>
                </c:pt>
                <c:pt idx="141">
                  <c:v>0.70567699999999967</c:v>
                </c:pt>
                <c:pt idx="142">
                  <c:v>0.71068199999999937</c:v>
                </c:pt>
                <c:pt idx="143">
                  <c:v>0.71568599999999982</c:v>
                </c:pt>
                <c:pt idx="144">
                  <c:v>0.72069099999999953</c:v>
                </c:pt>
                <c:pt idx="145">
                  <c:v>0.72569599999999923</c:v>
                </c:pt>
                <c:pt idx="146">
                  <c:v>0.73070099999999982</c:v>
                </c:pt>
                <c:pt idx="147">
                  <c:v>0.73570599999999953</c:v>
                </c:pt>
                <c:pt idx="148">
                  <c:v>0.74070999999999998</c:v>
                </c:pt>
                <c:pt idx="149">
                  <c:v>0.74571499999999968</c:v>
                </c:pt>
                <c:pt idx="150">
                  <c:v>0.75071999999999939</c:v>
                </c:pt>
                <c:pt idx="151">
                  <c:v>0.75572499999999998</c:v>
                </c:pt>
                <c:pt idx="152">
                  <c:v>0.76072999999999968</c:v>
                </c:pt>
                <c:pt idx="153">
                  <c:v>0.76573399999999925</c:v>
                </c:pt>
                <c:pt idx="154">
                  <c:v>0.77073899999999984</c:v>
                </c:pt>
                <c:pt idx="155">
                  <c:v>0.77574399999999955</c:v>
                </c:pt>
                <c:pt idx="156">
                  <c:v>0.78074899999999925</c:v>
                </c:pt>
                <c:pt idx="157">
                  <c:v>0.78575399999999984</c:v>
                </c:pt>
                <c:pt idx="158">
                  <c:v>0.79075799999999941</c:v>
                </c:pt>
                <c:pt idx="159">
                  <c:v>0.795763</c:v>
                </c:pt>
                <c:pt idx="160">
                  <c:v>0.8007679999999997</c:v>
                </c:pt>
                <c:pt idx="161">
                  <c:v>0.80577299999999941</c:v>
                </c:pt>
                <c:pt idx="162">
                  <c:v>0.810778</c:v>
                </c:pt>
                <c:pt idx="163">
                  <c:v>0.81578199999999956</c:v>
                </c:pt>
                <c:pt idx="164">
                  <c:v>0.82078699999999927</c:v>
                </c:pt>
                <c:pt idx="165">
                  <c:v>0.82579199999999986</c:v>
                </c:pt>
                <c:pt idx="166">
                  <c:v>0.83079699999999956</c:v>
                </c:pt>
                <c:pt idx="167">
                  <c:v>0.83580199999999927</c:v>
                </c:pt>
                <c:pt idx="168">
                  <c:v>0.84080599999999972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2099999999972</c:v>
                </c:pt>
                <c:pt idx="172">
                  <c:v>0.86082599999999942</c:v>
                </c:pt>
                <c:pt idx="173">
                  <c:v>0.86582999999999988</c:v>
                </c:pt>
                <c:pt idx="174">
                  <c:v>0.87083499999999958</c:v>
                </c:pt>
                <c:pt idx="175">
                  <c:v>0.87583999999999929</c:v>
                </c:pt>
                <c:pt idx="176">
                  <c:v>0.88084499999999988</c:v>
                </c:pt>
                <c:pt idx="177">
                  <c:v>0.88584999999999958</c:v>
                </c:pt>
                <c:pt idx="178">
                  <c:v>0.89085400000000003</c:v>
                </c:pt>
                <c:pt idx="179">
                  <c:v>0.89585899999999974</c:v>
                </c:pt>
                <c:pt idx="180">
                  <c:v>0.90086399999999944</c:v>
                </c:pt>
                <c:pt idx="181">
                  <c:v>0.90586900000000004</c:v>
                </c:pt>
                <c:pt idx="182">
                  <c:v>0.91087399999999974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79999999996</c:v>
                </c:pt>
                <c:pt idx="186">
                  <c:v>0.9308929999999993</c:v>
                </c:pt>
                <c:pt idx="187">
                  <c:v>0.9358979999999999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976</c:v>
                </c:pt>
                <c:pt idx="191">
                  <c:v>0.95591699999999946</c:v>
                </c:pt>
                <c:pt idx="192">
                  <c:v>0.96092200000000005</c:v>
                </c:pt>
                <c:pt idx="193">
                  <c:v>0.96592599999999962</c:v>
                </c:pt>
                <c:pt idx="194">
                  <c:v>0.97093099999999932</c:v>
                </c:pt>
                <c:pt idx="195">
                  <c:v>0.97593599999999991</c:v>
                </c:pt>
                <c:pt idx="196">
                  <c:v>0.98094099999999962</c:v>
                </c:pt>
                <c:pt idx="197">
                  <c:v>0.98594599999999932</c:v>
                </c:pt>
                <c:pt idx="198">
                  <c:v>0.99094999999999978</c:v>
                </c:pt>
                <c:pt idx="199">
                  <c:v>0.99595499999999948</c:v>
                </c:pt>
                <c:pt idx="200">
                  <c:v>1.0009599999999992</c:v>
                </c:pt>
                <c:pt idx="201">
                  <c:v>1.0059649999999998</c:v>
                </c:pt>
                <c:pt idx="202">
                  <c:v>1.0109699999999995</c:v>
                </c:pt>
                <c:pt idx="203">
                  <c:v>1.0159739999999999</c:v>
                </c:pt>
                <c:pt idx="204">
                  <c:v>1.0209789999999996</c:v>
                </c:pt>
                <c:pt idx="205">
                  <c:v>1.0259839999999993</c:v>
                </c:pt>
                <c:pt idx="206">
                  <c:v>1.0309889999999999</c:v>
                </c:pt>
                <c:pt idx="207">
                  <c:v>1.0359939999999996</c:v>
                </c:pt>
                <c:pt idx="208">
                  <c:v>1.0409979999999992</c:v>
                </c:pt>
                <c:pt idx="209">
                  <c:v>1.0460029999999998</c:v>
                </c:pt>
                <c:pt idx="210">
                  <c:v>1.0510079999999995</c:v>
                </c:pt>
                <c:pt idx="211">
                  <c:v>1.0560129999999992</c:v>
                </c:pt>
                <c:pt idx="212">
                  <c:v>1.0610179999999998</c:v>
                </c:pt>
                <c:pt idx="213">
                  <c:v>1.0660219999999994</c:v>
                </c:pt>
                <c:pt idx="214">
                  <c:v>1.071027</c:v>
                </c:pt>
                <c:pt idx="215">
                  <c:v>1.0760319999999997</c:v>
                </c:pt>
                <c:pt idx="216">
                  <c:v>1.0810369999999994</c:v>
                </c:pt>
                <c:pt idx="217">
                  <c:v>1.086042</c:v>
                </c:pt>
                <c:pt idx="218">
                  <c:v>1.0910459999999995</c:v>
                </c:pt>
                <c:pt idx="219">
                  <c:v>1.0960509999999992</c:v>
                </c:pt>
                <c:pt idx="220">
                  <c:v>1.1010559999999998</c:v>
                </c:pt>
                <c:pt idx="221">
                  <c:v>1.1060609999999995</c:v>
                </c:pt>
                <c:pt idx="222">
                  <c:v>1.1110659999999992</c:v>
                </c:pt>
                <c:pt idx="223">
                  <c:v>1.1160699999999997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49999999997</c:v>
                </c:pt>
                <c:pt idx="227">
                  <c:v>1.1360899999999994</c:v>
                </c:pt>
                <c:pt idx="228">
                  <c:v>1.1410939999999998</c:v>
                </c:pt>
                <c:pt idx="229">
                  <c:v>1.1460989999999995</c:v>
                </c:pt>
                <c:pt idx="230">
                  <c:v>1.1511039999999992</c:v>
                </c:pt>
                <c:pt idx="231">
                  <c:v>1.1561089999999998</c:v>
                </c:pt>
                <c:pt idx="232">
                  <c:v>1.1611139999999995</c:v>
                </c:pt>
                <c:pt idx="233">
                  <c:v>1.166118</c:v>
                </c:pt>
                <c:pt idx="234">
                  <c:v>1.1711229999999997</c:v>
                </c:pt>
                <c:pt idx="235">
                  <c:v>1.1761279999999994</c:v>
                </c:pt>
                <c:pt idx="236">
                  <c:v>1.181133</c:v>
                </c:pt>
                <c:pt idx="237">
                  <c:v>1.1861379999999997</c:v>
                </c:pt>
                <c:pt idx="238">
                  <c:v>1.1911419999999993</c:v>
                </c:pt>
                <c:pt idx="239">
                  <c:v>1.1961469999999998</c:v>
                </c:pt>
                <c:pt idx="240">
                  <c:v>1.2011519999999996</c:v>
                </c:pt>
                <c:pt idx="241">
                  <c:v>1.2061569999999993</c:v>
                </c:pt>
                <c:pt idx="242">
                  <c:v>1.2111619999999998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59999999997</c:v>
                </c:pt>
                <c:pt idx="246">
                  <c:v>1.2311809999999994</c:v>
                </c:pt>
                <c:pt idx="247">
                  <c:v>1.236186</c:v>
                </c:pt>
                <c:pt idx="248">
                  <c:v>1.2411899999999996</c:v>
                </c:pt>
                <c:pt idx="249">
                  <c:v>1.2461949999999993</c:v>
                </c:pt>
                <c:pt idx="250">
                  <c:v>1.2511999999999999</c:v>
                </c:pt>
                <c:pt idx="251">
                  <c:v>1.2562049999999996</c:v>
                </c:pt>
                <c:pt idx="252">
                  <c:v>1.2612099999999993</c:v>
                </c:pt>
                <c:pt idx="253">
                  <c:v>1.2662139999999997</c:v>
                </c:pt>
                <c:pt idx="254">
                  <c:v>1.2712189999999994</c:v>
                </c:pt>
                <c:pt idx="255">
                  <c:v>1.276224</c:v>
                </c:pt>
                <c:pt idx="256">
                  <c:v>1.2812289999999997</c:v>
                </c:pt>
                <c:pt idx="257">
                  <c:v>1.2862339999999994</c:v>
                </c:pt>
                <c:pt idx="258">
                  <c:v>1.2912379999999999</c:v>
                </c:pt>
                <c:pt idx="259">
                  <c:v>1.2962429999999996</c:v>
                </c:pt>
                <c:pt idx="260">
                  <c:v>1.3012479999999993</c:v>
                </c:pt>
                <c:pt idx="261">
                  <c:v>1.3062529999999999</c:v>
                </c:pt>
                <c:pt idx="262">
                  <c:v>1.3112579999999996</c:v>
                </c:pt>
                <c:pt idx="263">
                  <c:v>1.316262</c:v>
                </c:pt>
                <c:pt idx="264">
                  <c:v>1.3212669999999997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19999999997</c:v>
                </c:pt>
                <c:pt idx="268">
                  <c:v>1.3412859999999993</c:v>
                </c:pt>
                <c:pt idx="269">
                  <c:v>1.3462909999999999</c:v>
                </c:pt>
                <c:pt idx="270">
                  <c:v>1.3512959999999996</c:v>
                </c:pt>
                <c:pt idx="271">
                  <c:v>1.3563009999999993</c:v>
                </c:pt>
                <c:pt idx="272">
                  <c:v>1.3613059999999999</c:v>
                </c:pt>
                <c:pt idx="273">
                  <c:v>1.3663099999999995</c:v>
                </c:pt>
                <c:pt idx="274">
                  <c:v>1.3713150000000001</c:v>
                </c:pt>
                <c:pt idx="275">
                  <c:v>1.3763199999999998</c:v>
                </c:pt>
                <c:pt idx="276">
                  <c:v>1.3813249999999995</c:v>
                </c:pt>
                <c:pt idx="277">
                  <c:v>1.3863300000000001</c:v>
                </c:pt>
                <c:pt idx="278">
                  <c:v>1.3913339999999996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89999999996</c:v>
                </c:pt>
                <c:pt idx="282">
                  <c:v>1.4113539999999993</c:v>
                </c:pt>
                <c:pt idx="283">
                  <c:v>1.4163579999999998</c:v>
                </c:pt>
                <c:pt idx="284">
                  <c:v>1.4213629999999995</c:v>
                </c:pt>
                <c:pt idx="285">
                  <c:v>1.4263679999999992</c:v>
                </c:pt>
                <c:pt idx="286">
                  <c:v>1.4313729999999998</c:v>
                </c:pt>
                <c:pt idx="287">
                  <c:v>1.4363779999999995</c:v>
                </c:pt>
                <c:pt idx="288">
                  <c:v>1.4413819999999999</c:v>
                </c:pt>
                <c:pt idx="289">
                  <c:v>1.4463869999999996</c:v>
                </c:pt>
                <c:pt idx="290">
                  <c:v>1.4513919999999993</c:v>
                </c:pt>
                <c:pt idx="291">
                  <c:v>1.4563969999999999</c:v>
                </c:pt>
                <c:pt idx="292">
                  <c:v>1.4614019999999996</c:v>
                </c:pt>
                <c:pt idx="293">
                  <c:v>1.4664059999999992</c:v>
                </c:pt>
                <c:pt idx="294">
                  <c:v>1.4714109999999998</c:v>
                </c:pt>
                <c:pt idx="295">
                  <c:v>1.4764159999999995</c:v>
                </c:pt>
                <c:pt idx="296">
                  <c:v>1.4814209999999992</c:v>
                </c:pt>
                <c:pt idx="297">
                  <c:v>1.4864259999999998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399999999997</c:v>
                </c:pt>
                <c:pt idx="301">
                  <c:v>1.5064449999999994</c:v>
                </c:pt>
                <c:pt idx="302">
                  <c:v>1.51145</c:v>
                </c:pt>
                <c:pt idx="303">
                  <c:v>1.5164539999999995</c:v>
                </c:pt>
                <c:pt idx="304">
                  <c:v>1.5214589999999992</c:v>
                </c:pt>
                <c:pt idx="305">
                  <c:v>1.5264639999999998</c:v>
                </c:pt>
                <c:pt idx="306">
                  <c:v>1.5314689999999995</c:v>
                </c:pt>
                <c:pt idx="307">
                  <c:v>1.5364739999999992</c:v>
                </c:pt>
                <c:pt idx="308">
                  <c:v>1.5414779999999997</c:v>
                </c:pt>
                <c:pt idx="309">
                  <c:v>1.5464829999999994</c:v>
                </c:pt>
                <c:pt idx="310">
                  <c:v>1.551488</c:v>
                </c:pt>
                <c:pt idx="311">
                  <c:v>1.5564929999999997</c:v>
                </c:pt>
                <c:pt idx="312">
                  <c:v>1.5614979999999994</c:v>
                </c:pt>
                <c:pt idx="313">
                  <c:v>1.5665019999999998</c:v>
                </c:pt>
                <c:pt idx="314">
                  <c:v>1.5715069999999995</c:v>
                </c:pt>
                <c:pt idx="315">
                  <c:v>1.5765119999999992</c:v>
                </c:pt>
                <c:pt idx="316">
                  <c:v>1.5815169999999998</c:v>
                </c:pt>
                <c:pt idx="317">
                  <c:v>1.5865219999999995</c:v>
                </c:pt>
                <c:pt idx="318">
                  <c:v>1.591526</c:v>
                </c:pt>
                <c:pt idx="319">
                  <c:v>1.5965309999999997</c:v>
                </c:pt>
                <c:pt idx="320">
                  <c:v>1.6015359999999994</c:v>
                </c:pt>
                <c:pt idx="321">
                  <c:v>1.606541</c:v>
                </c:pt>
                <c:pt idx="322">
                  <c:v>1.6115459999999997</c:v>
                </c:pt>
                <c:pt idx="323">
                  <c:v>1.6165499999999993</c:v>
                </c:pt>
                <c:pt idx="324">
                  <c:v>1.6215549999999999</c:v>
                </c:pt>
                <c:pt idx="325">
                  <c:v>1.6265599999999996</c:v>
                </c:pt>
                <c:pt idx="326">
                  <c:v>1.6315649999999993</c:v>
                </c:pt>
                <c:pt idx="327">
                  <c:v>1.6365699999999999</c:v>
                </c:pt>
                <c:pt idx="328">
                  <c:v>1.6415739999999994</c:v>
                </c:pt>
                <c:pt idx="329">
                  <c:v>1.646579</c:v>
                </c:pt>
                <c:pt idx="330">
                  <c:v>1.6515839999999997</c:v>
                </c:pt>
                <c:pt idx="331">
                  <c:v>1.6565889999999994</c:v>
                </c:pt>
                <c:pt idx="332">
                  <c:v>1.661594</c:v>
                </c:pt>
                <c:pt idx="333">
                  <c:v>1.6665979999999996</c:v>
                </c:pt>
                <c:pt idx="334">
                  <c:v>1.6716029999999993</c:v>
                </c:pt>
                <c:pt idx="335">
                  <c:v>1.6766079999999999</c:v>
                </c:pt>
                <c:pt idx="336">
                  <c:v>1.6816129999999996</c:v>
                </c:pt>
                <c:pt idx="337">
                  <c:v>1.6866179999999993</c:v>
                </c:pt>
                <c:pt idx="338">
                  <c:v>1.6916219999999997</c:v>
                </c:pt>
                <c:pt idx="339">
                  <c:v>1.6966269999999994</c:v>
                </c:pt>
                <c:pt idx="340">
                  <c:v>1.701632</c:v>
                </c:pt>
                <c:pt idx="341">
                  <c:v>1.7066369999999997</c:v>
                </c:pt>
                <c:pt idx="342">
                  <c:v>1.7116419999999994</c:v>
                </c:pt>
                <c:pt idx="343">
                  <c:v>1.7166459999999999</c:v>
                </c:pt>
                <c:pt idx="344">
                  <c:v>1.7216509999999996</c:v>
                </c:pt>
                <c:pt idx="345">
                  <c:v>1.7266559999999993</c:v>
                </c:pt>
                <c:pt idx="346">
                  <c:v>1.7316609999999999</c:v>
                </c:pt>
                <c:pt idx="347">
                  <c:v>1.7366659999999996</c:v>
                </c:pt>
                <c:pt idx="348">
                  <c:v>1.7416700000000001</c:v>
                </c:pt>
                <c:pt idx="349">
                  <c:v>1.7466749999999998</c:v>
                </c:pt>
                <c:pt idx="350">
                  <c:v>1.7516799999999995</c:v>
                </c:pt>
                <c:pt idx="351">
                  <c:v>1.7566850000000001</c:v>
                </c:pt>
                <c:pt idx="352">
                  <c:v>1.7616899999999998</c:v>
                </c:pt>
                <c:pt idx="353">
                  <c:v>1.7666939999999993</c:v>
                </c:pt>
                <c:pt idx="354">
                  <c:v>1.7716989999999999</c:v>
                </c:pt>
                <c:pt idx="355">
                  <c:v>1.7767039999999996</c:v>
                </c:pt>
                <c:pt idx="356">
                  <c:v>1.7817089999999993</c:v>
                </c:pt>
                <c:pt idx="357">
                  <c:v>1.7867139999999999</c:v>
                </c:pt>
                <c:pt idx="358">
                  <c:v>1.7917179999999995</c:v>
                </c:pt>
                <c:pt idx="359">
                  <c:v>1.7967229999999992</c:v>
                </c:pt>
                <c:pt idx="360">
                  <c:v>1.8017279999999998</c:v>
                </c:pt>
                <c:pt idx="361">
                  <c:v>1.8067329999999995</c:v>
                </c:pt>
                <c:pt idx="362">
                  <c:v>1.8117379999999992</c:v>
                </c:pt>
                <c:pt idx="363">
                  <c:v>1.8167419999999996</c:v>
                </c:pt>
                <c:pt idx="364">
                  <c:v>1.8217469999999993</c:v>
                </c:pt>
                <c:pt idx="365">
                  <c:v>1.8267519999999999</c:v>
                </c:pt>
                <c:pt idx="366">
                  <c:v>1.8317569999999996</c:v>
                </c:pt>
                <c:pt idx="367">
                  <c:v>1.8367619999999993</c:v>
                </c:pt>
                <c:pt idx="368">
                  <c:v>1.8417659999999998</c:v>
                </c:pt>
                <c:pt idx="369">
                  <c:v>1.8467709999999995</c:v>
                </c:pt>
                <c:pt idx="370">
                  <c:v>1.8517759999999992</c:v>
                </c:pt>
                <c:pt idx="371">
                  <c:v>1.8567809999999998</c:v>
                </c:pt>
                <c:pt idx="372">
                  <c:v>1.8617859999999995</c:v>
                </c:pt>
                <c:pt idx="373">
                  <c:v>1.8667899999999999</c:v>
                </c:pt>
                <c:pt idx="374">
                  <c:v>1.8717949999999997</c:v>
                </c:pt>
                <c:pt idx="375">
                  <c:v>1.8767999999999994</c:v>
                </c:pt>
                <c:pt idx="376">
                  <c:v>1.8818049999999999</c:v>
                </c:pt>
                <c:pt idx="377">
                  <c:v>1.8868099999999997</c:v>
                </c:pt>
                <c:pt idx="378">
                  <c:v>1.891813999999999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89999999992</c:v>
                </c:pt>
                <c:pt idx="382">
                  <c:v>1.9118339999999998</c:v>
                </c:pt>
                <c:pt idx="383">
                  <c:v>1.9168379999999994</c:v>
                </c:pt>
                <c:pt idx="384">
                  <c:v>1.921843</c:v>
                </c:pt>
                <c:pt idx="385">
                  <c:v>1.9268479999999988</c:v>
                </c:pt>
                <c:pt idx="386">
                  <c:v>1.9318529999999994</c:v>
                </c:pt>
                <c:pt idx="387">
                  <c:v>1.936858</c:v>
                </c:pt>
                <c:pt idx="388">
                  <c:v>1.9418619999999995</c:v>
                </c:pt>
                <c:pt idx="389">
                  <c:v>1.9468670000000001</c:v>
                </c:pt>
                <c:pt idx="390">
                  <c:v>1.9518719999999989</c:v>
                </c:pt>
                <c:pt idx="391">
                  <c:v>1.9568769999999995</c:v>
                </c:pt>
                <c:pt idx="392">
                  <c:v>1.9618820000000001</c:v>
                </c:pt>
                <c:pt idx="393">
                  <c:v>1.9668859999999997</c:v>
                </c:pt>
                <c:pt idx="394">
                  <c:v>1.9718910000000003</c:v>
                </c:pt>
                <c:pt idx="395">
                  <c:v>1.9768959999999991</c:v>
                </c:pt>
                <c:pt idx="396">
                  <c:v>1.9819009999999997</c:v>
                </c:pt>
                <c:pt idx="397">
                  <c:v>1.9869060000000003</c:v>
                </c:pt>
                <c:pt idx="398">
                  <c:v>1.9919099999999998</c:v>
                </c:pt>
                <c:pt idx="399">
                  <c:v>1.9969150000000004</c:v>
                </c:pt>
              </c:numCache>
            </c:numRef>
          </c:xVal>
          <c:yVal>
            <c:numRef>
              <c:f>'S2.multi37.5-3s-(8)'!$F$2:$F$403</c:f>
              <c:numCache>
                <c:formatCode>General</c:formatCode>
                <c:ptCount val="402"/>
                <c:pt idx="1">
                  <c:v>0.17111235282331849</c:v>
                </c:pt>
                <c:pt idx="2">
                  <c:v>0.17126521580838835</c:v>
                </c:pt>
                <c:pt idx="3">
                  <c:v>0.15681659258887273</c:v>
                </c:pt>
                <c:pt idx="4">
                  <c:v>0.153541606203734</c:v>
                </c:pt>
                <c:pt idx="5">
                  <c:v>0.16200765261724445</c:v>
                </c:pt>
                <c:pt idx="6">
                  <c:v>0.1731234461251781</c:v>
                </c:pt>
                <c:pt idx="7">
                  <c:v>0.18237783336917754</c:v>
                </c:pt>
                <c:pt idx="8">
                  <c:v>0.18457898131917477</c:v>
                </c:pt>
                <c:pt idx="9">
                  <c:v>0.18446132850784283</c:v>
                </c:pt>
                <c:pt idx="10">
                  <c:v>0.18301203408681313</c:v>
                </c:pt>
                <c:pt idx="11">
                  <c:v>0.17757772077962644</c:v>
                </c:pt>
                <c:pt idx="12">
                  <c:v>0.1729328861337894</c:v>
                </c:pt>
                <c:pt idx="13">
                  <c:v>0.16767831459756039</c:v>
                </c:pt>
                <c:pt idx="14">
                  <c:v>0.16329748223682652</c:v>
                </c:pt>
                <c:pt idx="15">
                  <c:v>0.15713115002541833</c:v>
                </c:pt>
                <c:pt idx="16">
                  <c:v>0.15099279656098202</c:v>
                </c:pt>
                <c:pt idx="17">
                  <c:v>0.14337342333444084</c:v>
                </c:pt>
                <c:pt idx="18">
                  <c:v>0.13478684259301307</c:v>
                </c:pt>
                <c:pt idx="19">
                  <c:v>0.12594958152541011</c:v>
                </c:pt>
                <c:pt idx="20">
                  <c:v>0.11902794658063226</c:v>
                </c:pt>
                <c:pt idx="21">
                  <c:v>0.11354415693893269</c:v>
                </c:pt>
                <c:pt idx="22">
                  <c:v>0.10892471733656506</c:v>
                </c:pt>
                <c:pt idx="23">
                  <c:v>0.10636356984700672</c:v>
                </c:pt>
                <c:pt idx="24">
                  <c:v>0.10517024201073896</c:v>
                </c:pt>
                <c:pt idx="25">
                  <c:v>0.10527627031007039</c:v>
                </c:pt>
                <c:pt idx="26">
                  <c:v>0.10663521940286949</c:v>
                </c:pt>
                <c:pt idx="27">
                  <c:v>0.10695357333174169</c:v>
                </c:pt>
                <c:pt idx="28">
                  <c:v>0.10700810294033088</c:v>
                </c:pt>
                <c:pt idx="29">
                  <c:v>0.10764026043204886</c:v>
                </c:pt>
                <c:pt idx="30">
                  <c:v>0.11008791907208453</c:v>
                </c:pt>
                <c:pt idx="31">
                  <c:v>0.11356151976096085</c:v>
                </c:pt>
                <c:pt idx="32">
                  <c:v>0.11668098910397277</c:v>
                </c:pt>
                <c:pt idx="33">
                  <c:v>0.11935693570747437</c:v>
                </c:pt>
                <c:pt idx="34">
                  <c:v>0.12064156784069838</c:v>
                </c:pt>
                <c:pt idx="35">
                  <c:v>0.12095666151992635</c:v>
                </c:pt>
                <c:pt idx="36">
                  <c:v>0.11991511429563861</c:v>
                </c:pt>
                <c:pt idx="37">
                  <c:v>0.1174936847156012</c:v>
                </c:pt>
                <c:pt idx="38">
                  <c:v>0.11405463950013132</c:v>
                </c:pt>
                <c:pt idx="39">
                  <c:v>0.10945201038604076</c:v>
                </c:pt>
                <c:pt idx="40">
                  <c:v>0.10522745569267826</c:v>
                </c:pt>
                <c:pt idx="41">
                  <c:v>0.10030844804460666</c:v>
                </c:pt>
                <c:pt idx="42">
                  <c:v>9.5575852456696683E-2</c:v>
                </c:pt>
                <c:pt idx="43">
                  <c:v>9.0375406253900406E-2</c:v>
                </c:pt>
                <c:pt idx="44">
                  <c:v>8.5389927347969741E-2</c:v>
                </c:pt>
                <c:pt idx="45">
                  <c:v>8.1579877703050904E-2</c:v>
                </c:pt>
                <c:pt idx="46">
                  <c:v>7.8877823756390977E-2</c:v>
                </c:pt>
                <c:pt idx="47">
                  <c:v>7.7640606002917265E-2</c:v>
                </c:pt>
                <c:pt idx="48">
                  <c:v>7.7209516332228348E-2</c:v>
                </c:pt>
                <c:pt idx="49">
                  <c:v>7.7992072142057778E-2</c:v>
                </c:pt>
                <c:pt idx="50">
                  <c:v>7.961690621013183E-2</c:v>
                </c:pt>
                <c:pt idx="51">
                  <c:v>8.1474643217617368E-2</c:v>
                </c:pt>
                <c:pt idx="52">
                  <c:v>8.4326761030903211E-2</c:v>
                </c:pt>
                <c:pt idx="53">
                  <c:v>8.7328547376291088E-2</c:v>
                </c:pt>
                <c:pt idx="54">
                  <c:v>8.9837249231385669E-2</c:v>
                </c:pt>
                <c:pt idx="55">
                  <c:v>9.1596480130685567E-2</c:v>
                </c:pt>
                <c:pt idx="56">
                  <c:v>9.348569842510232E-2</c:v>
                </c:pt>
                <c:pt idx="57">
                  <c:v>9.5439875165185692E-2</c:v>
                </c:pt>
                <c:pt idx="58">
                  <c:v>9.7295016696611031E-2</c:v>
                </c:pt>
                <c:pt idx="59">
                  <c:v>9.8105324054990783E-2</c:v>
                </c:pt>
                <c:pt idx="60">
                  <c:v>9.8026183672108316E-2</c:v>
                </c:pt>
                <c:pt idx="61">
                  <c:v>9.7065777424477973E-2</c:v>
                </c:pt>
                <c:pt idx="62">
                  <c:v>9.5794612169428611E-2</c:v>
                </c:pt>
                <c:pt idx="63">
                  <c:v>9.3602586450115072E-2</c:v>
                </c:pt>
                <c:pt idx="64">
                  <c:v>9.0740642302858512E-2</c:v>
                </c:pt>
                <c:pt idx="65">
                  <c:v>8.8052136453080798E-2</c:v>
                </c:pt>
                <c:pt idx="66">
                  <c:v>8.602355579419961E-2</c:v>
                </c:pt>
                <c:pt idx="67">
                  <c:v>8.4128566558996851E-2</c:v>
                </c:pt>
                <c:pt idx="68">
                  <c:v>8.2299876223984894E-2</c:v>
                </c:pt>
                <c:pt idx="69">
                  <c:v>8.0927425077436888E-2</c:v>
                </c:pt>
                <c:pt idx="70">
                  <c:v>8.0017867127750816E-2</c:v>
                </c:pt>
                <c:pt idx="71">
                  <c:v>7.9596288192460174E-2</c:v>
                </c:pt>
                <c:pt idx="72">
                  <c:v>7.9502320894679152E-2</c:v>
                </c:pt>
                <c:pt idx="73">
                  <c:v>7.9960701423352168E-2</c:v>
                </c:pt>
                <c:pt idx="74">
                  <c:v>8.0676821498724918E-2</c:v>
                </c:pt>
                <c:pt idx="75">
                  <c:v>8.1043621780651776E-2</c:v>
                </c:pt>
                <c:pt idx="76">
                  <c:v>8.1502180202843041E-2</c:v>
                </c:pt>
                <c:pt idx="77">
                  <c:v>8.1781997109292015E-2</c:v>
                </c:pt>
                <c:pt idx="78">
                  <c:v>8.1819931126158471E-2</c:v>
                </c:pt>
                <c:pt idx="79">
                  <c:v>8.1967058700808698E-2</c:v>
                </c:pt>
                <c:pt idx="80">
                  <c:v>8.2468179520594445E-2</c:v>
                </c:pt>
                <c:pt idx="81">
                  <c:v>8.3195078690504173E-2</c:v>
                </c:pt>
                <c:pt idx="82">
                  <c:v>8.3713536232465274E-2</c:v>
                </c:pt>
                <c:pt idx="83">
                  <c:v>8.4031703756814666E-2</c:v>
                </c:pt>
                <c:pt idx="84">
                  <c:v>8.4845890361242848E-2</c:v>
                </c:pt>
                <c:pt idx="85">
                  <c:v>8.5084106430005343E-2</c:v>
                </c:pt>
                <c:pt idx="86">
                  <c:v>8.4511118491912021E-2</c:v>
                </c:pt>
                <c:pt idx="87">
                  <c:v>8.3610883276873132E-2</c:v>
                </c:pt>
                <c:pt idx="88">
                  <c:v>8.2763911080108249E-2</c:v>
                </c:pt>
                <c:pt idx="89">
                  <c:v>8.1493135298158048E-2</c:v>
                </c:pt>
                <c:pt idx="90">
                  <c:v>7.9764868567409108E-2</c:v>
                </c:pt>
                <c:pt idx="91">
                  <c:v>7.8200566315193065E-2</c:v>
                </c:pt>
                <c:pt idx="92">
                  <c:v>7.6830454144802052E-2</c:v>
                </c:pt>
                <c:pt idx="93">
                  <c:v>7.5659833461555137E-2</c:v>
                </c:pt>
                <c:pt idx="94">
                  <c:v>7.4163564130552431E-2</c:v>
                </c:pt>
                <c:pt idx="95">
                  <c:v>7.236911599668111E-2</c:v>
                </c:pt>
                <c:pt idx="96">
                  <c:v>7.1141295798109738E-2</c:v>
                </c:pt>
                <c:pt idx="97">
                  <c:v>7.0676616269293974E-2</c:v>
                </c:pt>
                <c:pt idx="98">
                  <c:v>7.1004833359900293E-2</c:v>
                </c:pt>
                <c:pt idx="99">
                  <c:v>7.1027361586387311E-2</c:v>
                </c:pt>
                <c:pt idx="100">
                  <c:v>7.0989528473088176E-2</c:v>
                </c:pt>
                <c:pt idx="101">
                  <c:v>7.1256541929284031E-2</c:v>
                </c:pt>
                <c:pt idx="102">
                  <c:v>7.1461516180676463E-2</c:v>
                </c:pt>
                <c:pt idx="103">
                  <c:v>7.1975098708814952E-2</c:v>
                </c:pt>
                <c:pt idx="104">
                  <c:v>7.2805618489948057E-2</c:v>
                </c:pt>
                <c:pt idx="105">
                  <c:v>7.3233437696223314E-2</c:v>
                </c:pt>
                <c:pt idx="106">
                  <c:v>7.3424805321262443E-2</c:v>
                </c:pt>
                <c:pt idx="107">
                  <c:v>7.3494154724543445E-2</c:v>
                </c:pt>
                <c:pt idx="108">
                  <c:v>7.3639408871097961E-2</c:v>
                </c:pt>
                <c:pt idx="109">
                  <c:v>7.3713968978937006E-2</c:v>
                </c:pt>
                <c:pt idx="110">
                  <c:v>7.3477876343637658E-2</c:v>
                </c:pt>
                <c:pt idx="111">
                  <c:v>7.2614079789730487E-2</c:v>
                </c:pt>
                <c:pt idx="112">
                  <c:v>7.1836535350159283E-2</c:v>
                </c:pt>
                <c:pt idx="113">
                  <c:v>7.0867347979973863E-2</c:v>
                </c:pt>
                <c:pt idx="114">
                  <c:v>6.9947294263213361E-2</c:v>
                </c:pt>
                <c:pt idx="115">
                  <c:v>6.890859074463862E-2</c:v>
                </c:pt>
                <c:pt idx="116">
                  <c:v>6.8143273410140467E-2</c:v>
                </c:pt>
                <c:pt idx="117">
                  <c:v>6.7805167402241878E-2</c:v>
                </c:pt>
                <c:pt idx="118">
                  <c:v>6.7864204723197222E-2</c:v>
                </c:pt>
                <c:pt idx="119">
                  <c:v>6.8105447361094598E-2</c:v>
                </c:pt>
                <c:pt idx="120">
                  <c:v>6.8031141818639201E-2</c:v>
                </c:pt>
                <c:pt idx="121">
                  <c:v>6.7625900011659829E-2</c:v>
                </c:pt>
                <c:pt idx="122">
                  <c:v>6.7774413480849463E-2</c:v>
                </c:pt>
                <c:pt idx="123">
                  <c:v>6.7857545254838975E-2</c:v>
                </c:pt>
                <c:pt idx="124">
                  <c:v>6.8454043598394521E-2</c:v>
                </c:pt>
                <c:pt idx="125">
                  <c:v>6.8771239383687038E-2</c:v>
                </c:pt>
                <c:pt idx="126">
                  <c:v>6.8697501506093592E-2</c:v>
                </c:pt>
                <c:pt idx="127">
                  <c:v>6.8389954475768566E-2</c:v>
                </c:pt>
                <c:pt idx="128">
                  <c:v>6.7877429569172212E-2</c:v>
                </c:pt>
                <c:pt idx="129">
                  <c:v>6.7138321528486533E-2</c:v>
                </c:pt>
                <c:pt idx="130">
                  <c:v>6.6293983276527843E-2</c:v>
                </c:pt>
                <c:pt idx="131">
                  <c:v>6.5685138641185067E-2</c:v>
                </c:pt>
                <c:pt idx="132">
                  <c:v>6.5088644125155165E-2</c:v>
                </c:pt>
                <c:pt idx="133">
                  <c:v>6.4313910015743589E-2</c:v>
                </c:pt>
                <c:pt idx="134">
                  <c:v>6.3470774689540321E-2</c:v>
                </c:pt>
                <c:pt idx="135">
                  <c:v>6.2760859094829105E-2</c:v>
                </c:pt>
                <c:pt idx="136">
                  <c:v>6.2415502975560914E-2</c:v>
                </c:pt>
                <c:pt idx="137">
                  <c:v>6.2520731197862875E-2</c:v>
                </c:pt>
                <c:pt idx="138">
                  <c:v>6.2767614574658889E-2</c:v>
                </c:pt>
                <c:pt idx="139">
                  <c:v>6.2925166437518568E-2</c:v>
                </c:pt>
                <c:pt idx="140">
                  <c:v>6.320099211742583E-2</c:v>
                </c:pt>
                <c:pt idx="141">
                  <c:v>6.3409605928768223E-2</c:v>
                </c:pt>
                <c:pt idx="142">
                  <c:v>6.3482213868690379E-2</c:v>
                </c:pt>
                <c:pt idx="143">
                  <c:v>6.3737145606008377E-2</c:v>
                </c:pt>
                <c:pt idx="144">
                  <c:v>6.4133887698158795E-2</c:v>
                </c:pt>
                <c:pt idx="145">
                  <c:v>6.4335323378341955E-2</c:v>
                </c:pt>
                <c:pt idx="146">
                  <c:v>6.4217354747274386E-2</c:v>
                </c:pt>
                <c:pt idx="147">
                  <c:v>6.4030699574403077E-2</c:v>
                </c:pt>
                <c:pt idx="148">
                  <c:v>6.413745602309652E-2</c:v>
                </c:pt>
                <c:pt idx="149">
                  <c:v>6.4074884908832508E-2</c:v>
                </c:pt>
                <c:pt idx="150">
                  <c:v>6.3814056009938946E-2</c:v>
                </c:pt>
                <c:pt idx="151">
                  <c:v>6.3518826711172732E-2</c:v>
                </c:pt>
                <c:pt idx="152">
                  <c:v>6.3490213077580696E-2</c:v>
                </c:pt>
                <c:pt idx="153">
                  <c:v>6.3591203752589004E-2</c:v>
                </c:pt>
                <c:pt idx="154">
                  <c:v>6.3555609148024175E-2</c:v>
                </c:pt>
                <c:pt idx="155">
                  <c:v>6.3268560601834348E-2</c:v>
                </c:pt>
                <c:pt idx="156">
                  <c:v>6.2897554381880078E-2</c:v>
                </c:pt>
                <c:pt idx="157">
                  <c:v>6.242796095190669E-2</c:v>
                </c:pt>
                <c:pt idx="158">
                  <c:v>6.1746006709535534E-2</c:v>
                </c:pt>
                <c:pt idx="159">
                  <c:v>6.0937626276382176E-2</c:v>
                </c:pt>
                <c:pt idx="160">
                  <c:v>6.0442365989395987E-2</c:v>
                </c:pt>
                <c:pt idx="161">
                  <c:v>6.0067083841145327E-2</c:v>
                </c:pt>
                <c:pt idx="162">
                  <c:v>5.9678946602465158E-2</c:v>
                </c:pt>
                <c:pt idx="163">
                  <c:v>5.9237774342111624E-2</c:v>
                </c:pt>
                <c:pt idx="164">
                  <c:v>5.8767206755774667E-2</c:v>
                </c:pt>
                <c:pt idx="165">
                  <c:v>5.8484011360318146E-2</c:v>
                </c:pt>
                <c:pt idx="166">
                  <c:v>5.8279380309939913E-2</c:v>
                </c:pt>
                <c:pt idx="167">
                  <c:v>5.8282444490743275E-2</c:v>
                </c:pt>
                <c:pt idx="168">
                  <c:v>5.8410875689964614E-2</c:v>
                </c:pt>
                <c:pt idx="169">
                  <c:v>5.8325882125837773E-2</c:v>
                </c:pt>
                <c:pt idx="170">
                  <c:v>5.8180705582465395E-2</c:v>
                </c:pt>
                <c:pt idx="171">
                  <c:v>5.8083138164241072E-2</c:v>
                </c:pt>
                <c:pt idx="172">
                  <c:v>5.801671245361549E-2</c:v>
                </c:pt>
                <c:pt idx="173">
                  <c:v>5.8252310281469329E-2</c:v>
                </c:pt>
                <c:pt idx="174">
                  <c:v>5.8382802896100421E-2</c:v>
                </c:pt>
                <c:pt idx="175">
                  <c:v>5.8361938791321483E-2</c:v>
                </c:pt>
                <c:pt idx="176">
                  <c:v>5.812229841369726E-2</c:v>
                </c:pt>
                <c:pt idx="177">
                  <c:v>5.7966843465199022E-2</c:v>
                </c:pt>
                <c:pt idx="178">
                  <c:v>5.7718496089084408E-2</c:v>
                </c:pt>
                <c:pt idx="179">
                  <c:v>5.7302992446054704E-2</c:v>
                </c:pt>
                <c:pt idx="180">
                  <c:v>5.6800791056510584E-2</c:v>
                </c:pt>
                <c:pt idx="181">
                  <c:v>5.6338776468060181E-2</c:v>
                </c:pt>
                <c:pt idx="182">
                  <c:v>5.6141737325849254E-2</c:v>
                </c:pt>
                <c:pt idx="183">
                  <c:v>5.5956294465150165E-2</c:v>
                </c:pt>
                <c:pt idx="184">
                  <c:v>5.5632445997948525E-2</c:v>
                </c:pt>
                <c:pt idx="185">
                  <c:v>5.5375272669991787E-2</c:v>
                </c:pt>
                <c:pt idx="186">
                  <c:v>5.5260029272308692E-2</c:v>
                </c:pt>
                <c:pt idx="187">
                  <c:v>5.5074606886893349E-2</c:v>
                </c:pt>
                <c:pt idx="188">
                  <c:v>5.4905622514994153E-2</c:v>
                </c:pt>
                <c:pt idx="189">
                  <c:v>5.4938887773587894E-2</c:v>
                </c:pt>
                <c:pt idx="190">
                  <c:v>5.495294742007599E-2</c:v>
                </c:pt>
                <c:pt idx="191">
                  <c:v>5.4890364618518532E-2</c:v>
                </c:pt>
                <c:pt idx="192">
                  <c:v>5.4860692809310274E-2</c:v>
                </c:pt>
                <c:pt idx="193">
                  <c:v>5.49882065533508E-2</c:v>
                </c:pt>
                <c:pt idx="194">
                  <c:v>5.4952757123438403E-2</c:v>
                </c:pt>
                <c:pt idx="195">
                  <c:v>5.4845937477538464E-2</c:v>
                </c:pt>
                <c:pt idx="196">
                  <c:v>5.488210971757982E-2</c:v>
                </c:pt>
                <c:pt idx="197">
                  <c:v>5.4716934604765802E-2</c:v>
                </c:pt>
                <c:pt idx="198">
                  <c:v>5.44845245851176E-2</c:v>
                </c:pt>
                <c:pt idx="199">
                  <c:v>5.4178288458980442E-2</c:v>
                </c:pt>
                <c:pt idx="200">
                  <c:v>5.380379298681489E-2</c:v>
                </c:pt>
                <c:pt idx="201">
                  <c:v>5.3391015447937333E-2</c:v>
                </c:pt>
                <c:pt idx="202">
                  <c:v>5.3086967171411183E-2</c:v>
                </c:pt>
                <c:pt idx="203">
                  <c:v>5.2635798120104708E-2</c:v>
                </c:pt>
                <c:pt idx="204">
                  <c:v>5.2180162179272981E-2</c:v>
                </c:pt>
                <c:pt idx="205">
                  <c:v>5.1830949061418725E-2</c:v>
                </c:pt>
                <c:pt idx="206">
                  <c:v>5.1681581581404387E-2</c:v>
                </c:pt>
                <c:pt idx="207">
                  <c:v>5.1642491056214733E-2</c:v>
                </c:pt>
                <c:pt idx="208">
                  <c:v>5.1563462684900647E-2</c:v>
                </c:pt>
                <c:pt idx="209">
                  <c:v>5.1487000560847845E-2</c:v>
                </c:pt>
                <c:pt idx="210">
                  <c:v>5.1301322903481807E-2</c:v>
                </c:pt>
                <c:pt idx="211">
                  <c:v>5.1308525529939003E-2</c:v>
                </c:pt>
                <c:pt idx="212">
                  <c:v>5.1595139653711056E-2</c:v>
                </c:pt>
                <c:pt idx="213">
                  <c:v>5.1840049062834744E-2</c:v>
                </c:pt>
                <c:pt idx="214">
                  <c:v>5.1847524449074277E-2</c:v>
                </c:pt>
                <c:pt idx="215">
                  <c:v>5.188835092634736E-2</c:v>
                </c:pt>
                <c:pt idx="216">
                  <c:v>5.212674582363399E-2</c:v>
                </c:pt>
                <c:pt idx="217">
                  <c:v>5.2280481746615294E-2</c:v>
                </c:pt>
                <c:pt idx="218">
                  <c:v>5.2242262825165711E-2</c:v>
                </c:pt>
                <c:pt idx="219">
                  <c:v>5.200916216031027E-2</c:v>
                </c:pt>
                <c:pt idx="220">
                  <c:v>5.1937595460364687E-2</c:v>
                </c:pt>
                <c:pt idx="221">
                  <c:v>5.1938453862259898E-2</c:v>
                </c:pt>
                <c:pt idx="222">
                  <c:v>5.1533183363380523E-2</c:v>
                </c:pt>
                <c:pt idx="223">
                  <c:v>5.0912705131453212E-2</c:v>
                </c:pt>
                <c:pt idx="224">
                  <c:v>5.055348269791398E-2</c:v>
                </c:pt>
                <c:pt idx="225">
                  <c:v>5.0278995945280763E-2</c:v>
                </c:pt>
                <c:pt idx="226">
                  <c:v>5.0016143197281746E-2</c:v>
                </c:pt>
                <c:pt idx="227">
                  <c:v>4.9788942825800271E-2</c:v>
                </c:pt>
                <c:pt idx="228">
                  <c:v>4.9601585014029691E-2</c:v>
                </c:pt>
                <c:pt idx="229">
                  <c:v>4.9452908724467393E-2</c:v>
                </c:pt>
                <c:pt idx="230">
                  <c:v>4.9521061352476595E-2</c:v>
                </c:pt>
                <c:pt idx="231">
                  <c:v>4.9765928539322997E-2</c:v>
                </c:pt>
                <c:pt idx="232">
                  <c:v>5.0080781291851124E-2</c:v>
                </c:pt>
                <c:pt idx="233">
                  <c:v>5.0218958323243308E-2</c:v>
                </c:pt>
                <c:pt idx="234">
                  <c:v>5.0255044228519327E-2</c:v>
                </c:pt>
                <c:pt idx="235">
                  <c:v>5.0368053448274351E-2</c:v>
                </c:pt>
                <c:pt idx="236">
                  <c:v>5.03700201661244E-2</c:v>
                </c:pt>
                <c:pt idx="237">
                  <c:v>5.0237711299867267E-2</c:v>
                </c:pt>
                <c:pt idx="238">
                  <c:v>4.9949863224539218E-2</c:v>
                </c:pt>
                <c:pt idx="239">
                  <c:v>4.9684368984852866E-2</c:v>
                </c:pt>
                <c:pt idx="240">
                  <c:v>4.9496420220081584E-2</c:v>
                </c:pt>
                <c:pt idx="241">
                  <c:v>4.9327596779555387E-2</c:v>
                </c:pt>
                <c:pt idx="242">
                  <c:v>4.9169228729568651E-2</c:v>
                </c:pt>
                <c:pt idx="243">
                  <c:v>4.9090976091452077E-2</c:v>
                </c:pt>
                <c:pt idx="244">
                  <c:v>4.9121249850742614E-2</c:v>
                </c:pt>
                <c:pt idx="245">
                  <c:v>4.9077163644506011E-2</c:v>
                </c:pt>
                <c:pt idx="246">
                  <c:v>4.8835373605642711E-2</c:v>
                </c:pt>
                <c:pt idx="247">
                  <c:v>4.8499462684709886E-2</c:v>
                </c:pt>
                <c:pt idx="248">
                  <c:v>4.8056194225686563E-2</c:v>
                </c:pt>
                <c:pt idx="249">
                  <c:v>4.7745164176505414E-2</c:v>
                </c:pt>
                <c:pt idx="250">
                  <c:v>4.7330094936309082E-2</c:v>
                </c:pt>
                <c:pt idx="251">
                  <c:v>4.6973311555042141E-2</c:v>
                </c:pt>
                <c:pt idx="252">
                  <c:v>4.6733876954527263E-2</c:v>
                </c:pt>
                <c:pt idx="253">
                  <c:v>4.6470520175530876E-2</c:v>
                </c:pt>
                <c:pt idx="254">
                  <c:v>4.6223535858282025E-2</c:v>
                </c:pt>
                <c:pt idx="255">
                  <c:v>4.5996566969402214E-2</c:v>
                </c:pt>
                <c:pt idx="256">
                  <c:v>4.5985907898460437E-2</c:v>
                </c:pt>
                <c:pt idx="257">
                  <c:v>4.626399019120353E-2</c:v>
                </c:pt>
                <c:pt idx="258">
                  <c:v>4.6584397855396531E-2</c:v>
                </c:pt>
                <c:pt idx="259">
                  <c:v>4.6887306907727168E-2</c:v>
                </c:pt>
                <c:pt idx="260">
                  <c:v>4.7206441589641532E-2</c:v>
                </c:pt>
                <c:pt idx="261">
                  <c:v>4.7508847626668627E-2</c:v>
                </c:pt>
                <c:pt idx="262">
                  <c:v>4.7781966191334839E-2</c:v>
                </c:pt>
                <c:pt idx="263">
                  <c:v>4.7978551619481814E-2</c:v>
                </c:pt>
                <c:pt idx="264">
                  <c:v>4.8167597077347052E-2</c:v>
                </c:pt>
                <c:pt idx="265">
                  <c:v>4.8333059059090216E-2</c:v>
                </c:pt>
                <c:pt idx="266">
                  <c:v>4.8453486592931631E-2</c:v>
                </c:pt>
                <c:pt idx="267">
                  <c:v>4.8355120149519176E-2</c:v>
                </c:pt>
                <c:pt idx="268">
                  <c:v>4.8338073151437351E-2</c:v>
                </c:pt>
                <c:pt idx="269">
                  <c:v>4.838389820363078E-2</c:v>
                </c:pt>
                <c:pt idx="270">
                  <c:v>4.8148798447305616E-2</c:v>
                </c:pt>
                <c:pt idx="271">
                  <c:v>4.7760539721355598E-2</c:v>
                </c:pt>
                <c:pt idx="272">
                  <c:v>4.7185032342548665E-2</c:v>
                </c:pt>
                <c:pt idx="273">
                  <c:v>4.6647597160901187E-2</c:v>
                </c:pt>
                <c:pt idx="274">
                  <c:v>4.6202778714543452E-2</c:v>
                </c:pt>
                <c:pt idx="275">
                  <c:v>4.5808017876817403E-2</c:v>
                </c:pt>
                <c:pt idx="276">
                  <c:v>4.5376861516252032E-2</c:v>
                </c:pt>
                <c:pt idx="277">
                  <c:v>4.5190024023143642E-2</c:v>
                </c:pt>
                <c:pt idx="278">
                  <c:v>4.5276351030566084E-2</c:v>
                </c:pt>
                <c:pt idx="279">
                  <c:v>4.5306389540256717E-2</c:v>
                </c:pt>
                <c:pt idx="280">
                  <c:v>4.5295228419177151E-2</c:v>
                </c:pt>
                <c:pt idx="281">
                  <c:v>4.529915716451733E-2</c:v>
                </c:pt>
                <c:pt idx="282">
                  <c:v>4.5231517053417929E-2</c:v>
                </c:pt>
                <c:pt idx="283">
                  <c:v>4.5043189117251053E-2</c:v>
                </c:pt>
                <c:pt idx="284">
                  <c:v>4.4813228977674549E-2</c:v>
                </c:pt>
                <c:pt idx="285">
                  <c:v>4.4593958157888615E-2</c:v>
                </c:pt>
                <c:pt idx="286">
                  <c:v>4.4321489315457221E-2</c:v>
                </c:pt>
                <c:pt idx="287">
                  <c:v>4.4058010625320658E-2</c:v>
                </c:pt>
                <c:pt idx="288">
                  <c:v>4.3927353369747575E-2</c:v>
                </c:pt>
                <c:pt idx="289">
                  <c:v>4.3848821958898478E-2</c:v>
                </c:pt>
                <c:pt idx="290">
                  <c:v>4.3804030345402305E-2</c:v>
                </c:pt>
                <c:pt idx="291">
                  <c:v>4.3725000007602183E-2</c:v>
                </c:pt>
                <c:pt idx="292">
                  <c:v>4.3864507845088385E-2</c:v>
                </c:pt>
                <c:pt idx="293">
                  <c:v>4.4163736833741564E-2</c:v>
                </c:pt>
                <c:pt idx="294">
                  <c:v>4.4387742059024342E-2</c:v>
                </c:pt>
                <c:pt idx="295">
                  <c:v>4.455814783643567E-2</c:v>
                </c:pt>
                <c:pt idx="296">
                  <c:v>4.4611292383782856E-2</c:v>
                </c:pt>
                <c:pt idx="297">
                  <c:v>4.4587288162732115E-2</c:v>
                </c:pt>
                <c:pt idx="298">
                  <c:v>4.4474568883519833E-2</c:v>
                </c:pt>
                <c:pt idx="299">
                  <c:v>4.4496246716050403E-2</c:v>
                </c:pt>
                <c:pt idx="300">
                  <c:v>4.4595365680817615E-2</c:v>
                </c:pt>
                <c:pt idx="301">
                  <c:v>4.4638812466664089E-2</c:v>
                </c:pt>
                <c:pt idx="302">
                  <c:v>4.4608375665266618E-2</c:v>
                </c:pt>
                <c:pt idx="303">
                  <c:v>4.4586637797880274E-2</c:v>
                </c:pt>
                <c:pt idx="304">
                  <c:v>4.4643159769164532E-2</c:v>
                </c:pt>
                <c:pt idx="305">
                  <c:v>4.4672253740998882E-2</c:v>
                </c:pt>
                <c:pt idx="306">
                  <c:v>4.4584063472982438E-2</c:v>
                </c:pt>
                <c:pt idx="307">
                  <c:v>4.439304431055878E-2</c:v>
                </c:pt>
                <c:pt idx="308">
                  <c:v>4.4140580100628407E-2</c:v>
                </c:pt>
                <c:pt idx="309">
                  <c:v>4.3849859162859432E-2</c:v>
                </c:pt>
                <c:pt idx="310">
                  <c:v>4.3594116465008277E-2</c:v>
                </c:pt>
                <c:pt idx="311">
                  <c:v>4.3341293461199672E-2</c:v>
                </c:pt>
                <c:pt idx="312">
                  <c:v>4.3025669835850218E-2</c:v>
                </c:pt>
                <c:pt idx="313">
                  <c:v>4.2598591427169222E-2</c:v>
                </c:pt>
                <c:pt idx="314">
                  <c:v>4.2301544319510276E-2</c:v>
                </c:pt>
                <c:pt idx="315">
                  <c:v>4.2070178063060529E-2</c:v>
                </c:pt>
                <c:pt idx="316">
                  <c:v>4.1945204038176635E-2</c:v>
                </c:pt>
                <c:pt idx="317">
                  <c:v>4.182283981492059E-2</c:v>
                </c:pt>
                <c:pt idx="318">
                  <c:v>4.1822971278943549E-2</c:v>
                </c:pt>
                <c:pt idx="319">
                  <c:v>4.1888856091513944E-2</c:v>
                </c:pt>
                <c:pt idx="320">
                  <c:v>4.2051242625653643E-2</c:v>
                </c:pt>
                <c:pt idx="321">
                  <c:v>4.2177655200615768E-2</c:v>
                </c:pt>
                <c:pt idx="322">
                  <c:v>4.2308130007704857E-2</c:v>
                </c:pt>
                <c:pt idx="323">
                  <c:v>4.2532558312608028E-2</c:v>
                </c:pt>
                <c:pt idx="324">
                  <c:v>4.2637222757158207E-2</c:v>
                </c:pt>
                <c:pt idx="325">
                  <c:v>4.2732238570500368E-2</c:v>
                </c:pt>
                <c:pt idx="326">
                  <c:v>4.2852914956624251E-2</c:v>
                </c:pt>
                <c:pt idx="327">
                  <c:v>4.3006791309419617E-2</c:v>
                </c:pt>
                <c:pt idx="328">
                  <c:v>4.3138423328342598E-2</c:v>
                </c:pt>
                <c:pt idx="329">
                  <c:v>4.3262789196915244E-2</c:v>
                </c:pt>
                <c:pt idx="330">
                  <c:v>4.3208041505884601E-2</c:v>
                </c:pt>
                <c:pt idx="331">
                  <c:v>4.3145760721619845E-2</c:v>
                </c:pt>
                <c:pt idx="332">
                  <c:v>4.3028290009591838E-2</c:v>
                </c:pt>
                <c:pt idx="333">
                  <c:v>4.2860301119160067E-2</c:v>
                </c:pt>
                <c:pt idx="334">
                  <c:v>4.2625460509652963E-2</c:v>
                </c:pt>
                <c:pt idx="335">
                  <c:v>4.229663003835063E-2</c:v>
                </c:pt>
                <c:pt idx="336">
                  <c:v>4.2009474299821756E-2</c:v>
                </c:pt>
                <c:pt idx="337">
                  <c:v>4.1733390521331522E-2</c:v>
                </c:pt>
                <c:pt idx="338">
                  <c:v>4.1379713639982392E-2</c:v>
                </c:pt>
                <c:pt idx="339">
                  <c:v>4.0922945466567877E-2</c:v>
                </c:pt>
                <c:pt idx="340">
                  <c:v>4.059859287181284E-2</c:v>
                </c:pt>
                <c:pt idx="341">
                  <c:v>4.0405539423174222E-2</c:v>
                </c:pt>
                <c:pt idx="342">
                  <c:v>4.0277606085588932E-2</c:v>
                </c:pt>
                <c:pt idx="343">
                  <c:v>4.0210275925271814E-2</c:v>
                </c:pt>
                <c:pt idx="344">
                  <c:v>4.0148974243998367E-2</c:v>
                </c:pt>
                <c:pt idx="345">
                  <c:v>4.015411640023079E-2</c:v>
                </c:pt>
                <c:pt idx="346">
                  <c:v>4.0216977109629327E-2</c:v>
                </c:pt>
                <c:pt idx="347">
                  <c:v>4.0191559315585677E-2</c:v>
                </c:pt>
                <c:pt idx="348">
                  <c:v>4.0169864335324802E-2</c:v>
                </c:pt>
                <c:pt idx="349">
                  <c:v>4.0227863868685758E-2</c:v>
                </c:pt>
                <c:pt idx="350">
                  <c:v>4.0285635379812758E-2</c:v>
                </c:pt>
                <c:pt idx="351">
                  <c:v>4.018870495376705E-2</c:v>
                </c:pt>
                <c:pt idx="352">
                  <c:v>4.0047372900200794E-2</c:v>
                </c:pt>
                <c:pt idx="353">
                  <c:v>3.991444033147136E-2</c:v>
                </c:pt>
                <c:pt idx="354">
                  <c:v>3.9823592674374977E-2</c:v>
                </c:pt>
                <c:pt idx="355">
                  <c:v>3.9790922174231726E-2</c:v>
                </c:pt>
                <c:pt idx="356">
                  <c:v>3.9734375650972591E-2</c:v>
                </c:pt>
                <c:pt idx="357">
                  <c:v>3.9685216264147033E-2</c:v>
                </c:pt>
                <c:pt idx="358">
                  <c:v>3.9621341047494117E-2</c:v>
                </c:pt>
                <c:pt idx="359">
                  <c:v>3.9505608286126571E-2</c:v>
                </c:pt>
                <c:pt idx="360">
                  <c:v>3.9273654878580644E-2</c:v>
                </c:pt>
                <c:pt idx="361">
                  <c:v>3.912204046573952E-2</c:v>
                </c:pt>
                <c:pt idx="362">
                  <c:v>3.9011055656865058E-2</c:v>
                </c:pt>
                <c:pt idx="363">
                  <c:v>3.8852700264250382E-2</c:v>
                </c:pt>
                <c:pt idx="364">
                  <c:v>3.8773065391682425E-2</c:v>
                </c:pt>
                <c:pt idx="365">
                  <c:v>3.86354400008911E-2</c:v>
                </c:pt>
                <c:pt idx="366">
                  <c:v>3.8391817821062706E-2</c:v>
                </c:pt>
                <c:pt idx="367">
                  <c:v>3.8216587449025521E-2</c:v>
                </c:pt>
                <c:pt idx="368">
                  <c:v>3.8098597376702771E-2</c:v>
                </c:pt>
                <c:pt idx="369">
                  <c:v>3.7961425791129849E-2</c:v>
                </c:pt>
                <c:pt idx="370">
                  <c:v>3.7846775041663047E-2</c:v>
                </c:pt>
                <c:pt idx="371">
                  <c:v>3.7776908829018865E-2</c:v>
                </c:pt>
                <c:pt idx="372">
                  <c:v>3.7664076378837168E-2</c:v>
                </c:pt>
                <c:pt idx="373">
                  <c:v>3.7607690716754523E-2</c:v>
                </c:pt>
                <c:pt idx="374">
                  <c:v>3.758669264730171E-2</c:v>
                </c:pt>
                <c:pt idx="375">
                  <c:v>3.7544898933928844E-2</c:v>
                </c:pt>
                <c:pt idx="376">
                  <c:v>3.7553047252592953E-2</c:v>
                </c:pt>
                <c:pt idx="377">
                  <c:v>3.7516724617204428E-2</c:v>
                </c:pt>
                <c:pt idx="378">
                  <c:v>3.7275587119387027E-2</c:v>
                </c:pt>
                <c:pt idx="379">
                  <c:v>3.7000107055697E-2</c:v>
                </c:pt>
                <c:pt idx="380">
                  <c:v>3.6906005262882756E-2</c:v>
                </c:pt>
                <c:pt idx="381">
                  <c:v>3.687715912865739E-2</c:v>
                </c:pt>
                <c:pt idx="382">
                  <c:v>3.6926992373440111E-2</c:v>
                </c:pt>
                <c:pt idx="383">
                  <c:v>3.6870891862375299E-2</c:v>
                </c:pt>
                <c:pt idx="384">
                  <c:v>3.6750796146568183E-2</c:v>
                </c:pt>
                <c:pt idx="385">
                  <c:v>3.6685086149672093E-2</c:v>
                </c:pt>
                <c:pt idx="386">
                  <c:v>3.670093288751073E-2</c:v>
                </c:pt>
                <c:pt idx="387">
                  <c:v>3.6892760077796426E-2</c:v>
                </c:pt>
                <c:pt idx="388">
                  <c:v>3.7194658131344552E-2</c:v>
                </c:pt>
                <c:pt idx="389">
                  <c:v>3.7528889516212381E-2</c:v>
                </c:pt>
                <c:pt idx="390">
                  <c:v>3.7709900560461113E-2</c:v>
                </c:pt>
                <c:pt idx="391">
                  <c:v>3.7767740830996856E-2</c:v>
                </c:pt>
                <c:pt idx="392">
                  <c:v>3.7812765996883622E-2</c:v>
                </c:pt>
                <c:pt idx="393">
                  <c:v>3.7863428126419144E-2</c:v>
                </c:pt>
                <c:pt idx="394">
                  <c:v>3.791819042775408E-2</c:v>
                </c:pt>
                <c:pt idx="395">
                  <c:v>3.7922103737452542E-2</c:v>
                </c:pt>
                <c:pt idx="396">
                  <c:v>3.7806058692004568E-2</c:v>
                </c:pt>
                <c:pt idx="397">
                  <c:v>3.7637933104026286E-2</c:v>
                </c:pt>
                <c:pt idx="398">
                  <c:v>3.738618251317101E-2</c:v>
                </c:pt>
                <c:pt idx="399">
                  <c:v>3.710425342289727E-2</c:v>
                </c:pt>
                <c:pt idx="400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D80-49F9-8102-4A14E6CCA4A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25098992"/>
        <c:axId val="725101288"/>
      </c:scatterChart>
      <c:valAx>
        <c:axId val="7250989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25101288"/>
        <c:crosses val="autoZero"/>
        <c:crossBetween val="midCat"/>
      </c:valAx>
      <c:valAx>
        <c:axId val="72510128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2509899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0.11804016993860351"/>
                  <c:y val="-0.12530785822459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20-3s(17)'!$D$2:$D$2663</c:f>
              <c:numCache>
                <c:formatCode>General</c:formatCode>
                <c:ptCount val="2662"/>
                <c:pt idx="0">
                  <c:v>0</c:v>
                </c:pt>
                <c:pt idx="1">
                  <c:v>5.0050000000005923E-3</c:v>
                </c:pt>
                <c:pt idx="2">
                  <c:v>1.0010000000000296E-2</c:v>
                </c:pt>
                <c:pt idx="3">
                  <c:v>1.501500000000000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4000000000454E-2</c:v>
                </c:pt>
                <c:pt idx="8">
                  <c:v>4.0039000000000158E-2</c:v>
                </c:pt>
                <c:pt idx="9">
                  <c:v>4.504300000000061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8000000000611E-2</c:v>
                </c:pt>
                <c:pt idx="13">
                  <c:v>6.5063000000000315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199999999988E-2</c:v>
                </c:pt>
                <c:pt idx="18">
                  <c:v>9.0087000000000472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500000000049</c:v>
                </c:pt>
                <c:pt idx="27">
                  <c:v>0.13513000000000019</c:v>
                </c:pt>
                <c:pt idx="28">
                  <c:v>0.1401349999999999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400000000035</c:v>
                </c:pt>
                <c:pt idx="33">
                  <c:v>0.16515900000000006</c:v>
                </c:pt>
                <c:pt idx="34">
                  <c:v>0.17016300000000051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800000000051</c:v>
                </c:pt>
                <c:pt idx="38">
                  <c:v>0.19018300000000021</c:v>
                </c:pt>
                <c:pt idx="39">
                  <c:v>0.19518700000000067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200000000067</c:v>
                </c:pt>
                <c:pt idx="43">
                  <c:v>0.21520700000000037</c:v>
                </c:pt>
                <c:pt idx="44">
                  <c:v>0.22021099999999993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599999999994</c:v>
                </c:pt>
                <c:pt idx="48">
                  <c:v>0.24023100000000053</c:v>
                </c:pt>
                <c:pt idx="49">
                  <c:v>0.24523500000000009</c:v>
                </c:pt>
                <c:pt idx="50">
                  <c:v>0.25024000000000068</c:v>
                </c:pt>
                <c:pt idx="51">
                  <c:v>0.25524500000000039</c:v>
                </c:pt>
                <c:pt idx="52">
                  <c:v>0.26025000000000009</c:v>
                </c:pt>
                <c:pt idx="53">
                  <c:v>0.26525500000000068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400000000025</c:v>
                </c:pt>
                <c:pt idx="58">
                  <c:v>0.29027899999999995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299999999981</c:v>
                </c:pt>
                <c:pt idx="62">
                  <c:v>0.31029800000000041</c:v>
                </c:pt>
                <c:pt idx="63">
                  <c:v>0.31530300000000011</c:v>
                </c:pt>
                <c:pt idx="64">
                  <c:v>0.32030700000000056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200000000056</c:v>
                </c:pt>
                <c:pt idx="68">
                  <c:v>0.34032700000000027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599999999983</c:v>
                </c:pt>
                <c:pt idx="73">
                  <c:v>0.36535100000000043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7900000000015</c:v>
                </c:pt>
                <c:pt idx="80">
                  <c:v>0.40038399999999985</c:v>
                </c:pt>
                <c:pt idx="81">
                  <c:v>0.40538900000000044</c:v>
                </c:pt>
                <c:pt idx="82">
                  <c:v>0.41039400000000015</c:v>
                </c:pt>
                <c:pt idx="83">
                  <c:v>0.41539899999999985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80000000003</c:v>
                </c:pt>
                <c:pt idx="88">
                  <c:v>0.44042300000000001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699999999987</c:v>
                </c:pt>
                <c:pt idx="92">
                  <c:v>0.46044200000000046</c:v>
                </c:pt>
                <c:pt idx="93">
                  <c:v>0.46544700000000017</c:v>
                </c:pt>
                <c:pt idx="94">
                  <c:v>0.47045100000000062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032</c:v>
                </c:pt>
                <c:pt idx="99">
                  <c:v>0.49547499999999989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8999999999989</c:v>
                </c:pt>
                <c:pt idx="103">
                  <c:v>0.51549500000000048</c:v>
                </c:pt>
                <c:pt idx="104">
                  <c:v>0.52049900000000004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400000000005</c:v>
                </c:pt>
                <c:pt idx="108">
                  <c:v>0.54051900000000064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80000000002</c:v>
                </c:pt>
                <c:pt idx="113">
                  <c:v>0.56554299999999991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036</c:v>
                </c:pt>
                <c:pt idx="118">
                  <c:v>0.59056700000000006</c:v>
                </c:pt>
                <c:pt idx="119">
                  <c:v>0.59557100000000052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600000000052</c:v>
                </c:pt>
                <c:pt idx="123">
                  <c:v>0.61559100000000022</c:v>
                </c:pt>
                <c:pt idx="124">
                  <c:v>0.62059500000000067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1000000000067</c:v>
                </c:pt>
                <c:pt idx="128">
                  <c:v>0.64061500000000038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900000000024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30000000001</c:v>
                </c:pt>
                <c:pt idx="135">
                  <c:v>0.6756479999999998</c:v>
                </c:pt>
                <c:pt idx="136">
                  <c:v>0.6806530000000004</c:v>
                </c:pt>
                <c:pt idx="137">
                  <c:v>0.6856580000000001</c:v>
                </c:pt>
                <c:pt idx="138">
                  <c:v>0.6906629999999998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200000000026</c:v>
                </c:pt>
                <c:pt idx="143">
                  <c:v>0.71568699999999996</c:v>
                </c:pt>
                <c:pt idx="144">
                  <c:v>0.72069100000000041</c:v>
                </c:pt>
                <c:pt idx="145">
                  <c:v>0.72569600000000012</c:v>
                </c:pt>
                <c:pt idx="146">
                  <c:v>0.73070099999999982</c:v>
                </c:pt>
                <c:pt idx="147">
                  <c:v>0.73570600000000042</c:v>
                </c:pt>
                <c:pt idx="148">
                  <c:v>0.74071100000000012</c:v>
                </c:pt>
                <c:pt idx="149">
                  <c:v>0.74571500000000057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500000000028</c:v>
                </c:pt>
                <c:pt idx="154">
                  <c:v>0.77073899999999984</c:v>
                </c:pt>
                <c:pt idx="155">
                  <c:v>0.77574400000000043</c:v>
                </c:pt>
                <c:pt idx="156">
                  <c:v>0.78074900000000014</c:v>
                </c:pt>
                <c:pt idx="157">
                  <c:v>0.78575399999999984</c:v>
                </c:pt>
                <c:pt idx="158">
                  <c:v>0.79075900000000043</c:v>
                </c:pt>
                <c:pt idx="159">
                  <c:v>0.795763</c:v>
                </c:pt>
                <c:pt idx="160">
                  <c:v>0.80076800000000059</c:v>
                </c:pt>
                <c:pt idx="161">
                  <c:v>0.80577300000000029</c:v>
                </c:pt>
                <c:pt idx="162">
                  <c:v>0.810778</c:v>
                </c:pt>
                <c:pt idx="163">
                  <c:v>0.81578300000000059</c:v>
                </c:pt>
                <c:pt idx="164">
                  <c:v>0.82078700000000016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200000000016</c:v>
                </c:pt>
                <c:pt idx="168">
                  <c:v>0.84080699999999986</c:v>
                </c:pt>
                <c:pt idx="169">
                  <c:v>0.84581100000000031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600000000031</c:v>
                </c:pt>
                <c:pt idx="173">
                  <c:v>0.86583100000000002</c:v>
                </c:pt>
                <c:pt idx="174">
                  <c:v>0.87083500000000047</c:v>
                </c:pt>
                <c:pt idx="175">
                  <c:v>0.87584000000000017</c:v>
                </c:pt>
                <c:pt idx="176">
                  <c:v>0.88084499999999988</c:v>
                </c:pt>
                <c:pt idx="177">
                  <c:v>0.88585000000000047</c:v>
                </c:pt>
                <c:pt idx="178">
                  <c:v>0.89085500000000017</c:v>
                </c:pt>
                <c:pt idx="179">
                  <c:v>0.89585900000000063</c:v>
                </c:pt>
                <c:pt idx="180">
                  <c:v>0.90086400000000033</c:v>
                </c:pt>
                <c:pt idx="181">
                  <c:v>0.90586900000000004</c:v>
                </c:pt>
                <c:pt idx="182">
                  <c:v>0.91087400000000063</c:v>
                </c:pt>
                <c:pt idx="183">
                  <c:v>0.91587900000000033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300000000019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700000000035</c:v>
                </c:pt>
                <c:pt idx="192">
                  <c:v>0.96092200000000005</c:v>
                </c:pt>
                <c:pt idx="193">
                  <c:v>0.96592700000000065</c:v>
                </c:pt>
                <c:pt idx="194">
                  <c:v>0.97093100000000021</c:v>
                </c:pt>
                <c:pt idx="195">
                  <c:v>0.97593599999999991</c:v>
                </c:pt>
                <c:pt idx="196">
                  <c:v>0.98094100000000051</c:v>
                </c:pt>
                <c:pt idx="197">
                  <c:v>0.98594600000000021</c:v>
                </c:pt>
                <c:pt idx="198">
                  <c:v>0.99095099999999992</c:v>
                </c:pt>
                <c:pt idx="199">
                  <c:v>0.99595500000000037</c:v>
                </c:pt>
                <c:pt idx="200">
                  <c:v>1.0009600000000001</c:v>
                </c:pt>
                <c:pt idx="201">
                  <c:v>1.0059650000000007</c:v>
                </c:pt>
                <c:pt idx="202">
                  <c:v>1.0109700000000004</c:v>
                </c:pt>
                <c:pt idx="203">
                  <c:v>1.0159750000000001</c:v>
                </c:pt>
                <c:pt idx="204">
                  <c:v>1.0209790000000005</c:v>
                </c:pt>
                <c:pt idx="205">
                  <c:v>1.0259840000000002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90000000002</c:v>
                </c:pt>
                <c:pt idx="209">
                  <c:v>1.0460030000000007</c:v>
                </c:pt>
                <c:pt idx="210">
                  <c:v>1.0510080000000004</c:v>
                </c:pt>
                <c:pt idx="211">
                  <c:v>1.0560130000000001</c:v>
                </c:pt>
                <c:pt idx="212">
                  <c:v>1.0610180000000007</c:v>
                </c:pt>
                <c:pt idx="213">
                  <c:v>1.0660230000000004</c:v>
                </c:pt>
                <c:pt idx="214">
                  <c:v>1.071027</c:v>
                </c:pt>
                <c:pt idx="215">
                  <c:v>1.0760320000000005</c:v>
                </c:pt>
                <c:pt idx="216">
                  <c:v>1.0810370000000002</c:v>
                </c:pt>
                <c:pt idx="217">
                  <c:v>1.086042</c:v>
                </c:pt>
                <c:pt idx="218">
                  <c:v>1.0910470000000005</c:v>
                </c:pt>
                <c:pt idx="219">
                  <c:v>1.0960510000000001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60000000001</c:v>
                </c:pt>
                <c:pt idx="223">
                  <c:v>1.1160709999999998</c:v>
                </c:pt>
                <c:pt idx="224">
                  <c:v>1.1210750000000003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900000000003</c:v>
                </c:pt>
                <c:pt idx="228">
                  <c:v>1.141095</c:v>
                </c:pt>
                <c:pt idx="229">
                  <c:v>1.1460990000000004</c:v>
                </c:pt>
                <c:pt idx="230">
                  <c:v>1.1511040000000001</c:v>
                </c:pt>
                <c:pt idx="231">
                  <c:v>1.1561089999999998</c:v>
                </c:pt>
                <c:pt idx="232">
                  <c:v>1.1611140000000004</c:v>
                </c:pt>
                <c:pt idx="233">
                  <c:v>1.1661190000000001</c:v>
                </c:pt>
                <c:pt idx="234">
                  <c:v>1.1711230000000006</c:v>
                </c:pt>
                <c:pt idx="235">
                  <c:v>1.1761280000000003</c:v>
                </c:pt>
                <c:pt idx="236">
                  <c:v>1.181133</c:v>
                </c:pt>
                <c:pt idx="237">
                  <c:v>1.1861380000000006</c:v>
                </c:pt>
                <c:pt idx="238">
                  <c:v>1.191143000000000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70000000001</c:v>
                </c:pt>
                <c:pt idx="242">
                  <c:v>1.2111619999999998</c:v>
                </c:pt>
                <c:pt idx="243">
                  <c:v>1.2161670000000004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10000000003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50000000002</c:v>
                </c:pt>
                <c:pt idx="250">
                  <c:v>1.2511999999999999</c:v>
                </c:pt>
                <c:pt idx="251">
                  <c:v>1.2562050000000005</c:v>
                </c:pt>
                <c:pt idx="252">
                  <c:v>1.2612100000000002</c:v>
                </c:pt>
                <c:pt idx="253">
                  <c:v>1.2662149999999999</c:v>
                </c:pt>
                <c:pt idx="254">
                  <c:v>1.2712190000000003</c:v>
                </c:pt>
                <c:pt idx="255">
                  <c:v>1.276224</c:v>
                </c:pt>
                <c:pt idx="256">
                  <c:v>1.2812290000000006</c:v>
                </c:pt>
                <c:pt idx="257">
                  <c:v>1.2862340000000003</c:v>
                </c:pt>
                <c:pt idx="258">
                  <c:v>1.291239</c:v>
                </c:pt>
                <c:pt idx="259">
                  <c:v>1.2962430000000005</c:v>
                </c:pt>
                <c:pt idx="260">
                  <c:v>1.3012480000000002</c:v>
                </c:pt>
                <c:pt idx="261">
                  <c:v>1.3062529999999999</c:v>
                </c:pt>
                <c:pt idx="262">
                  <c:v>1.3112580000000005</c:v>
                </c:pt>
                <c:pt idx="263">
                  <c:v>1.3162630000000002</c:v>
                </c:pt>
                <c:pt idx="264">
                  <c:v>1.3212670000000006</c:v>
                </c:pt>
                <c:pt idx="265">
                  <c:v>1.3262720000000003</c:v>
                </c:pt>
                <c:pt idx="266">
                  <c:v>1.331277</c:v>
                </c:pt>
                <c:pt idx="267">
                  <c:v>1.3362820000000006</c:v>
                </c:pt>
                <c:pt idx="268">
                  <c:v>1.3412870000000003</c:v>
                </c:pt>
                <c:pt idx="269">
                  <c:v>1.3462909999999999</c:v>
                </c:pt>
                <c:pt idx="270">
                  <c:v>1.3512960000000005</c:v>
                </c:pt>
                <c:pt idx="271">
                  <c:v>1.3563010000000002</c:v>
                </c:pt>
                <c:pt idx="272">
                  <c:v>1.3613059999999999</c:v>
                </c:pt>
                <c:pt idx="273">
                  <c:v>1.3663110000000005</c:v>
                </c:pt>
                <c:pt idx="274">
                  <c:v>1.3713150000000001</c:v>
                </c:pt>
                <c:pt idx="275">
                  <c:v>1.3763200000000007</c:v>
                </c:pt>
                <c:pt idx="276">
                  <c:v>1.3813250000000004</c:v>
                </c:pt>
                <c:pt idx="277">
                  <c:v>1.3863300000000001</c:v>
                </c:pt>
                <c:pt idx="278">
                  <c:v>1.3913350000000007</c:v>
                </c:pt>
                <c:pt idx="279">
                  <c:v>1.3963390000000002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40000000002</c:v>
                </c:pt>
                <c:pt idx="283">
                  <c:v>1.4163589999999999</c:v>
                </c:pt>
                <c:pt idx="284">
                  <c:v>1.4213630000000004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80000000004</c:v>
                </c:pt>
                <c:pt idx="288">
                  <c:v>1.4413830000000001</c:v>
                </c:pt>
                <c:pt idx="289">
                  <c:v>1.4463870000000005</c:v>
                </c:pt>
                <c:pt idx="290">
                  <c:v>1.4513920000000002</c:v>
                </c:pt>
                <c:pt idx="291">
                  <c:v>1.4563969999999999</c:v>
                </c:pt>
                <c:pt idx="292">
                  <c:v>1.4614020000000005</c:v>
                </c:pt>
                <c:pt idx="293">
                  <c:v>1.4664070000000002</c:v>
                </c:pt>
                <c:pt idx="294">
                  <c:v>1.4714110000000007</c:v>
                </c:pt>
                <c:pt idx="295">
                  <c:v>1.4764160000000004</c:v>
                </c:pt>
                <c:pt idx="296">
                  <c:v>1.4814210000000001</c:v>
                </c:pt>
                <c:pt idx="297">
                  <c:v>1.4864260000000007</c:v>
                </c:pt>
                <c:pt idx="298">
                  <c:v>1.4914310000000004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50000000003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590000000001</c:v>
                </c:pt>
                <c:pt idx="305">
                  <c:v>1.5264639999999998</c:v>
                </c:pt>
                <c:pt idx="306">
                  <c:v>1.5314690000000004</c:v>
                </c:pt>
                <c:pt idx="307">
                  <c:v>1.5364740000000001</c:v>
                </c:pt>
                <c:pt idx="308">
                  <c:v>1.5414789999999998</c:v>
                </c:pt>
                <c:pt idx="309">
                  <c:v>1.5464830000000003</c:v>
                </c:pt>
                <c:pt idx="310">
                  <c:v>1.551488</c:v>
                </c:pt>
                <c:pt idx="311">
                  <c:v>1.5564930000000006</c:v>
                </c:pt>
                <c:pt idx="312">
                  <c:v>1.5614980000000003</c:v>
                </c:pt>
                <c:pt idx="313">
                  <c:v>1.566503</c:v>
                </c:pt>
                <c:pt idx="314">
                  <c:v>1.5715070000000004</c:v>
                </c:pt>
                <c:pt idx="315">
                  <c:v>1.5765120000000001</c:v>
                </c:pt>
                <c:pt idx="316">
                  <c:v>1.5815169999999998</c:v>
                </c:pt>
                <c:pt idx="317">
                  <c:v>1.5865220000000004</c:v>
                </c:pt>
                <c:pt idx="318">
                  <c:v>1.5915270000000001</c:v>
                </c:pt>
                <c:pt idx="319">
                  <c:v>1.5965310000000006</c:v>
                </c:pt>
                <c:pt idx="320">
                  <c:v>1.6015360000000003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10000000003</c:v>
                </c:pt>
                <c:pt idx="324">
                  <c:v>1.6215549999999999</c:v>
                </c:pt>
                <c:pt idx="325">
                  <c:v>1.6265600000000004</c:v>
                </c:pt>
                <c:pt idx="326">
                  <c:v>1.6315650000000002</c:v>
                </c:pt>
                <c:pt idx="327">
                  <c:v>1.6365699999999999</c:v>
                </c:pt>
                <c:pt idx="328">
                  <c:v>1.6415750000000005</c:v>
                </c:pt>
                <c:pt idx="329">
                  <c:v>1.646579</c:v>
                </c:pt>
                <c:pt idx="330">
                  <c:v>1.6515840000000006</c:v>
                </c:pt>
                <c:pt idx="331">
                  <c:v>1.6565890000000003</c:v>
                </c:pt>
                <c:pt idx="332">
                  <c:v>1.661594</c:v>
                </c:pt>
                <c:pt idx="333">
                  <c:v>1.6665990000000006</c:v>
                </c:pt>
                <c:pt idx="334">
                  <c:v>1.6716030000000002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80000000002</c:v>
                </c:pt>
                <c:pt idx="338">
                  <c:v>1.6916229999999999</c:v>
                </c:pt>
                <c:pt idx="339">
                  <c:v>1.6966270000000003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20000000003</c:v>
                </c:pt>
                <c:pt idx="343">
                  <c:v>1.716647</c:v>
                </c:pt>
                <c:pt idx="344">
                  <c:v>1.7216510000000005</c:v>
                </c:pt>
                <c:pt idx="345">
                  <c:v>1.7266560000000002</c:v>
                </c:pt>
                <c:pt idx="346">
                  <c:v>1.7316609999999999</c:v>
                </c:pt>
                <c:pt idx="347">
                  <c:v>1.7366660000000005</c:v>
                </c:pt>
                <c:pt idx="348">
                  <c:v>1.7416710000000002</c:v>
                </c:pt>
                <c:pt idx="349">
                  <c:v>1.7466750000000006</c:v>
                </c:pt>
                <c:pt idx="350">
                  <c:v>1.7516800000000003</c:v>
                </c:pt>
                <c:pt idx="351">
                  <c:v>1.7566850000000001</c:v>
                </c:pt>
                <c:pt idx="352">
                  <c:v>1.7616900000000006</c:v>
                </c:pt>
                <c:pt idx="353">
                  <c:v>1.7666950000000003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90000000002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30000000004</c:v>
                </c:pt>
                <c:pt idx="362">
                  <c:v>1.8117380000000001</c:v>
                </c:pt>
                <c:pt idx="363">
                  <c:v>1.8167430000000007</c:v>
                </c:pt>
                <c:pt idx="364">
                  <c:v>1.8217470000000002</c:v>
                </c:pt>
                <c:pt idx="365">
                  <c:v>1.8267519999999999</c:v>
                </c:pt>
                <c:pt idx="366">
                  <c:v>1.8317570000000005</c:v>
                </c:pt>
                <c:pt idx="367">
                  <c:v>1.8367620000000002</c:v>
                </c:pt>
                <c:pt idx="368">
                  <c:v>1.8417669999999999</c:v>
                </c:pt>
                <c:pt idx="369">
                  <c:v>1.8467710000000004</c:v>
                </c:pt>
                <c:pt idx="370">
                  <c:v>1.8517760000000001</c:v>
                </c:pt>
                <c:pt idx="371">
                  <c:v>1.8567810000000007</c:v>
                </c:pt>
                <c:pt idx="372">
                  <c:v>1.8617860000000004</c:v>
                </c:pt>
                <c:pt idx="373">
                  <c:v>1.8667910000000001</c:v>
                </c:pt>
                <c:pt idx="374">
                  <c:v>1.8717950000000005</c:v>
                </c:pt>
                <c:pt idx="375">
                  <c:v>1.8768000000000002</c:v>
                </c:pt>
                <c:pt idx="376">
                  <c:v>1.8818049999999999</c:v>
                </c:pt>
                <c:pt idx="377">
                  <c:v>1.8868100000000005</c:v>
                </c:pt>
                <c:pt idx="378">
                  <c:v>1.891815000000000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90000000001</c:v>
                </c:pt>
                <c:pt idx="382">
                  <c:v>1.9118339999999998</c:v>
                </c:pt>
                <c:pt idx="383">
                  <c:v>1.9168390000000004</c:v>
                </c:pt>
                <c:pt idx="384">
                  <c:v>1.921843</c:v>
                </c:pt>
                <c:pt idx="385">
                  <c:v>1.9268480000000006</c:v>
                </c:pt>
                <c:pt idx="386">
                  <c:v>1.9318530000000003</c:v>
                </c:pt>
                <c:pt idx="387">
                  <c:v>1.936858</c:v>
                </c:pt>
                <c:pt idx="388">
                  <c:v>1.9418630000000006</c:v>
                </c:pt>
                <c:pt idx="389">
                  <c:v>1.946867000000001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2000000001</c:v>
                </c:pt>
                <c:pt idx="393">
                  <c:v>1.9668869999999998</c:v>
                </c:pt>
                <c:pt idx="394">
                  <c:v>1.9718909999999994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59999999994</c:v>
                </c:pt>
                <c:pt idx="398">
                  <c:v>1.991911</c:v>
                </c:pt>
                <c:pt idx="399">
                  <c:v>1.9969149999999996</c:v>
                </c:pt>
                <c:pt idx="400">
                  <c:v>2.0019200000000001</c:v>
                </c:pt>
                <c:pt idx="401">
                  <c:v>2.0069250000000007</c:v>
                </c:pt>
                <c:pt idx="402">
                  <c:v>2.0119299999999996</c:v>
                </c:pt>
                <c:pt idx="403">
                  <c:v>2.0169350000000001</c:v>
                </c:pt>
                <c:pt idx="404">
                  <c:v>2.0219389999999997</c:v>
                </c:pt>
                <c:pt idx="405">
                  <c:v>2.0269440000000003</c:v>
                </c:pt>
                <c:pt idx="406">
                  <c:v>2.0319490000000009</c:v>
                </c:pt>
                <c:pt idx="407">
                  <c:v>2.0369539999999997</c:v>
                </c:pt>
              </c:numCache>
            </c:numRef>
          </c:xVal>
          <c:yVal>
            <c:numRef>
              <c:f>'Multi-20-3s(17)'!$E$2:$E$2663</c:f>
              <c:numCache>
                <c:formatCode>General</c:formatCode>
                <c:ptCount val="2662"/>
                <c:pt idx="0">
                  <c:v>0</c:v>
                </c:pt>
                <c:pt idx="1">
                  <c:v>1.8713989999996556</c:v>
                </c:pt>
                <c:pt idx="2">
                  <c:v>2.5905139999999847</c:v>
                </c:pt>
                <c:pt idx="3">
                  <c:v>3.559266999999636</c:v>
                </c:pt>
                <c:pt idx="4">
                  <c:v>4.728867999999693</c:v>
                </c:pt>
                <c:pt idx="5">
                  <c:v>6.2415670000000318</c:v>
                </c:pt>
                <c:pt idx="6">
                  <c:v>7.7820589999996628</c:v>
                </c:pt>
                <c:pt idx="7">
                  <c:v>8.3852959999999257</c:v>
                </c:pt>
                <c:pt idx="8">
                  <c:v>8.6968209999999999</c:v>
                </c:pt>
                <c:pt idx="9">
                  <c:v>9.2308859999998276</c:v>
                </c:pt>
                <c:pt idx="10">
                  <c:v>10.225648999999976</c:v>
                </c:pt>
                <c:pt idx="11">
                  <c:v>11.613654999999653</c:v>
                </c:pt>
                <c:pt idx="12">
                  <c:v>12.549827999999707</c:v>
                </c:pt>
                <c:pt idx="13">
                  <c:v>13.276825999999801</c:v>
                </c:pt>
                <c:pt idx="14">
                  <c:v>14.479565999999977</c:v>
                </c:pt>
                <c:pt idx="15">
                  <c:v>15.434541999999965</c:v>
                </c:pt>
                <c:pt idx="16">
                  <c:v>16.765989999999874</c:v>
                </c:pt>
                <c:pt idx="17">
                  <c:v>18.545260999999755</c:v>
                </c:pt>
                <c:pt idx="18">
                  <c:v>20.029643999999735</c:v>
                </c:pt>
                <c:pt idx="19">
                  <c:v>21.493944999999712</c:v>
                </c:pt>
                <c:pt idx="20">
                  <c:v>22.49378999999999</c:v>
                </c:pt>
                <c:pt idx="21">
                  <c:v>22.774390999999923</c:v>
                </c:pt>
                <c:pt idx="22">
                  <c:v>23.57412499999964</c:v>
                </c:pt>
                <c:pt idx="23">
                  <c:v>25.432847000000038</c:v>
                </c:pt>
                <c:pt idx="24">
                  <c:v>27.500931000000037</c:v>
                </c:pt>
                <c:pt idx="25">
                  <c:v>29.334860999999819</c:v>
                </c:pt>
                <c:pt idx="26">
                  <c:v>30.82948499999975</c:v>
                </c:pt>
                <c:pt idx="27">
                  <c:v>31.850357999999687</c:v>
                </c:pt>
                <c:pt idx="28">
                  <c:v>32.213629999999739</c:v>
                </c:pt>
                <c:pt idx="29">
                  <c:v>32.305457999999817</c:v>
                </c:pt>
                <c:pt idx="30">
                  <c:v>32.515764999999647</c:v>
                </c:pt>
                <c:pt idx="31">
                  <c:v>32.777440999999726</c:v>
                </c:pt>
                <c:pt idx="32">
                  <c:v>32.442117000000053</c:v>
                </c:pt>
                <c:pt idx="33">
                  <c:v>31.240955999999642</c:v>
                </c:pt>
                <c:pt idx="34">
                  <c:v>30.730007999999998</c:v>
                </c:pt>
                <c:pt idx="35">
                  <c:v>31.446244999999635</c:v>
                </c:pt>
                <c:pt idx="36">
                  <c:v>32.092034999999669</c:v>
                </c:pt>
                <c:pt idx="37">
                  <c:v>31.374986999999692</c:v>
                </c:pt>
                <c:pt idx="38">
                  <c:v>29.727386999999908</c:v>
                </c:pt>
                <c:pt idx="39">
                  <c:v>28.730771000000004</c:v>
                </c:pt>
                <c:pt idx="40">
                  <c:v>28.884157999999843</c:v>
                </c:pt>
                <c:pt idx="41">
                  <c:v>29.485427999999956</c:v>
                </c:pt>
                <c:pt idx="42">
                  <c:v>29.797303999999713</c:v>
                </c:pt>
                <c:pt idx="43">
                  <c:v>29.130479999999807</c:v>
                </c:pt>
                <c:pt idx="44">
                  <c:v>28.940476999999646</c:v>
                </c:pt>
                <c:pt idx="45">
                  <c:v>29.488990999999714</c:v>
                </c:pt>
                <c:pt idx="46">
                  <c:v>30.738585000000057</c:v>
                </c:pt>
                <c:pt idx="47">
                  <c:v>32.511435999999776</c:v>
                </c:pt>
                <c:pt idx="48">
                  <c:v>34.704600000000028</c:v>
                </c:pt>
                <c:pt idx="49">
                  <c:v>37.244635000000017</c:v>
                </c:pt>
                <c:pt idx="50">
                  <c:v>39.738685999999689</c:v>
                </c:pt>
                <c:pt idx="51">
                  <c:v>41.938861999999972</c:v>
                </c:pt>
                <c:pt idx="52">
                  <c:v>43.832400999999663</c:v>
                </c:pt>
                <c:pt idx="53">
                  <c:v>45.660491999999977</c:v>
                </c:pt>
                <c:pt idx="54">
                  <c:v>47.542595999999776</c:v>
                </c:pt>
                <c:pt idx="55">
                  <c:v>48.799924999999803</c:v>
                </c:pt>
                <c:pt idx="56">
                  <c:v>48.780209000000013</c:v>
                </c:pt>
                <c:pt idx="57">
                  <c:v>48.118614999999863</c:v>
                </c:pt>
                <c:pt idx="58">
                  <c:v>47.658615999999711</c:v>
                </c:pt>
                <c:pt idx="59">
                  <c:v>47.411427999999887</c:v>
                </c:pt>
                <c:pt idx="60">
                  <c:v>47.025956999999835</c:v>
                </c:pt>
                <c:pt idx="61">
                  <c:v>46.29841099999976</c:v>
                </c:pt>
                <c:pt idx="62">
                  <c:v>45.112335999999686</c:v>
                </c:pt>
                <c:pt idx="63">
                  <c:v>44.766319999999723</c:v>
                </c:pt>
                <c:pt idx="64">
                  <c:v>44.916335999999774</c:v>
                </c:pt>
                <c:pt idx="65">
                  <c:v>44.15616</c:v>
                </c:pt>
                <c:pt idx="66">
                  <c:v>43.443962999999712</c:v>
                </c:pt>
                <c:pt idx="67">
                  <c:v>43.123646999999892</c:v>
                </c:pt>
                <c:pt idx="68">
                  <c:v>42.540923999999904</c:v>
                </c:pt>
                <c:pt idx="69">
                  <c:v>42.066804999999931</c:v>
                </c:pt>
                <c:pt idx="70">
                  <c:v>41.726353999999901</c:v>
                </c:pt>
                <c:pt idx="71">
                  <c:v>41.251094999999623</c:v>
                </c:pt>
                <c:pt idx="72">
                  <c:v>41.422391000000061</c:v>
                </c:pt>
                <c:pt idx="73">
                  <c:v>42.565988999999718</c:v>
                </c:pt>
                <c:pt idx="74">
                  <c:v>44.005703999999696</c:v>
                </c:pt>
                <c:pt idx="75">
                  <c:v>45.416580000000067</c:v>
                </c:pt>
                <c:pt idx="76">
                  <c:v>47.613612999999987</c:v>
                </c:pt>
                <c:pt idx="77">
                  <c:v>49.216109999999844</c:v>
                </c:pt>
                <c:pt idx="78">
                  <c:v>50.446204999999736</c:v>
                </c:pt>
                <c:pt idx="79">
                  <c:v>51.748210999999628</c:v>
                </c:pt>
                <c:pt idx="80">
                  <c:v>53.563192000000072</c:v>
                </c:pt>
                <c:pt idx="81">
                  <c:v>55.545952999999827</c:v>
                </c:pt>
                <c:pt idx="82">
                  <c:v>57.743975999999748</c:v>
                </c:pt>
                <c:pt idx="83">
                  <c:v>59.390499999999975</c:v>
                </c:pt>
                <c:pt idx="84">
                  <c:v>60.02083999999968</c:v>
                </c:pt>
                <c:pt idx="85">
                  <c:v>60.534133999999995</c:v>
                </c:pt>
                <c:pt idx="86">
                  <c:v>60.41654299999982</c:v>
                </c:pt>
                <c:pt idx="87">
                  <c:v>60.255967000000055</c:v>
                </c:pt>
                <c:pt idx="88">
                  <c:v>60.236683999999968</c:v>
                </c:pt>
                <c:pt idx="89">
                  <c:v>59.492546999999831</c:v>
                </c:pt>
                <c:pt idx="90">
                  <c:v>58.19833299999982</c:v>
                </c:pt>
                <c:pt idx="91">
                  <c:v>56.666913000000022</c:v>
                </c:pt>
                <c:pt idx="92">
                  <c:v>55.196154999999635</c:v>
                </c:pt>
                <c:pt idx="93">
                  <c:v>54.650879999999688</c:v>
                </c:pt>
                <c:pt idx="94">
                  <c:v>54.873783999999887</c:v>
                </c:pt>
                <c:pt idx="95">
                  <c:v>55.464355000000069</c:v>
                </c:pt>
                <c:pt idx="96">
                  <c:v>56.01074699999981</c:v>
                </c:pt>
                <c:pt idx="97">
                  <c:v>56.383350000000064</c:v>
                </c:pt>
                <c:pt idx="98">
                  <c:v>56.58237199999985</c:v>
                </c:pt>
                <c:pt idx="99">
                  <c:v>56.840402999999696</c:v>
                </c:pt>
                <c:pt idx="100">
                  <c:v>57.71370799999977</c:v>
                </c:pt>
                <c:pt idx="101">
                  <c:v>58.423501999999644</c:v>
                </c:pt>
                <c:pt idx="102">
                  <c:v>59.505713999999898</c:v>
                </c:pt>
                <c:pt idx="103">
                  <c:v>60.792115999999623</c:v>
                </c:pt>
                <c:pt idx="104">
                  <c:v>61.988444000000072</c:v>
                </c:pt>
                <c:pt idx="105">
                  <c:v>62.97357299999976</c:v>
                </c:pt>
                <c:pt idx="106">
                  <c:v>64.163860999999997</c:v>
                </c:pt>
                <c:pt idx="107">
                  <c:v>65.414941999999883</c:v>
                </c:pt>
                <c:pt idx="108">
                  <c:v>66.373681999999917</c:v>
                </c:pt>
                <c:pt idx="109">
                  <c:v>66.503205999999864</c:v>
                </c:pt>
                <c:pt idx="110">
                  <c:v>66.782796999999846</c:v>
                </c:pt>
                <c:pt idx="111">
                  <c:v>67.026020999999673</c:v>
                </c:pt>
                <c:pt idx="112">
                  <c:v>66.333455999999842</c:v>
                </c:pt>
                <c:pt idx="113">
                  <c:v>65.645410999999967</c:v>
                </c:pt>
                <c:pt idx="114">
                  <c:v>64.90447099999983</c:v>
                </c:pt>
                <c:pt idx="115">
                  <c:v>63.737454999999954</c:v>
                </c:pt>
                <c:pt idx="116">
                  <c:v>62.242207999999664</c:v>
                </c:pt>
                <c:pt idx="117">
                  <c:v>61.437200999999732</c:v>
                </c:pt>
                <c:pt idx="118">
                  <c:v>60.986595999999736</c:v>
                </c:pt>
                <c:pt idx="119">
                  <c:v>60.610141999999996</c:v>
                </c:pt>
                <c:pt idx="120">
                  <c:v>60.61511900000005</c:v>
                </c:pt>
                <c:pt idx="121">
                  <c:v>61.472128999999768</c:v>
                </c:pt>
                <c:pt idx="122">
                  <c:v>63.268356999999924</c:v>
                </c:pt>
                <c:pt idx="123">
                  <c:v>65.230371999999988</c:v>
                </c:pt>
                <c:pt idx="124">
                  <c:v>66.509861999999885</c:v>
                </c:pt>
                <c:pt idx="125">
                  <c:v>67.798781999999846</c:v>
                </c:pt>
                <c:pt idx="126">
                  <c:v>69.193789999999808</c:v>
                </c:pt>
                <c:pt idx="127">
                  <c:v>69.913252999999713</c:v>
                </c:pt>
                <c:pt idx="128">
                  <c:v>69.993544999999813</c:v>
                </c:pt>
                <c:pt idx="129">
                  <c:v>69.892637999999806</c:v>
                </c:pt>
                <c:pt idx="130">
                  <c:v>70.092257999999674</c:v>
                </c:pt>
                <c:pt idx="131">
                  <c:v>70.329567999999654</c:v>
                </c:pt>
                <c:pt idx="132">
                  <c:v>70.314840999999888</c:v>
                </c:pt>
                <c:pt idx="133">
                  <c:v>70.210896000000048</c:v>
                </c:pt>
                <c:pt idx="134">
                  <c:v>70.723731999999927</c:v>
                </c:pt>
                <c:pt idx="135">
                  <c:v>71.731262999999672</c:v>
                </c:pt>
                <c:pt idx="136">
                  <c:v>73.108639999999923</c:v>
                </c:pt>
                <c:pt idx="137">
                  <c:v>74.173459999999977</c:v>
                </c:pt>
                <c:pt idx="138">
                  <c:v>74.37974499999973</c:v>
                </c:pt>
                <c:pt idx="139">
                  <c:v>74.23563299999978</c:v>
                </c:pt>
                <c:pt idx="140">
                  <c:v>73.762901000000056</c:v>
                </c:pt>
                <c:pt idx="141">
                  <c:v>73.914626999999655</c:v>
                </c:pt>
                <c:pt idx="142">
                  <c:v>74.469900999999936</c:v>
                </c:pt>
                <c:pt idx="143">
                  <c:v>74.137476999999762</c:v>
                </c:pt>
                <c:pt idx="144">
                  <c:v>73.209311000000071</c:v>
                </c:pt>
                <c:pt idx="145">
                  <c:v>72.703595999999834</c:v>
                </c:pt>
                <c:pt idx="146">
                  <c:v>71.802118999999948</c:v>
                </c:pt>
                <c:pt idx="147">
                  <c:v>71.425983999999971</c:v>
                </c:pt>
                <c:pt idx="148">
                  <c:v>71.301742999999988</c:v>
                </c:pt>
                <c:pt idx="149">
                  <c:v>71.650197999999818</c:v>
                </c:pt>
                <c:pt idx="150">
                  <c:v>72.091981000000033</c:v>
                </c:pt>
                <c:pt idx="151">
                  <c:v>72.524070999999822</c:v>
                </c:pt>
                <c:pt idx="152">
                  <c:v>72.659256999999798</c:v>
                </c:pt>
                <c:pt idx="153">
                  <c:v>72.953583999999864</c:v>
                </c:pt>
                <c:pt idx="154">
                  <c:v>74.157068999999865</c:v>
                </c:pt>
                <c:pt idx="155">
                  <c:v>75.604885999999624</c:v>
                </c:pt>
                <c:pt idx="156">
                  <c:v>76.446000999999796</c:v>
                </c:pt>
                <c:pt idx="157">
                  <c:v>77.816728999999668</c:v>
                </c:pt>
                <c:pt idx="158">
                  <c:v>78.969742999999653</c:v>
                </c:pt>
                <c:pt idx="159">
                  <c:v>79.617683999999826</c:v>
                </c:pt>
                <c:pt idx="160">
                  <c:v>79.899691999999959</c:v>
                </c:pt>
                <c:pt idx="161">
                  <c:v>80.573126999999658</c:v>
                </c:pt>
                <c:pt idx="162">
                  <c:v>81.682085999999799</c:v>
                </c:pt>
                <c:pt idx="163">
                  <c:v>82.286776999999802</c:v>
                </c:pt>
                <c:pt idx="164">
                  <c:v>82.499244999999974</c:v>
                </c:pt>
                <c:pt idx="165">
                  <c:v>82.496276999999736</c:v>
                </c:pt>
                <c:pt idx="166">
                  <c:v>82.246210999999676</c:v>
                </c:pt>
                <c:pt idx="167">
                  <c:v>81.622865999999703</c:v>
                </c:pt>
                <c:pt idx="168">
                  <c:v>80.325665999999728</c:v>
                </c:pt>
                <c:pt idx="169">
                  <c:v>79.705007000000023</c:v>
                </c:pt>
                <c:pt idx="170">
                  <c:v>79.211880999999721</c:v>
                </c:pt>
                <c:pt idx="171">
                  <c:v>78.175319999999829</c:v>
                </c:pt>
                <c:pt idx="172">
                  <c:v>76.781849999999849</c:v>
                </c:pt>
                <c:pt idx="173">
                  <c:v>76.153671999999915</c:v>
                </c:pt>
                <c:pt idx="174">
                  <c:v>75.905777999999827</c:v>
                </c:pt>
                <c:pt idx="175">
                  <c:v>75.430488999999852</c:v>
                </c:pt>
                <c:pt idx="176">
                  <c:v>74.767198000000008</c:v>
                </c:pt>
                <c:pt idx="177">
                  <c:v>74.966789000000063</c:v>
                </c:pt>
                <c:pt idx="178">
                  <c:v>77.019620999999916</c:v>
                </c:pt>
                <c:pt idx="179">
                  <c:v>78.878228999999919</c:v>
                </c:pt>
                <c:pt idx="180">
                  <c:v>80.083269999999629</c:v>
                </c:pt>
                <c:pt idx="181">
                  <c:v>81.889124999999694</c:v>
                </c:pt>
                <c:pt idx="182">
                  <c:v>83.824044999999842</c:v>
                </c:pt>
                <c:pt idx="183">
                  <c:v>85.831640999999763</c:v>
                </c:pt>
                <c:pt idx="184">
                  <c:v>87.588358999999855</c:v>
                </c:pt>
                <c:pt idx="185">
                  <c:v>88.717331999999715</c:v>
                </c:pt>
                <c:pt idx="186">
                  <c:v>89.74340200000006</c:v>
                </c:pt>
                <c:pt idx="187">
                  <c:v>89.949728999999934</c:v>
                </c:pt>
                <c:pt idx="188">
                  <c:v>90.25612799999999</c:v>
                </c:pt>
                <c:pt idx="189">
                  <c:v>90.543799999999919</c:v>
                </c:pt>
                <c:pt idx="190">
                  <c:v>90.492061999999805</c:v>
                </c:pt>
                <c:pt idx="191">
                  <c:v>90.358561000000009</c:v>
                </c:pt>
                <c:pt idx="192">
                  <c:v>89.461499000000003</c:v>
                </c:pt>
                <c:pt idx="193">
                  <c:v>87.885492999999769</c:v>
                </c:pt>
                <c:pt idx="194">
                  <c:v>86.265491999999995</c:v>
                </c:pt>
                <c:pt idx="195">
                  <c:v>84.843685999999707</c:v>
                </c:pt>
                <c:pt idx="196">
                  <c:v>83.838283999999931</c:v>
                </c:pt>
                <c:pt idx="197">
                  <c:v>82.90022399999998</c:v>
                </c:pt>
                <c:pt idx="198">
                  <c:v>82.34488999999985</c:v>
                </c:pt>
                <c:pt idx="199">
                  <c:v>81.83549499999981</c:v>
                </c:pt>
                <c:pt idx="200">
                  <c:v>81.395285999999942</c:v>
                </c:pt>
                <c:pt idx="201">
                  <c:v>81.397776999999678</c:v>
                </c:pt>
                <c:pt idx="202">
                  <c:v>81.628907999999683</c:v>
                </c:pt>
                <c:pt idx="203">
                  <c:v>82.030437999999776</c:v>
                </c:pt>
                <c:pt idx="204">
                  <c:v>82.811002999999801</c:v>
                </c:pt>
                <c:pt idx="205">
                  <c:v>83.052178999999796</c:v>
                </c:pt>
                <c:pt idx="206">
                  <c:v>83.776623999999629</c:v>
                </c:pt>
                <c:pt idx="207">
                  <c:v>84.915615999999773</c:v>
                </c:pt>
                <c:pt idx="208">
                  <c:v>86.691245999999865</c:v>
                </c:pt>
                <c:pt idx="209">
                  <c:v>88.349511999999777</c:v>
                </c:pt>
                <c:pt idx="210">
                  <c:v>89.908386000000064</c:v>
                </c:pt>
                <c:pt idx="211">
                  <c:v>90.623068999999759</c:v>
                </c:pt>
                <c:pt idx="212">
                  <c:v>90.721919999999955</c:v>
                </c:pt>
                <c:pt idx="213">
                  <c:v>90.816264000000047</c:v>
                </c:pt>
                <c:pt idx="214">
                  <c:v>91.110304999999698</c:v>
                </c:pt>
                <c:pt idx="215">
                  <c:v>91.152023999999983</c:v>
                </c:pt>
                <c:pt idx="216">
                  <c:v>90.961026999999831</c:v>
                </c:pt>
                <c:pt idx="217">
                  <c:v>90.595240999999987</c:v>
                </c:pt>
                <c:pt idx="218">
                  <c:v>90.551379999999881</c:v>
                </c:pt>
                <c:pt idx="219">
                  <c:v>90.587720999999874</c:v>
                </c:pt>
                <c:pt idx="220">
                  <c:v>91.306634999999915</c:v>
                </c:pt>
                <c:pt idx="221">
                  <c:v>92.493545999999697</c:v>
                </c:pt>
                <c:pt idx="222">
                  <c:v>94.071772999999666</c:v>
                </c:pt>
                <c:pt idx="223">
                  <c:v>94.90478899999971</c:v>
                </c:pt>
                <c:pt idx="224">
                  <c:v>95.461432999999943</c:v>
                </c:pt>
                <c:pt idx="225">
                  <c:v>95.59555199999977</c:v>
                </c:pt>
                <c:pt idx="226">
                  <c:v>95.651080999999976</c:v>
                </c:pt>
                <c:pt idx="227">
                  <c:v>95.420264999999745</c:v>
                </c:pt>
                <c:pt idx="228">
                  <c:v>94.364709999999832</c:v>
                </c:pt>
                <c:pt idx="229">
                  <c:v>92.970146999999997</c:v>
                </c:pt>
                <c:pt idx="230">
                  <c:v>91.871249999999691</c:v>
                </c:pt>
                <c:pt idx="231">
                  <c:v>90.608597999999802</c:v>
                </c:pt>
                <c:pt idx="232">
                  <c:v>89.690154999999777</c:v>
                </c:pt>
                <c:pt idx="233">
                  <c:v>89.017601999999897</c:v>
                </c:pt>
                <c:pt idx="234">
                  <c:v>88.722874999999931</c:v>
                </c:pt>
                <c:pt idx="235">
                  <c:v>88.486809999999878</c:v>
                </c:pt>
                <c:pt idx="236">
                  <c:v>88.700154999999995</c:v>
                </c:pt>
                <c:pt idx="237">
                  <c:v>88.797994999999901</c:v>
                </c:pt>
                <c:pt idx="238">
                  <c:v>88.757100999999693</c:v>
                </c:pt>
                <c:pt idx="239">
                  <c:v>88.591879999999946</c:v>
                </c:pt>
                <c:pt idx="240">
                  <c:v>88.811738999999761</c:v>
                </c:pt>
                <c:pt idx="241">
                  <c:v>89.393589999999676</c:v>
                </c:pt>
                <c:pt idx="242">
                  <c:v>90.235768999999891</c:v>
                </c:pt>
                <c:pt idx="243">
                  <c:v>90.289703999999801</c:v>
                </c:pt>
                <c:pt idx="244">
                  <c:v>90.157783999999992</c:v>
                </c:pt>
                <c:pt idx="245">
                  <c:v>90.365346000000045</c:v>
                </c:pt>
                <c:pt idx="246">
                  <c:v>90.704878000000008</c:v>
                </c:pt>
                <c:pt idx="247">
                  <c:v>91.120159999999942</c:v>
                </c:pt>
                <c:pt idx="248">
                  <c:v>91.897203999999874</c:v>
                </c:pt>
                <c:pt idx="249">
                  <c:v>93.07306699999981</c:v>
                </c:pt>
                <c:pt idx="250">
                  <c:v>94.307882999999947</c:v>
                </c:pt>
                <c:pt idx="251">
                  <c:v>95.092486000000008</c:v>
                </c:pt>
                <c:pt idx="252">
                  <c:v>96.275973999999678</c:v>
                </c:pt>
                <c:pt idx="253">
                  <c:v>97.587901999999758</c:v>
                </c:pt>
                <c:pt idx="254">
                  <c:v>98.583206999999675</c:v>
                </c:pt>
                <c:pt idx="255">
                  <c:v>98.801500000000033</c:v>
                </c:pt>
                <c:pt idx="256">
                  <c:v>98.539692999999716</c:v>
                </c:pt>
                <c:pt idx="257">
                  <c:v>98.325448999999935</c:v>
                </c:pt>
                <c:pt idx="258">
                  <c:v>98.198700999999801</c:v>
                </c:pt>
                <c:pt idx="259">
                  <c:v>97.252153999999791</c:v>
                </c:pt>
                <c:pt idx="260">
                  <c:v>96.224614999999631</c:v>
                </c:pt>
                <c:pt idx="261">
                  <c:v>95.60563699999966</c:v>
                </c:pt>
                <c:pt idx="262">
                  <c:v>94.904626000000007</c:v>
                </c:pt>
                <c:pt idx="263">
                  <c:v>94.573433000000023</c:v>
                </c:pt>
                <c:pt idx="264">
                  <c:v>94.573811999999634</c:v>
                </c:pt>
                <c:pt idx="265">
                  <c:v>94.582163999999921</c:v>
                </c:pt>
                <c:pt idx="266">
                  <c:v>94.633765999999923</c:v>
                </c:pt>
                <c:pt idx="267">
                  <c:v>94.465975999999955</c:v>
                </c:pt>
                <c:pt idx="268">
                  <c:v>94.30947500000002</c:v>
                </c:pt>
                <c:pt idx="269">
                  <c:v>93.624883999999838</c:v>
                </c:pt>
                <c:pt idx="270">
                  <c:v>92.661834999999883</c:v>
                </c:pt>
                <c:pt idx="271">
                  <c:v>91.564414999999826</c:v>
                </c:pt>
                <c:pt idx="272">
                  <c:v>91.163450000000012</c:v>
                </c:pt>
                <c:pt idx="273">
                  <c:v>91.630666000000019</c:v>
                </c:pt>
                <c:pt idx="274">
                  <c:v>92.142950999999812</c:v>
                </c:pt>
                <c:pt idx="275">
                  <c:v>92.913131999999678</c:v>
                </c:pt>
                <c:pt idx="276">
                  <c:v>94.238084999999955</c:v>
                </c:pt>
                <c:pt idx="277">
                  <c:v>95.684264999999868</c:v>
                </c:pt>
                <c:pt idx="278">
                  <c:v>97.267680999999811</c:v>
                </c:pt>
                <c:pt idx="279">
                  <c:v>98.427064999999857</c:v>
                </c:pt>
                <c:pt idx="280">
                  <c:v>99.71088299999974</c:v>
                </c:pt>
                <c:pt idx="281">
                  <c:v>100.94774800000005</c:v>
                </c:pt>
                <c:pt idx="282">
                  <c:v>101.33446299999969</c:v>
                </c:pt>
                <c:pt idx="283">
                  <c:v>100.93075699999963</c:v>
                </c:pt>
                <c:pt idx="284">
                  <c:v>100.07372899999973</c:v>
                </c:pt>
                <c:pt idx="285">
                  <c:v>99.019102999999632</c:v>
                </c:pt>
                <c:pt idx="286">
                  <c:v>97.599474999999984</c:v>
                </c:pt>
                <c:pt idx="287">
                  <c:v>95.327300999999807</c:v>
                </c:pt>
                <c:pt idx="288">
                  <c:v>93.391446999999971</c:v>
                </c:pt>
                <c:pt idx="289">
                  <c:v>91.648789999999735</c:v>
                </c:pt>
                <c:pt idx="290">
                  <c:v>90.442627999999786</c:v>
                </c:pt>
                <c:pt idx="291">
                  <c:v>89.584990999999718</c:v>
                </c:pt>
                <c:pt idx="292">
                  <c:v>89.481404999999995</c:v>
                </c:pt>
                <c:pt idx="293">
                  <c:v>89.746804999999767</c:v>
                </c:pt>
                <c:pt idx="294">
                  <c:v>90.20067199999994</c:v>
                </c:pt>
                <c:pt idx="295">
                  <c:v>90.278664999999819</c:v>
                </c:pt>
                <c:pt idx="296">
                  <c:v>90.523134999999911</c:v>
                </c:pt>
                <c:pt idx="297">
                  <c:v>91.621822999999949</c:v>
                </c:pt>
                <c:pt idx="298">
                  <c:v>92.094931999999972</c:v>
                </c:pt>
                <c:pt idx="299">
                  <c:v>92.282447999999931</c:v>
                </c:pt>
                <c:pt idx="300">
                  <c:v>93.139838999999938</c:v>
                </c:pt>
                <c:pt idx="301">
                  <c:v>94.750142999999753</c:v>
                </c:pt>
                <c:pt idx="302">
                  <c:v>96.267038999999841</c:v>
                </c:pt>
                <c:pt idx="303">
                  <c:v>97.366279999999733</c:v>
                </c:pt>
                <c:pt idx="304">
                  <c:v>98.565227999999934</c:v>
                </c:pt>
                <c:pt idx="305">
                  <c:v>99.929041999999754</c:v>
                </c:pt>
                <c:pt idx="306">
                  <c:v>100.72892599999977</c:v>
                </c:pt>
                <c:pt idx="307">
                  <c:v>101.50699799999984</c:v>
                </c:pt>
                <c:pt idx="308">
                  <c:v>101.79162899999983</c:v>
                </c:pt>
                <c:pt idx="309">
                  <c:v>101.78848799999969</c:v>
                </c:pt>
                <c:pt idx="310">
                  <c:v>100.95358999999962</c:v>
                </c:pt>
                <c:pt idx="311">
                  <c:v>99.993234999999913</c:v>
                </c:pt>
                <c:pt idx="312">
                  <c:v>99.032983000000058</c:v>
                </c:pt>
                <c:pt idx="313">
                  <c:v>97.745848999999907</c:v>
                </c:pt>
                <c:pt idx="314">
                  <c:v>96.415424999999686</c:v>
                </c:pt>
                <c:pt idx="315">
                  <c:v>95.082668000000012</c:v>
                </c:pt>
                <c:pt idx="316">
                  <c:v>93.614048999999795</c:v>
                </c:pt>
                <c:pt idx="317">
                  <c:v>91.9083499999997</c:v>
                </c:pt>
                <c:pt idx="318">
                  <c:v>90.728394999999637</c:v>
                </c:pt>
                <c:pt idx="319">
                  <c:v>89.864862999999787</c:v>
                </c:pt>
                <c:pt idx="320">
                  <c:v>89.489064999999755</c:v>
                </c:pt>
                <c:pt idx="321">
                  <c:v>89.623047000000042</c:v>
                </c:pt>
                <c:pt idx="322">
                  <c:v>90.244273999999677</c:v>
                </c:pt>
                <c:pt idx="323">
                  <c:v>90.583166999999776</c:v>
                </c:pt>
                <c:pt idx="324">
                  <c:v>91.396248000000014</c:v>
                </c:pt>
                <c:pt idx="325">
                  <c:v>92.952195999999731</c:v>
                </c:pt>
                <c:pt idx="326">
                  <c:v>95.039577999999892</c:v>
                </c:pt>
                <c:pt idx="327">
                  <c:v>96.523331999999755</c:v>
                </c:pt>
                <c:pt idx="328">
                  <c:v>97.584589999999935</c:v>
                </c:pt>
                <c:pt idx="329">
                  <c:v>98.008962999999767</c:v>
                </c:pt>
                <c:pt idx="330">
                  <c:v>98.971462999999858</c:v>
                </c:pt>
                <c:pt idx="331">
                  <c:v>99.987623999999869</c:v>
                </c:pt>
                <c:pt idx="332">
                  <c:v>100.33097799999996</c:v>
                </c:pt>
                <c:pt idx="333">
                  <c:v>100.40272099999993</c:v>
                </c:pt>
                <c:pt idx="334">
                  <c:v>100.12090399999988</c:v>
                </c:pt>
                <c:pt idx="335">
                  <c:v>99.40168199999971</c:v>
                </c:pt>
                <c:pt idx="336">
                  <c:v>99.02768100000003</c:v>
                </c:pt>
                <c:pt idx="337">
                  <c:v>98.577538999999888</c:v>
                </c:pt>
                <c:pt idx="338">
                  <c:v>98.270980999999665</c:v>
                </c:pt>
                <c:pt idx="339">
                  <c:v>97.274476999999933</c:v>
                </c:pt>
                <c:pt idx="340">
                  <c:v>96.383022999999866</c:v>
                </c:pt>
                <c:pt idx="341">
                  <c:v>95.403656999999839</c:v>
                </c:pt>
                <c:pt idx="342">
                  <c:v>94.561187999999675</c:v>
                </c:pt>
                <c:pt idx="343">
                  <c:v>93.465620999999828</c:v>
                </c:pt>
                <c:pt idx="344">
                  <c:v>92.678775999999743</c:v>
                </c:pt>
                <c:pt idx="345">
                  <c:v>93.677564999999959</c:v>
                </c:pt>
                <c:pt idx="346">
                  <c:v>95.338400999999976</c:v>
                </c:pt>
                <c:pt idx="347">
                  <c:v>96.537110999999641</c:v>
                </c:pt>
                <c:pt idx="348">
                  <c:v>97.565004000000044</c:v>
                </c:pt>
                <c:pt idx="349">
                  <c:v>98.908086999999796</c:v>
                </c:pt>
                <c:pt idx="350">
                  <c:v>100.72367099999974</c:v>
                </c:pt>
                <c:pt idx="351">
                  <c:v>102.02476099999967</c:v>
                </c:pt>
                <c:pt idx="352">
                  <c:v>103.32943699999987</c:v>
                </c:pt>
                <c:pt idx="353">
                  <c:v>103.65151199999991</c:v>
                </c:pt>
                <c:pt idx="354">
                  <c:v>102.43283799999972</c:v>
                </c:pt>
                <c:pt idx="355">
                  <c:v>100.97739899999988</c:v>
                </c:pt>
                <c:pt idx="356">
                  <c:v>98.728184999999939</c:v>
                </c:pt>
                <c:pt idx="357">
                  <c:v>96.115385999999944</c:v>
                </c:pt>
                <c:pt idx="358">
                  <c:v>93.171597999999904</c:v>
                </c:pt>
                <c:pt idx="359">
                  <c:v>90.204022999999779</c:v>
                </c:pt>
                <c:pt idx="360">
                  <c:v>88.051625999999942</c:v>
                </c:pt>
                <c:pt idx="361">
                  <c:v>86.560993000000053</c:v>
                </c:pt>
                <c:pt idx="362">
                  <c:v>85.93952599999966</c:v>
                </c:pt>
                <c:pt idx="363">
                  <c:v>86.451683999999659</c:v>
                </c:pt>
                <c:pt idx="364">
                  <c:v>87.287049000000025</c:v>
                </c:pt>
                <c:pt idx="365">
                  <c:v>89.260270999999648</c:v>
                </c:pt>
                <c:pt idx="366">
                  <c:v>91.557479999999941</c:v>
                </c:pt>
                <c:pt idx="367">
                  <c:v>93.868089999999938</c:v>
                </c:pt>
                <c:pt idx="368">
                  <c:v>96.363628000000062</c:v>
                </c:pt>
                <c:pt idx="369">
                  <c:v>98.992827999999918</c:v>
                </c:pt>
                <c:pt idx="370">
                  <c:v>100.6391749999998</c:v>
                </c:pt>
                <c:pt idx="371">
                  <c:v>101.44668199999978</c:v>
                </c:pt>
                <c:pt idx="372">
                  <c:v>102.32801399999971</c:v>
                </c:pt>
                <c:pt idx="373">
                  <c:v>102.74166500000001</c:v>
                </c:pt>
                <c:pt idx="374">
                  <c:v>103.34646699999985</c:v>
                </c:pt>
                <c:pt idx="375">
                  <c:v>102.95977799999991</c:v>
                </c:pt>
                <c:pt idx="376">
                  <c:v>101.62544499999967</c:v>
                </c:pt>
                <c:pt idx="377">
                  <c:v>100.11845499999981</c:v>
                </c:pt>
                <c:pt idx="378">
                  <c:v>99.380551999999625</c:v>
                </c:pt>
                <c:pt idx="379">
                  <c:v>98.315531999999621</c:v>
                </c:pt>
                <c:pt idx="380">
                  <c:v>97.138650999999754</c:v>
                </c:pt>
                <c:pt idx="381">
                  <c:v>95.199603000000025</c:v>
                </c:pt>
                <c:pt idx="382">
                  <c:v>92.994361000000026</c:v>
                </c:pt>
                <c:pt idx="383">
                  <c:v>90.976701000000048</c:v>
                </c:pt>
                <c:pt idx="384">
                  <c:v>89.452535999999782</c:v>
                </c:pt>
                <c:pt idx="385">
                  <c:v>88.465303999999833</c:v>
                </c:pt>
                <c:pt idx="386">
                  <c:v>88.131333999999697</c:v>
                </c:pt>
                <c:pt idx="387">
                  <c:v>88.609094999999797</c:v>
                </c:pt>
                <c:pt idx="388">
                  <c:v>89.475476999999955</c:v>
                </c:pt>
                <c:pt idx="389">
                  <c:v>90.942211999999927</c:v>
                </c:pt>
                <c:pt idx="390">
                  <c:v>92.791382999999769</c:v>
                </c:pt>
                <c:pt idx="391">
                  <c:v>95.261685999999827</c:v>
                </c:pt>
                <c:pt idx="392">
                  <c:v>97.75211199999967</c:v>
                </c:pt>
                <c:pt idx="393">
                  <c:v>100.82649999999967</c:v>
                </c:pt>
                <c:pt idx="394">
                  <c:v>103.98023699999976</c:v>
                </c:pt>
                <c:pt idx="395">
                  <c:v>106.50009899999986</c:v>
                </c:pt>
                <c:pt idx="396">
                  <c:v>108.21645499999977</c:v>
                </c:pt>
                <c:pt idx="397">
                  <c:v>109.51042800000005</c:v>
                </c:pt>
                <c:pt idx="398">
                  <c:v>110.21586799999977</c:v>
                </c:pt>
                <c:pt idx="399">
                  <c:v>109.47131599999966</c:v>
                </c:pt>
                <c:pt idx="400">
                  <c:v>107.87052899999981</c:v>
                </c:pt>
                <c:pt idx="401">
                  <c:v>105.19052099999999</c:v>
                </c:pt>
                <c:pt idx="402">
                  <c:v>102.0433509999998</c:v>
                </c:pt>
                <c:pt idx="403">
                  <c:v>99.104157999999643</c:v>
                </c:pt>
                <c:pt idx="404">
                  <c:v>96.246294999999918</c:v>
                </c:pt>
                <c:pt idx="405">
                  <c:v>93.05028799999991</c:v>
                </c:pt>
                <c:pt idx="406">
                  <c:v>90.291382999999769</c:v>
                </c:pt>
                <c:pt idx="407">
                  <c:v>88.7604489999998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FF36-4FBB-A851-5523B26482E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ulti-20-3s(17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Multi-20-3s(17)'!$D$2:$D$411</c:f>
              <c:numCache>
                <c:formatCode>General</c:formatCode>
                <c:ptCount val="410"/>
                <c:pt idx="0">
                  <c:v>0</c:v>
                </c:pt>
                <c:pt idx="1">
                  <c:v>5.0050000000005923E-3</c:v>
                </c:pt>
                <c:pt idx="2">
                  <c:v>1.0010000000000296E-2</c:v>
                </c:pt>
                <c:pt idx="3">
                  <c:v>1.5015000000000001E-2</c:v>
                </c:pt>
                <c:pt idx="4">
                  <c:v>2.0019000000000453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4000000000454E-2</c:v>
                </c:pt>
                <c:pt idx="8">
                  <c:v>4.0039000000000158E-2</c:v>
                </c:pt>
                <c:pt idx="9">
                  <c:v>4.504300000000061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8000000000611E-2</c:v>
                </c:pt>
                <c:pt idx="13">
                  <c:v>6.5063000000000315E-2</c:v>
                </c:pt>
                <c:pt idx="14">
                  <c:v>7.0066999999999879E-2</c:v>
                </c:pt>
                <c:pt idx="15">
                  <c:v>7.5072000000000472E-2</c:v>
                </c:pt>
                <c:pt idx="16">
                  <c:v>8.0077000000000176E-2</c:v>
                </c:pt>
                <c:pt idx="17">
                  <c:v>8.508199999999988E-2</c:v>
                </c:pt>
                <c:pt idx="18">
                  <c:v>9.0087000000000472E-2</c:v>
                </c:pt>
                <c:pt idx="19">
                  <c:v>9.5091000000000037E-2</c:v>
                </c:pt>
                <c:pt idx="20">
                  <c:v>0.10009600000000063</c:v>
                </c:pt>
                <c:pt idx="21">
                  <c:v>0.10510100000000033</c:v>
                </c:pt>
                <c:pt idx="22">
                  <c:v>0.11010600000000004</c:v>
                </c:pt>
                <c:pt idx="23">
                  <c:v>0.11511100000000063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500000000049</c:v>
                </c:pt>
                <c:pt idx="27">
                  <c:v>0.13513000000000019</c:v>
                </c:pt>
                <c:pt idx="28">
                  <c:v>0.1401349999999999</c:v>
                </c:pt>
                <c:pt idx="29">
                  <c:v>0.14513900000000035</c:v>
                </c:pt>
                <c:pt idx="30">
                  <c:v>0.15014400000000006</c:v>
                </c:pt>
                <c:pt idx="31">
                  <c:v>0.15514900000000065</c:v>
                </c:pt>
                <c:pt idx="32">
                  <c:v>0.16015400000000035</c:v>
                </c:pt>
                <c:pt idx="33">
                  <c:v>0.16515900000000006</c:v>
                </c:pt>
                <c:pt idx="34">
                  <c:v>0.17016300000000051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800000000051</c:v>
                </c:pt>
                <c:pt idx="38">
                  <c:v>0.19018300000000021</c:v>
                </c:pt>
                <c:pt idx="39">
                  <c:v>0.19518700000000067</c:v>
                </c:pt>
                <c:pt idx="40">
                  <c:v>0.20019200000000037</c:v>
                </c:pt>
                <c:pt idx="41">
                  <c:v>0.20519700000000007</c:v>
                </c:pt>
                <c:pt idx="42">
                  <c:v>0.21020200000000067</c:v>
                </c:pt>
                <c:pt idx="43">
                  <c:v>0.21520700000000037</c:v>
                </c:pt>
                <c:pt idx="44">
                  <c:v>0.22021099999999993</c:v>
                </c:pt>
                <c:pt idx="45">
                  <c:v>0.22521600000000053</c:v>
                </c:pt>
                <c:pt idx="46">
                  <c:v>0.23022100000000023</c:v>
                </c:pt>
                <c:pt idx="47">
                  <c:v>0.23522599999999994</c:v>
                </c:pt>
                <c:pt idx="48">
                  <c:v>0.24023100000000053</c:v>
                </c:pt>
                <c:pt idx="49">
                  <c:v>0.24523500000000009</c:v>
                </c:pt>
                <c:pt idx="50">
                  <c:v>0.25024000000000068</c:v>
                </c:pt>
                <c:pt idx="51">
                  <c:v>0.25524500000000039</c:v>
                </c:pt>
                <c:pt idx="52">
                  <c:v>0.26025000000000009</c:v>
                </c:pt>
                <c:pt idx="53">
                  <c:v>0.26525500000000068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900000000055</c:v>
                </c:pt>
                <c:pt idx="57">
                  <c:v>0.28527400000000025</c:v>
                </c:pt>
                <c:pt idx="58">
                  <c:v>0.29027899999999995</c:v>
                </c:pt>
                <c:pt idx="59">
                  <c:v>0.29528300000000041</c:v>
                </c:pt>
                <c:pt idx="60">
                  <c:v>0.30028800000000011</c:v>
                </c:pt>
                <c:pt idx="61">
                  <c:v>0.30529299999999981</c:v>
                </c:pt>
                <c:pt idx="62">
                  <c:v>0.31029800000000041</c:v>
                </c:pt>
                <c:pt idx="63">
                  <c:v>0.31530300000000011</c:v>
                </c:pt>
                <c:pt idx="64">
                  <c:v>0.32030700000000056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200000000056</c:v>
                </c:pt>
                <c:pt idx="68">
                  <c:v>0.34032700000000027</c:v>
                </c:pt>
                <c:pt idx="69">
                  <c:v>0.34533099999999983</c:v>
                </c:pt>
                <c:pt idx="70">
                  <c:v>0.35033600000000042</c:v>
                </c:pt>
                <c:pt idx="71">
                  <c:v>0.35534100000000013</c:v>
                </c:pt>
                <c:pt idx="72">
                  <c:v>0.36034599999999983</c:v>
                </c:pt>
                <c:pt idx="73">
                  <c:v>0.36535100000000043</c:v>
                </c:pt>
                <c:pt idx="74">
                  <c:v>0.37035499999999999</c:v>
                </c:pt>
                <c:pt idx="75">
                  <c:v>0.37536000000000058</c:v>
                </c:pt>
                <c:pt idx="76">
                  <c:v>0.38036500000000029</c:v>
                </c:pt>
                <c:pt idx="77">
                  <c:v>0.38536999999999999</c:v>
                </c:pt>
                <c:pt idx="78">
                  <c:v>0.39037500000000058</c:v>
                </c:pt>
                <c:pt idx="79">
                  <c:v>0.39537900000000015</c:v>
                </c:pt>
                <c:pt idx="80">
                  <c:v>0.40038399999999985</c:v>
                </c:pt>
                <c:pt idx="81">
                  <c:v>0.40538900000000044</c:v>
                </c:pt>
                <c:pt idx="82">
                  <c:v>0.41039400000000015</c:v>
                </c:pt>
                <c:pt idx="83">
                  <c:v>0.41539899999999985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30000000006</c:v>
                </c:pt>
                <c:pt idx="87">
                  <c:v>0.4354180000000003</c:v>
                </c:pt>
                <c:pt idx="88">
                  <c:v>0.44042300000000001</c:v>
                </c:pt>
                <c:pt idx="89">
                  <c:v>0.44542700000000046</c:v>
                </c:pt>
                <c:pt idx="90">
                  <c:v>0.45043200000000017</c:v>
                </c:pt>
                <c:pt idx="91">
                  <c:v>0.45543699999999987</c:v>
                </c:pt>
                <c:pt idx="92">
                  <c:v>0.46044200000000046</c:v>
                </c:pt>
                <c:pt idx="93">
                  <c:v>0.46544700000000017</c:v>
                </c:pt>
                <c:pt idx="94">
                  <c:v>0.47045100000000062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600000000062</c:v>
                </c:pt>
                <c:pt idx="98">
                  <c:v>0.49047100000000032</c:v>
                </c:pt>
                <c:pt idx="99">
                  <c:v>0.49547499999999989</c:v>
                </c:pt>
                <c:pt idx="100">
                  <c:v>0.50048000000000048</c:v>
                </c:pt>
                <c:pt idx="101">
                  <c:v>0.50548500000000018</c:v>
                </c:pt>
                <c:pt idx="102">
                  <c:v>0.51048999999999989</c:v>
                </c:pt>
                <c:pt idx="103">
                  <c:v>0.51549500000000048</c:v>
                </c:pt>
                <c:pt idx="104">
                  <c:v>0.52049900000000004</c:v>
                </c:pt>
                <c:pt idx="105">
                  <c:v>0.52550400000000064</c:v>
                </c:pt>
                <c:pt idx="106">
                  <c:v>0.53050900000000034</c:v>
                </c:pt>
                <c:pt idx="107">
                  <c:v>0.53551400000000005</c:v>
                </c:pt>
                <c:pt idx="108">
                  <c:v>0.54051900000000064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30000000005</c:v>
                </c:pt>
                <c:pt idx="112">
                  <c:v>0.5605380000000002</c:v>
                </c:pt>
                <c:pt idx="113">
                  <c:v>0.56554299999999991</c:v>
                </c:pt>
                <c:pt idx="114">
                  <c:v>0.57054700000000036</c:v>
                </c:pt>
                <c:pt idx="115">
                  <c:v>0.57555200000000006</c:v>
                </c:pt>
                <c:pt idx="116">
                  <c:v>0.58055700000000066</c:v>
                </c:pt>
                <c:pt idx="117">
                  <c:v>0.58556200000000036</c:v>
                </c:pt>
                <c:pt idx="118">
                  <c:v>0.59056700000000006</c:v>
                </c:pt>
                <c:pt idx="119">
                  <c:v>0.59557100000000052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600000000052</c:v>
                </c:pt>
                <c:pt idx="123">
                  <c:v>0.61559100000000022</c:v>
                </c:pt>
                <c:pt idx="124">
                  <c:v>0.62059500000000067</c:v>
                </c:pt>
                <c:pt idx="125">
                  <c:v>0.62560000000000038</c:v>
                </c:pt>
                <c:pt idx="126">
                  <c:v>0.63060500000000008</c:v>
                </c:pt>
                <c:pt idx="127">
                  <c:v>0.63561000000000067</c:v>
                </c:pt>
                <c:pt idx="128">
                  <c:v>0.64061500000000038</c:v>
                </c:pt>
                <c:pt idx="129">
                  <c:v>0.64561899999999994</c:v>
                </c:pt>
                <c:pt idx="130">
                  <c:v>0.65062400000000054</c:v>
                </c:pt>
                <c:pt idx="131">
                  <c:v>0.65562900000000024</c:v>
                </c:pt>
                <c:pt idx="132">
                  <c:v>0.66063399999999994</c:v>
                </c:pt>
                <c:pt idx="133">
                  <c:v>0.66563900000000054</c:v>
                </c:pt>
                <c:pt idx="134">
                  <c:v>0.6706430000000001</c:v>
                </c:pt>
                <c:pt idx="135">
                  <c:v>0.6756479999999998</c:v>
                </c:pt>
                <c:pt idx="136">
                  <c:v>0.6806530000000004</c:v>
                </c:pt>
                <c:pt idx="137">
                  <c:v>0.6856580000000001</c:v>
                </c:pt>
                <c:pt idx="138">
                  <c:v>0.6906629999999998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700000000055</c:v>
                </c:pt>
                <c:pt idx="142">
                  <c:v>0.71068200000000026</c:v>
                </c:pt>
                <c:pt idx="143">
                  <c:v>0.71568699999999996</c:v>
                </c:pt>
                <c:pt idx="144">
                  <c:v>0.72069100000000041</c:v>
                </c:pt>
                <c:pt idx="145">
                  <c:v>0.72569600000000012</c:v>
                </c:pt>
                <c:pt idx="146">
                  <c:v>0.73070099999999982</c:v>
                </c:pt>
                <c:pt idx="147">
                  <c:v>0.73570600000000042</c:v>
                </c:pt>
                <c:pt idx="148">
                  <c:v>0.74071100000000012</c:v>
                </c:pt>
                <c:pt idx="149">
                  <c:v>0.74571500000000057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3000000000057</c:v>
                </c:pt>
                <c:pt idx="153">
                  <c:v>0.76573500000000028</c:v>
                </c:pt>
                <c:pt idx="154">
                  <c:v>0.77073899999999984</c:v>
                </c:pt>
                <c:pt idx="155">
                  <c:v>0.77574400000000043</c:v>
                </c:pt>
                <c:pt idx="156">
                  <c:v>0.78074900000000014</c:v>
                </c:pt>
                <c:pt idx="157">
                  <c:v>0.78575399999999984</c:v>
                </c:pt>
                <c:pt idx="158">
                  <c:v>0.79075900000000043</c:v>
                </c:pt>
                <c:pt idx="159">
                  <c:v>0.795763</c:v>
                </c:pt>
                <c:pt idx="160">
                  <c:v>0.80076800000000059</c:v>
                </c:pt>
                <c:pt idx="161">
                  <c:v>0.80577300000000029</c:v>
                </c:pt>
                <c:pt idx="162">
                  <c:v>0.810778</c:v>
                </c:pt>
                <c:pt idx="163">
                  <c:v>0.81578300000000059</c:v>
                </c:pt>
                <c:pt idx="164">
                  <c:v>0.82078700000000016</c:v>
                </c:pt>
                <c:pt idx="165">
                  <c:v>0.82579199999999986</c:v>
                </c:pt>
                <c:pt idx="166">
                  <c:v>0.83079700000000045</c:v>
                </c:pt>
                <c:pt idx="167">
                  <c:v>0.83580200000000016</c:v>
                </c:pt>
                <c:pt idx="168">
                  <c:v>0.84080699999999986</c:v>
                </c:pt>
                <c:pt idx="169">
                  <c:v>0.84581100000000031</c:v>
                </c:pt>
                <c:pt idx="170">
                  <c:v>0.85081600000000002</c:v>
                </c:pt>
                <c:pt idx="171">
                  <c:v>0.85582100000000061</c:v>
                </c:pt>
                <c:pt idx="172">
                  <c:v>0.86082600000000031</c:v>
                </c:pt>
                <c:pt idx="173">
                  <c:v>0.86583100000000002</c:v>
                </c:pt>
                <c:pt idx="174">
                  <c:v>0.87083500000000047</c:v>
                </c:pt>
                <c:pt idx="175">
                  <c:v>0.87584000000000017</c:v>
                </c:pt>
                <c:pt idx="176">
                  <c:v>0.88084499999999988</c:v>
                </c:pt>
                <c:pt idx="177">
                  <c:v>0.88585000000000047</c:v>
                </c:pt>
                <c:pt idx="178">
                  <c:v>0.89085500000000017</c:v>
                </c:pt>
                <c:pt idx="179">
                  <c:v>0.89585900000000063</c:v>
                </c:pt>
                <c:pt idx="180">
                  <c:v>0.90086400000000033</c:v>
                </c:pt>
                <c:pt idx="181">
                  <c:v>0.90586900000000004</c:v>
                </c:pt>
                <c:pt idx="182">
                  <c:v>0.91087400000000063</c:v>
                </c:pt>
                <c:pt idx="183">
                  <c:v>0.91587900000000033</c:v>
                </c:pt>
                <c:pt idx="184">
                  <c:v>0.9208829999999999</c:v>
                </c:pt>
                <c:pt idx="185">
                  <c:v>0.92588800000000049</c:v>
                </c:pt>
                <c:pt idx="186">
                  <c:v>0.93089300000000019</c:v>
                </c:pt>
                <c:pt idx="187">
                  <c:v>0.9358979999999999</c:v>
                </c:pt>
                <c:pt idx="188">
                  <c:v>0.94090300000000049</c:v>
                </c:pt>
                <c:pt idx="189">
                  <c:v>0.94590700000000005</c:v>
                </c:pt>
                <c:pt idx="190">
                  <c:v>0.95091200000000065</c:v>
                </c:pt>
                <c:pt idx="191">
                  <c:v>0.95591700000000035</c:v>
                </c:pt>
                <c:pt idx="192">
                  <c:v>0.96092200000000005</c:v>
                </c:pt>
                <c:pt idx="193">
                  <c:v>0.96592700000000065</c:v>
                </c:pt>
                <c:pt idx="194">
                  <c:v>0.97093100000000021</c:v>
                </c:pt>
                <c:pt idx="195">
                  <c:v>0.97593599999999991</c:v>
                </c:pt>
                <c:pt idx="196">
                  <c:v>0.98094100000000051</c:v>
                </c:pt>
                <c:pt idx="197">
                  <c:v>0.98594600000000021</c:v>
                </c:pt>
                <c:pt idx="198">
                  <c:v>0.99095099999999992</c:v>
                </c:pt>
                <c:pt idx="199">
                  <c:v>0.99595500000000037</c:v>
                </c:pt>
                <c:pt idx="200">
                  <c:v>1.0009600000000001</c:v>
                </c:pt>
                <c:pt idx="201">
                  <c:v>1.0059650000000007</c:v>
                </c:pt>
                <c:pt idx="202">
                  <c:v>1.0109700000000004</c:v>
                </c:pt>
                <c:pt idx="203">
                  <c:v>1.0159750000000001</c:v>
                </c:pt>
                <c:pt idx="204">
                  <c:v>1.0209790000000005</c:v>
                </c:pt>
                <c:pt idx="205">
                  <c:v>1.0259840000000002</c:v>
                </c:pt>
                <c:pt idx="206">
                  <c:v>1.0309889999999999</c:v>
                </c:pt>
                <c:pt idx="207">
                  <c:v>1.0359940000000005</c:v>
                </c:pt>
                <c:pt idx="208">
                  <c:v>1.0409990000000002</c:v>
                </c:pt>
                <c:pt idx="209">
                  <c:v>1.0460030000000007</c:v>
                </c:pt>
                <c:pt idx="210">
                  <c:v>1.0510080000000004</c:v>
                </c:pt>
                <c:pt idx="211">
                  <c:v>1.0560130000000001</c:v>
                </c:pt>
                <c:pt idx="212">
                  <c:v>1.0610180000000007</c:v>
                </c:pt>
                <c:pt idx="213">
                  <c:v>1.0660230000000004</c:v>
                </c:pt>
                <c:pt idx="214">
                  <c:v>1.071027</c:v>
                </c:pt>
                <c:pt idx="215">
                  <c:v>1.0760320000000005</c:v>
                </c:pt>
                <c:pt idx="216">
                  <c:v>1.0810370000000002</c:v>
                </c:pt>
                <c:pt idx="217">
                  <c:v>1.086042</c:v>
                </c:pt>
                <c:pt idx="218">
                  <c:v>1.0910470000000005</c:v>
                </c:pt>
                <c:pt idx="219">
                  <c:v>1.0960510000000001</c:v>
                </c:pt>
                <c:pt idx="220">
                  <c:v>1.1010559999999998</c:v>
                </c:pt>
                <c:pt idx="221">
                  <c:v>1.1060610000000004</c:v>
                </c:pt>
                <c:pt idx="222">
                  <c:v>1.1110660000000001</c:v>
                </c:pt>
                <c:pt idx="223">
                  <c:v>1.1160709999999998</c:v>
                </c:pt>
                <c:pt idx="224">
                  <c:v>1.1210750000000003</c:v>
                </c:pt>
                <c:pt idx="225">
                  <c:v>1.12608</c:v>
                </c:pt>
                <c:pt idx="226">
                  <c:v>1.1310850000000006</c:v>
                </c:pt>
                <c:pt idx="227">
                  <c:v>1.1360900000000003</c:v>
                </c:pt>
                <c:pt idx="228">
                  <c:v>1.141095</c:v>
                </c:pt>
                <c:pt idx="229">
                  <c:v>1.1460990000000004</c:v>
                </c:pt>
                <c:pt idx="230">
                  <c:v>1.1511040000000001</c:v>
                </c:pt>
                <c:pt idx="231">
                  <c:v>1.1561089999999998</c:v>
                </c:pt>
                <c:pt idx="232">
                  <c:v>1.1611140000000004</c:v>
                </c:pt>
                <c:pt idx="233">
                  <c:v>1.1661190000000001</c:v>
                </c:pt>
                <c:pt idx="234">
                  <c:v>1.1711230000000006</c:v>
                </c:pt>
                <c:pt idx="235">
                  <c:v>1.1761280000000003</c:v>
                </c:pt>
                <c:pt idx="236">
                  <c:v>1.181133</c:v>
                </c:pt>
                <c:pt idx="237">
                  <c:v>1.1861380000000006</c:v>
                </c:pt>
                <c:pt idx="238">
                  <c:v>1.1911430000000003</c:v>
                </c:pt>
                <c:pt idx="239">
                  <c:v>1.1961469999999998</c:v>
                </c:pt>
                <c:pt idx="240">
                  <c:v>1.2011520000000004</c:v>
                </c:pt>
                <c:pt idx="241">
                  <c:v>1.2061570000000001</c:v>
                </c:pt>
                <c:pt idx="242">
                  <c:v>1.2111619999999998</c:v>
                </c:pt>
                <c:pt idx="243">
                  <c:v>1.2161670000000004</c:v>
                </c:pt>
                <c:pt idx="244">
                  <c:v>1.221171</c:v>
                </c:pt>
                <c:pt idx="245">
                  <c:v>1.2261760000000006</c:v>
                </c:pt>
                <c:pt idx="246">
                  <c:v>1.2311810000000003</c:v>
                </c:pt>
                <c:pt idx="247">
                  <c:v>1.236186</c:v>
                </c:pt>
                <c:pt idx="248">
                  <c:v>1.2411910000000006</c:v>
                </c:pt>
                <c:pt idx="249">
                  <c:v>1.2461950000000002</c:v>
                </c:pt>
                <c:pt idx="250">
                  <c:v>1.2511999999999999</c:v>
                </c:pt>
                <c:pt idx="251">
                  <c:v>1.2562050000000005</c:v>
                </c:pt>
                <c:pt idx="252">
                  <c:v>1.2612100000000002</c:v>
                </c:pt>
                <c:pt idx="253">
                  <c:v>1.2662149999999999</c:v>
                </c:pt>
                <c:pt idx="254">
                  <c:v>1.2712190000000003</c:v>
                </c:pt>
                <c:pt idx="255">
                  <c:v>1.276224</c:v>
                </c:pt>
                <c:pt idx="256">
                  <c:v>1.2812290000000006</c:v>
                </c:pt>
                <c:pt idx="257">
                  <c:v>1.2862340000000003</c:v>
                </c:pt>
                <c:pt idx="258">
                  <c:v>1.291239</c:v>
                </c:pt>
                <c:pt idx="259">
                  <c:v>1.2962430000000005</c:v>
                </c:pt>
                <c:pt idx="260">
                  <c:v>1.3012480000000002</c:v>
                </c:pt>
                <c:pt idx="261">
                  <c:v>1.3062529999999999</c:v>
                </c:pt>
                <c:pt idx="262">
                  <c:v>1.3112580000000005</c:v>
                </c:pt>
                <c:pt idx="263">
                  <c:v>1.3162630000000002</c:v>
                </c:pt>
                <c:pt idx="264">
                  <c:v>1.3212670000000006</c:v>
                </c:pt>
                <c:pt idx="265">
                  <c:v>1.3262720000000003</c:v>
                </c:pt>
                <c:pt idx="266">
                  <c:v>1.331277</c:v>
                </c:pt>
                <c:pt idx="267">
                  <c:v>1.3362820000000006</c:v>
                </c:pt>
                <c:pt idx="268">
                  <c:v>1.3412870000000003</c:v>
                </c:pt>
                <c:pt idx="269">
                  <c:v>1.3462909999999999</c:v>
                </c:pt>
                <c:pt idx="270">
                  <c:v>1.3512960000000005</c:v>
                </c:pt>
                <c:pt idx="271">
                  <c:v>1.3563010000000002</c:v>
                </c:pt>
                <c:pt idx="272">
                  <c:v>1.3613059999999999</c:v>
                </c:pt>
                <c:pt idx="273">
                  <c:v>1.3663110000000005</c:v>
                </c:pt>
                <c:pt idx="274">
                  <c:v>1.3713150000000001</c:v>
                </c:pt>
                <c:pt idx="275">
                  <c:v>1.3763200000000007</c:v>
                </c:pt>
                <c:pt idx="276">
                  <c:v>1.3813250000000004</c:v>
                </c:pt>
                <c:pt idx="277">
                  <c:v>1.3863300000000001</c:v>
                </c:pt>
                <c:pt idx="278">
                  <c:v>1.3913350000000007</c:v>
                </c:pt>
                <c:pt idx="279">
                  <c:v>1.3963390000000002</c:v>
                </c:pt>
                <c:pt idx="280">
                  <c:v>1.4013439999999999</c:v>
                </c:pt>
                <c:pt idx="281">
                  <c:v>1.4063490000000005</c:v>
                </c:pt>
                <c:pt idx="282">
                  <c:v>1.4113540000000002</c:v>
                </c:pt>
                <c:pt idx="283">
                  <c:v>1.4163589999999999</c:v>
                </c:pt>
                <c:pt idx="284">
                  <c:v>1.4213630000000004</c:v>
                </c:pt>
                <c:pt idx="285">
                  <c:v>1.4263680000000001</c:v>
                </c:pt>
                <c:pt idx="286">
                  <c:v>1.4313730000000007</c:v>
                </c:pt>
                <c:pt idx="287">
                  <c:v>1.4363780000000004</c:v>
                </c:pt>
                <c:pt idx="288">
                  <c:v>1.4413830000000001</c:v>
                </c:pt>
                <c:pt idx="289">
                  <c:v>1.4463870000000005</c:v>
                </c:pt>
                <c:pt idx="290">
                  <c:v>1.4513920000000002</c:v>
                </c:pt>
                <c:pt idx="291">
                  <c:v>1.4563969999999999</c:v>
                </c:pt>
                <c:pt idx="292">
                  <c:v>1.4614020000000005</c:v>
                </c:pt>
                <c:pt idx="293">
                  <c:v>1.4664070000000002</c:v>
                </c:pt>
                <c:pt idx="294">
                  <c:v>1.4714110000000007</c:v>
                </c:pt>
                <c:pt idx="295">
                  <c:v>1.4764160000000004</c:v>
                </c:pt>
                <c:pt idx="296">
                  <c:v>1.4814210000000001</c:v>
                </c:pt>
                <c:pt idx="297">
                  <c:v>1.4864260000000007</c:v>
                </c:pt>
                <c:pt idx="298">
                  <c:v>1.4914310000000004</c:v>
                </c:pt>
                <c:pt idx="299">
                  <c:v>1.496435</c:v>
                </c:pt>
                <c:pt idx="300">
                  <c:v>1.5014400000000006</c:v>
                </c:pt>
                <c:pt idx="301">
                  <c:v>1.5064450000000003</c:v>
                </c:pt>
                <c:pt idx="302">
                  <c:v>1.51145</c:v>
                </c:pt>
                <c:pt idx="303">
                  <c:v>1.5164550000000006</c:v>
                </c:pt>
                <c:pt idx="304">
                  <c:v>1.5214590000000001</c:v>
                </c:pt>
                <c:pt idx="305">
                  <c:v>1.5264639999999998</c:v>
                </c:pt>
                <c:pt idx="306">
                  <c:v>1.5314690000000004</c:v>
                </c:pt>
                <c:pt idx="307">
                  <c:v>1.5364740000000001</c:v>
                </c:pt>
                <c:pt idx="308">
                  <c:v>1.5414789999999998</c:v>
                </c:pt>
                <c:pt idx="309">
                  <c:v>1.5464830000000003</c:v>
                </c:pt>
                <c:pt idx="310">
                  <c:v>1.551488</c:v>
                </c:pt>
                <c:pt idx="311">
                  <c:v>1.5564930000000006</c:v>
                </c:pt>
                <c:pt idx="312">
                  <c:v>1.5614980000000003</c:v>
                </c:pt>
                <c:pt idx="313">
                  <c:v>1.566503</c:v>
                </c:pt>
                <c:pt idx="314">
                  <c:v>1.5715070000000004</c:v>
                </c:pt>
                <c:pt idx="315">
                  <c:v>1.5765120000000001</c:v>
                </c:pt>
                <c:pt idx="316">
                  <c:v>1.5815169999999998</c:v>
                </c:pt>
                <c:pt idx="317">
                  <c:v>1.5865220000000004</c:v>
                </c:pt>
                <c:pt idx="318">
                  <c:v>1.5915270000000001</c:v>
                </c:pt>
                <c:pt idx="319">
                  <c:v>1.5965310000000006</c:v>
                </c:pt>
                <c:pt idx="320">
                  <c:v>1.6015360000000003</c:v>
                </c:pt>
                <c:pt idx="321">
                  <c:v>1.606541</c:v>
                </c:pt>
                <c:pt idx="322">
                  <c:v>1.6115460000000006</c:v>
                </c:pt>
                <c:pt idx="323">
                  <c:v>1.6165510000000003</c:v>
                </c:pt>
                <c:pt idx="324">
                  <c:v>1.6215549999999999</c:v>
                </c:pt>
                <c:pt idx="325">
                  <c:v>1.6265600000000004</c:v>
                </c:pt>
                <c:pt idx="326">
                  <c:v>1.6315650000000002</c:v>
                </c:pt>
                <c:pt idx="327">
                  <c:v>1.6365699999999999</c:v>
                </c:pt>
                <c:pt idx="328">
                  <c:v>1.6415750000000005</c:v>
                </c:pt>
                <c:pt idx="329">
                  <c:v>1.646579</c:v>
                </c:pt>
                <c:pt idx="330">
                  <c:v>1.6515840000000006</c:v>
                </c:pt>
                <c:pt idx="331">
                  <c:v>1.6565890000000003</c:v>
                </c:pt>
                <c:pt idx="332">
                  <c:v>1.661594</c:v>
                </c:pt>
                <c:pt idx="333">
                  <c:v>1.6665990000000006</c:v>
                </c:pt>
                <c:pt idx="334">
                  <c:v>1.6716030000000002</c:v>
                </c:pt>
                <c:pt idx="335">
                  <c:v>1.6766079999999999</c:v>
                </c:pt>
                <c:pt idx="336">
                  <c:v>1.6816130000000005</c:v>
                </c:pt>
                <c:pt idx="337">
                  <c:v>1.6866180000000002</c:v>
                </c:pt>
                <c:pt idx="338">
                  <c:v>1.6916229999999999</c:v>
                </c:pt>
                <c:pt idx="339">
                  <c:v>1.6966270000000003</c:v>
                </c:pt>
                <c:pt idx="340">
                  <c:v>1.701632</c:v>
                </c:pt>
                <c:pt idx="341">
                  <c:v>1.7066370000000006</c:v>
                </c:pt>
                <c:pt idx="342">
                  <c:v>1.7116420000000003</c:v>
                </c:pt>
                <c:pt idx="343">
                  <c:v>1.716647</c:v>
                </c:pt>
                <c:pt idx="344">
                  <c:v>1.7216510000000005</c:v>
                </c:pt>
                <c:pt idx="345">
                  <c:v>1.7266560000000002</c:v>
                </c:pt>
                <c:pt idx="346">
                  <c:v>1.7316609999999999</c:v>
                </c:pt>
                <c:pt idx="347">
                  <c:v>1.7366660000000005</c:v>
                </c:pt>
                <c:pt idx="348">
                  <c:v>1.7416710000000002</c:v>
                </c:pt>
                <c:pt idx="349">
                  <c:v>1.7466750000000006</c:v>
                </c:pt>
                <c:pt idx="350">
                  <c:v>1.7516800000000003</c:v>
                </c:pt>
                <c:pt idx="351">
                  <c:v>1.7566850000000001</c:v>
                </c:pt>
                <c:pt idx="352">
                  <c:v>1.7616900000000006</c:v>
                </c:pt>
                <c:pt idx="353">
                  <c:v>1.7666950000000003</c:v>
                </c:pt>
                <c:pt idx="354">
                  <c:v>1.7716989999999999</c:v>
                </c:pt>
                <c:pt idx="355">
                  <c:v>1.7767040000000005</c:v>
                </c:pt>
                <c:pt idx="356">
                  <c:v>1.7817090000000002</c:v>
                </c:pt>
                <c:pt idx="357">
                  <c:v>1.7867139999999999</c:v>
                </c:pt>
                <c:pt idx="358">
                  <c:v>1.7917190000000005</c:v>
                </c:pt>
                <c:pt idx="359">
                  <c:v>1.7967230000000001</c:v>
                </c:pt>
                <c:pt idx="360">
                  <c:v>1.8017280000000007</c:v>
                </c:pt>
                <c:pt idx="361">
                  <c:v>1.8067330000000004</c:v>
                </c:pt>
                <c:pt idx="362">
                  <c:v>1.8117380000000001</c:v>
                </c:pt>
                <c:pt idx="363">
                  <c:v>1.8167430000000007</c:v>
                </c:pt>
                <c:pt idx="364">
                  <c:v>1.8217470000000002</c:v>
                </c:pt>
                <c:pt idx="365">
                  <c:v>1.8267519999999999</c:v>
                </c:pt>
                <c:pt idx="366">
                  <c:v>1.8317570000000005</c:v>
                </c:pt>
                <c:pt idx="367">
                  <c:v>1.8367620000000002</c:v>
                </c:pt>
                <c:pt idx="368">
                  <c:v>1.8417669999999999</c:v>
                </c:pt>
                <c:pt idx="369">
                  <c:v>1.8467710000000004</c:v>
                </c:pt>
                <c:pt idx="370">
                  <c:v>1.8517760000000001</c:v>
                </c:pt>
                <c:pt idx="371">
                  <c:v>1.8567810000000007</c:v>
                </c:pt>
                <c:pt idx="372">
                  <c:v>1.8617860000000004</c:v>
                </c:pt>
                <c:pt idx="373">
                  <c:v>1.8667910000000001</c:v>
                </c:pt>
                <c:pt idx="374">
                  <c:v>1.8717950000000005</c:v>
                </c:pt>
                <c:pt idx="375">
                  <c:v>1.8768000000000002</c:v>
                </c:pt>
                <c:pt idx="376">
                  <c:v>1.8818049999999999</c:v>
                </c:pt>
                <c:pt idx="377">
                  <c:v>1.8868100000000005</c:v>
                </c:pt>
                <c:pt idx="378">
                  <c:v>1.891815000000000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90000000001</c:v>
                </c:pt>
                <c:pt idx="382">
                  <c:v>1.9118339999999998</c:v>
                </c:pt>
                <c:pt idx="383">
                  <c:v>1.9168390000000004</c:v>
                </c:pt>
                <c:pt idx="384">
                  <c:v>1.921843</c:v>
                </c:pt>
                <c:pt idx="385">
                  <c:v>1.9268480000000006</c:v>
                </c:pt>
                <c:pt idx="386">
                  <c:v>1.9318530000000003</c:v>
                </c:pt>
                <c:pt idx="387">
                  <c:v>1.936858</c:v>
                </c:pt>
                <c:pt idx="388">
                  <c:v>1.9418630000000006</c:v>
                </c:pt>
                <c:pt idx="389">
                  <c:v>1.946867000000001</c:v>
                </c:pt>
                <c:pt idx="390">
                  <c:v>1.9518719999999998</c:v>
                </c:pt>
                <c:pt idx="391">
                  <c:v>1.9568770000000004</c:v>
                </c:pt>
                <c:pt idx="392">
                  <c:v>1.961882000000001</c:v>
                </c:pt>
                <c:pt idx="393">
                  <c:v>1.9668869999999998</c:v>
                </c:pt>
                <c:pt idx="394">
                  <c:v>1.9718909999999994</c:v>
                </c:pt>
                <c:pt idx="395">
                  <c:v>1.976896</c:v>
                </c:pt>
                <c:pt idx="396">
                  <c:v>1.9819010000000006</c:v>
                </c:pt>
                <c:pt idx="397">
                  <c:v>1.9869059999999994</c:v>
                </c:pt>
                <c:pt idx="398">
                  <c:v>1.991911</c:v>
                </c:pt>
                <c:pt idx="399">
                  <c:v>1.9969149999999996</c:v>
                </c:pt>
                <c:pt idx="400">
                  <c:v>2.0019200000000001</c:v>
                </c:pt>
                <c:pt idx="401">
                  <c:v>2.0069250000000007</c:v>
                </c:pt>
                <c:pt idx="402">
                  <c:v>2.0119299999999996</c:v>
                </c:pt>
                <c:pt idx="403">
                  <c:v>2.0169350000000001</c:v>
                </c:pt>
                <c:pt idx="404">
                  <c:v>2.0219389999999997</c:v>
                </c:pt>
                <c:pt idx="405">
                  <c:v>2.0269440000000003</c:v>
                </c:pt>
                <c:pt idx="406">
                  <c:v>2.0319490000000009</c:v>
                </c:pt>
                <c:pt idx="407">
                  <c:v>2.0369539999999997</c:v>
                </c:pt>
              </c:numCache>
            </c:numRef>
          </c:xVal>
          <c:yVal>
            <c:numRef>
              <c:f>'Multi-20-3s(17)'!$F$2:$F$411</c:f>
              <c:numCache>
                <c:formatCode>General</c:formatCode>
                <c:ptCount val="410"/>
                <c:pt idx="1">
                  <c:v>0.17556888564129863</c:v>
                </c:pt>
                <c:pt idx="2">
                  <c:v>0.12147600118224976</c:v>
                </c:pt>
                <c:pt idx="3">
                  <c:v>0.11121834070009558</c:v>
                </c:pt>
                <c:pt idx="4">
                  <c:v>0.11076887264109556</c:v>
                </c:pt>
                <c:pt idx="5">
                  <c:v>0.11687775883399769</c:v>
                </c:pt>
                <c:pt idx="6">
                  <c:v>0.12134872881874303</c:v>
                </c:pt>
                <c:pt idx="7">
                  <c:v>0.1120437400270306</c:v>
                </c:pt>
                <c:pt idx="8">
                  <c:v>0.10166533710525599</c:v>
                </c:pt>
                <c:pt idx="9">
                  <c:v>9.5896581915515949E-2</c:v>
                </c:pt>
                <c:pt idx="10">
                  <c:v>9.5562849601870378E-2</c:v>
                </c:pt>
                <c:pt idx="11">
                  <c:v>9.8603201684017247E-2</c:v>
                </c:pt>
                <c:pt idx="12">
                  <c:v>9.762925979178165E-2</c:v>
                </c:pt>
                <c:pt idx="13">
                  <c:v>9.5307215133206419E-2</c:v>
                </c:pt>
                <c:pt idx="14">
                  <c:v>9.6463658485339832E-2</c:v>
                </c:pt>
                <c:pt idx="15">
                  <c:v>9.592767402851704E-2</c:v>
                </c:pt>
                <c:pt idx="16">
                  <c:v>9.762922658360175E-2</c:v>
                </c:pt>
                <c:pt idx="17">
                  <c:v>0.10155318119229451</c:v>
                </c:pt>
                <c:pt idx="18">
                  <c:v>0.10351639322042037</c:v>
                </c:pt>
                <c:pt idx="19">
                  <c:v>0.10516682507597777</c:v>
                </c:pt>
                <c:pt idx="20">
                  <c:v>0.10450714256854458</c:v>
                </c:pt>
                <c:pt idx="21">
                  <c:v>0.10075887624429516</c:v>
                </c:pt>
                <c:pt idx="22">
                  <c:v>9.9519117696202281E-2</c:v>
                </c:pt>
                <c:pt idx="23">
                  <c:v>0.10260889697956561</c:v>
                </c:pt>
                <c:pt idx="24">
                  <c:v>0.10622826780853416</c:v>
                </c:pt>
                <c:pt idx="25">
                  <c:v>0.10868706693162666</c:v>
                </c:pt>
                <c:pt idx="26">
                  <c:v>0.10975524699210698</c:v>
                </c:pt>
                <c:pt idx="27">
                  <c:v>0.10913824494158764</c:v>
                </c:pt>
                <c:pt idx="28">
                  <c:v>0.10642273769430573</c:v>
                </c:pt>
                <c:pt idx="29">
                  <c:v>0.10304209785528792</c:v>
                </c:pt>
                <c:pt idx="30">
                  <c:v>0.1002459024554116</c:v>
                </c:pt>
                <c:pt idx="31">
                  <c:v>9.7780915039200694E-2</c:v>
                </c:pt>
                <c:pt idx="32">
                  <c:v>9.3770630798293605E-2</c:v>
                </c:pt>
                <c:pt idx="33">
                  <c:v>8.7611085035162239E-2</c:v>
                </c:pt>
                <c:pt idx="34">
                  <c:v>8.3663748267994359E-2</c:v>
                </c:pt>
                <c:pt idx="35">
                  <c:v>8.3139942290681904E-2</c:v>
                </c:pt>
                <c:pt idx="36">
                  <c:v>8.2465704675277765E-2</c:v>
                </c:pt>
                <c:pt idx="37">
                  <c:v>7.8470097851590453E-2</c:v>
                </c:pt>
                <c:pt idx="38">
                  <c:v>7.244803216147748E-2</c:v>
                </c:pt>
                <c:pt idx="39">
                  <c:v>6.8255648754254869E-2</c:v>
                </c:pt>
                <c:pt idx="40">
                  <c:v>6.689972187545204E-2</c:v>
                </c:pt>
                <c:pt idx="41">
                  <c:v>6.6608044964937885E-2</c:v>
                </c:pt>
                <c:pt idx="42">
                  <c:v>6.5700338161674962E-2</c:v>
                </c:pt>
                <c:pt idx="43">
                  <c:v>6.275566946457313E-2</c:v>
                </c:pt>
                <c:pt idx="44">
                  <c:v>6.093497729760948E-2</c:v>
                </c:pt>
                <c:pt idx="45">
                  <c:v>6.0694622188528752E-2</c:v>
                </c:pt>
                <c:pt idx="46">
                  <c:v>6.1855310028653535E-2</c:v>
                </c:pt>
                <c:pt idx="47">
                  <c:v>6.3978246755074533E-2</c:v>
                </c:pt>
                <c:pt idx="48">
                  <c:v>6.6803439991182711E-2</c:v>
                </c:pt>
                <c:pt idx="49">
                  <c:v>7.0147514976571915E-2</c:v>
                </c:pt>
                <c:pt idx="50">
                  <c:v>7.32635217738698E-2</c:v>
                </c:pt>
                <c:pt idx="51">
                  <c:v>7.5726835792987252E-2</c:v>
                </c:pt>
                <c:pt idx="52">
                  <c:v>7.755612308311724E-2</c:v>
                </c:pt>
                <c:pt idx="53">
                  <c:v>7.9199627848995424E-2</c:v>
                </c:pt>
                <c:pt idx="54">
                  <c:v>8.0867300879035597E-2</c:v>
                </c:pt>
                <c:pt idx="55">
                  <c:v>8.1449611009580716E-2</c:v>
                </c:pt>
                <c:pt idx="56">
                  <c:v>7.9963501524503211E-2</c:v>
                </c:pt>
                <c:pt idx="57">
                  <c:v>7.7518643611824437E-2</c:v>
                </c:pt>
                <c:pt idx="58">
                  <c:v>7.5469742338543977E-2</c:v>
                </c:pt>
                <c:pt idx="59">
                  <c:v>7.3814384106022327E-2</c:v>
                </c:pt>
                <c:pt idx="60">
                  <c:v>7.2006722189208713E-2</c:v>
                </c:pt>
                <c:pt idx="61">
                  <c:v>6.9753808498774342E-2</c:v>
                </c:pt>
                <c:pt idx="62">
                  <c:v>6.6907070854490922E-2</c:v>
                </c:pt>
                <c:pt idx="63">
                  <c:v>6.5350382175084334E-2</c:v>
                </c:pt>
                <c:pt idx="64">
                  <c:v>6.4540562329478343E-2</c:v>
                </c:pt>
                <c:pt idx="65">
                  <c:v>6.2493959492996326E-2</c:v>
                </c:pt>
                <c:pt idx="66">
                  <c:v>6.0574211118135629E-2</c:v>
                </c:pt>
                <c:pt idx="67">
                  <c:v>5.9238870071551694E-2</c:v>
                </c:pt>
                <c:pt idx="68">
                  <c:v>5.7594423299667075E-2</c:v>
                </c:pt>
                <c:pt idx="69">
                  <c:v>5.613952916716683E-2</c:v>
                </c:pt>
                <c:pt idx="70">
                  <c:v>5.489826517514252E-2</c:v>
                </c:pt>
                <c:pt idx="71">
                  <c:v>5.3520265301370787E-2</c:v>
                </c:pt>
                <c:pt idx="72">
                  <c:v>5.2991871642533016E-2</c:v>
                </c:pt>
                <c:pt idx="73">
                  <c:v>5.3680596523064984E-2</c:v>
                </c:pt>
                <c:pt idx="74">
                  <c:v>5.471012074451282E-2</c:v>
                </c:pt>
                <c:pt idx="75">
                  <c:v>5.5675139059168488E-2</c:v>
                </c:pt>
                <c:pt idx="76">
                  <c:v>5.7542222687330287E-2</c:v>
                </c:pt>
                <c:pt idx="77">
                  <c:v>5.866318324035194E-2</c:v>
                </c:pt>
                <c:pt idx="78">
                  <c:v>5.9324956043509867E-2</c:v>
                </c:pt>
                <c:pt idx="79">
                  <c:v>6.0050019250297702E-2</c:v>
                </c:pt>
                <c:pt idx="80">
                  <c:v>6.1328119256936514E-2</c:v>
                </c:pt>
                <c:pt idx="81">
                  <c:v>6.2756078791769268E-2</c:v>
                </c:pt>
                <c:pt idx="82">
                  <c:v>6.4378970433679461E-2</c:v>
                </c:pt>
                <c:pt idx="83">
                  <c:v>6.5367642240858587E-2</c:v>
                </c:pt>
                <c:pt idx="84">
                  <c:v>6.5256293861051029E-2</c:v>
                </c:pt>
                <c:pt idx="85">
                  <c:v>6.5024787881589843E-2</c:v>
                </c:pt>
                <c:pt idx="86">
                  <c:v>6.4147257273565531E-2</c:v>
                </c:pt>
                <c:pt idx="87">
                  <c:v>6.3246012995705772E-2</c:v>
                </c:pt>
                <c:pt idx="88">
                  <c:v>6.2507821568789368E-2</c:v>
                </c:pt>
                <c:pt idx="89">
                  <c:v>6.1062846754767072E-2</c:v>
                </c:pt>
                <c:pt idx="90">
                  <c:v>5.9105701712504469E-2</c:v>
                </c:pt>
                <c:pt idx="91">
                  <c:v>5.6957860478038226E-2</c:v>
                </c:pt>
                <c:pt idx="92">
                  <c:v>5.4913460884322862E-2</c:v>
                </c:pt>
                <c:pt idx="93">
                  <c:v>5.3799759984066012E-2</c:v>
                </c:pt>
                <c:pt idx="94">
                  <c:v>5.3439153917194483E-2</c:v>
                </c:pt>
                <c:pt idx="95">
                  <c:v>5.3431233841363932E-2</c:v>
                </c:pt>
                <c:pt idx="96">
                  <c:v>5.3382157015779932E-2</c:v>
                </c:pt>
                <c:pt idx="97">
                  <c:v>5.3174186959772447E-2</c:v>
                </c:pt>
                <c:pt idx="98">
                  <c:v>5.2812538931259721E-2</c:v>
                </c:pt>
                <c:pt idx="99">
                  <c:v>5.2511368304737328E-2</c:v>
                </c:pt>
                <c:pt idx="100">
                  <c:v>5.2763866273990788E-2</c:v>
                </c:pt>
                <c:pt idx="101">
                  <c:v>5.2866754536268441E-2</c:v>
                </c:pt>
                <c:pt idx="102">
                  <c:v>5.3291732681775554E-2</c:v>
                </c:pt>
                <c:pt idx="103">
                  <c:v>5.3883509053761235E-2</c:v>
                </c:pt>
                <c:pt idx="104">
                  <c:v>5.4385931976424495E-2</c:v>
                </c:pt>
                <c:pt idx="105">
                  <c:v>5.4699419267386973E-2</c:v>
                </c:pt>
                <c:pt idx="106">
                  <c:v>5.5177528640443285E-2</c:v>
                </c:pt>
                <c:pt idx="107">
                  <c:v>5.5695850211756721E-2</c:v>
                </c:pt>
                <c:pt idx="108">
                  <c:v>5.5964399402495063E-2</c:v>
                </c:pt>
                <c:pt idx="109">
                  <c:v>5.5555976100430463E-2</c:v>
                </c:pt>
                <c:pt idx="110">
                  <c:v>5.527530215175934E-2</c:v>
                </c:pt>
                <c:pt idx="111">
                  <c:v>5.4970714216676306E-2</c:v>
                </c:pt>
                <c:pt idx="112">
                  <c:v>5.393397492403789E-2</c:v>
                </c:pt>
                <c:pt idx="113">
                  <c:v>5.291877869994574E-2</c:v>
                </c:pt>
                <c:pt idx="114">
                  <c:v>5.1880121942623716E-2</c:v>
                </c:pt>
                <c:pt idx="115">
                  <c:v>5.0531146761095914E-2</c:v>
                </c:pt>
                <c:pt idx="116">
                  <c:v>4.8953701920555051E-2</c:v>
                </c:pt>
                <c:pt idx="117">
                  <c:v>4.7925164843668822E-2</c:v>
                </c:pt>
                <c:pt idx="118">
                  <c:v>4.7180191116066937E-2</c:v>
                </c:pt>
                <c:pt idx="119">
                  <c:v>4.6502996456439613E-2</c:v>
                </c:pt>
                <c:pt idx="120">
                  <c:v>4.6119137883014069E-2</c:v>
                </c:pt>
                <c:pt idx="121">
                  <c:v>4.6366483984887269E-2</c:v>
                </c:pt>
                <c:pt idx="122">
                  <c:v>4.7291347385318802E-2</c:v>
                </c:pt>
                <c:pt idx="123">
                  <c:v>4.8318211367707926E-2</c:v>
                </c:pt>
                <c:pt idx="124">
                  <c:v>4.8840232527777673E-2</c:v>
                </c:pt>
                <c:pt idx="125">
                  <c:v>4.9359423120671125E-2</c:v>
                </c:pt>
                <c:pt idx="126">
                  <c:v>4.9943478362882134E-2</c:v>
                </c:pt>
                <c:pt idx="127">
                  <c:v>5.0049030385071809E-2</c:v>
                </c:pt>
                <c:pt idx="128">
                  <c:v>4.9713220671941796E-2</c:v>
                </c:pt>
                <c:pt idx="129">
                  <c:v>4.9259055816114727E-2</c:v>
                </c:pt>
                <c:pt idx="130">
                  <c:v>4.9015279014392496E-2</c:v>
                </c:pt>
                <c:pt idx="131">
                  <c:v>4.880051593135893E-2</c:v>
                </c:pt>
                <c:pt idx="132">
                  <c:v>4.8420983510129509E-2</c:v>
                </c:pt>
                <c:pt idx="133">
                  <c:v>4.7988129467136258E-2</c:v>
                </c:pt>
                <c:pt idx="134">
                  <c:v>4.7966775363761281E-2</c:v>
                </c:pt>
                <c:pt idx="135">
                  <c:v>4.8267605153800568E-2</c:v>
                </c:pt>
                <c:pt idx="136">
                  <c:v>4.8802136626445322E-2</c:v>
                </c:pt>
                <c:pt idx="137">
                  <c:v>4.9127743987011301E-2</c:v>
                </c:pt>
                <c:pt idx="138">
                  <c:v>4.8902790488559653E-2</c:v>
                </c:pt>
                <c:pt idx="139">
                  <c:v>4.8460130804611437E-2</c:v>
                </c:pt>
                <c:pt idx="140">
                  <c:v>4.7817849195175621E-2</c:v>
                </c:pt>
                <c:pt idx="141">
                  <c:v>4.7573084389521882E-2</c:v>
                </c:pt>
                <c:pt idx="142">
                  <c:v>4.7580919273759882E-2</c:v>
                </c:pt>
                <c:pt idx="143">
                  <c:v>4.7044363955585936E-2</c:v>
                </c:pt>
                <c:pt idx="144">
                  <c:v>4.6152289590870907E-2</c:v>
                </c:pt>
                <c:pt idx="145">
                  <c:v>4.5527834044767311E-2</c:v>
                </c:pt>
                <c:pt idx="146">
                  <c:v>4.4673639840107485E-2</c:v>
                </c:pt>
                <c:pt idx="147">
                  <c:v>4.414484378209458E-2</c:v>
                </c:pt>
                <c:pt idx="148">
                  <c:v>4.3772760655324774E-2</c:v>
                </c:pt>
                <c:pt idx="149">
                  <c:v>4.3684592767571362E-2</c:v>
                </c:pt>
                <c:pt idx="150">
                  <c:v>4.3652138614806671E-2</c:v>
                </c:pt>
                <c:pt idx="151">
                  <c:v>4.3614374105724434E-2</c:v>
                </c:pt>
                <c:pt idx="152">
                  <c:v>4.3405522332000776E-2</c:v>
                </c:pt>
                <c:pt idx="153">
                  <c:v>4.3290701767567774E-2</c:v>
                </c:pt>
                <c:pt idx="154">
                  <c:v>4.3695255634928432E-2</c:v>
                </c:pt>
                <c:pt idx="155">
                  <c:v>4.4231843634575253E-2</c:v>
                </c:pt>
                <c:pt idx="156">
                  <c:v>4.442026923076494E-2</c:v>
                </c:pt>
                <c:pt idx="157">
                  <c:v>4.4900816444705741E-2</c:v>
                </c:pt>
                <c:pt idx="158">
                  <c:v>4.5254052431289951E-2</c:v>
                </c:pt>
                <c:pt idx="159">
                  <c:v>4.5325144411828354E-2</c:v>
                </c:pt>
                <c:pt idx="160">
                  <c:v>4.5195616473638497E-2</c:v>
                </c:pt>
                <c:pt idx="161">
                  <c:v>4.5279640588039356E-2</c:v>
                </c:pt>
                <c:pt idx="162">
                  <c:v>4.5596582955290142E-2</c:v>
                </c:pt>
                <c:pt idx="163">
                  <c:v>4.5639827429453821E-2</c:v>
                </c:pt>
                <c:pt idx="164">
                  <c:v>4.5474334086449394E-2</c:v>
                </c:pt>
                <c:pt idx="165">
                  <c:v>4.5197155665720509E-2</c:v>
                </c:pt>
                <c:pt idx="166">
                  <c:v>4.4793762566990546E-2</c:v>
                </c:pt>
                <c:pt idx="167">
                  <c:v>4.4200533099527803E-2</c:v>
                </c:pt>
                <c:pt idx="168">
                  <c:v>4.3264545644632786E-2</c:v>
                </c:pt>
                <c:pt idx="169">
                  <c:v>4.2688264022566327E-2</c:v>
                </c:pt>
                <c:pt idx="170">
                  <c:v>4.2184015932651135E-2</c:v>
                </c:pt>
                <c:pt idx="171">
                  <c:v>4.1407975140690563E-2</c:v>
                </c:pt>
                <c:pt idx="172">
                  <c:v>4.0458975534229169E-2</c:v>
                </c:pt>
                <c:pt idx="173">
                  <c:v>3.9907375678827996E-2</c:v>
                </c:pt>
                <c:pt idx="174">
                  <c:v>3.9553349099759466E-2</c:v>
                </c:pt>
                <c:pt idx="175">
                  <c:v>3.9089501006383504E-2</c:v>
                </c:pt>
                <c:pt idx="176">
                  <c:v>3.853721765682934E-2</c:v>
                </c:pt>
                <c:pt idx="177">
                  <c:v>3.8418297156335497E-2</c:v>
                </c:pt>
                <c:pt idx="178">
                  <c:v>3.9212018937264316E-2</c:v>
                </c:pt>
                <c:pt idx="179">
                  <c:v>3.9900321490408348E-2</c:v>
                </c:pt>
                <c:pt idx="180">
                  <c:v>4.0262837074185459E-2</c:v>
                </c:pt>
                <c:pt idx="181">
                  <c:v>4.0909820370049949E-2</c:v>
                </c:pt>
                <c:pt idx="182">
                  <c:v>4.1609924270890358E-2</c:v>
                </c:pt>
                <c:pt idx="183">
                  <c:v>4.2335225989455202E-2</c:v>
                </c:pt>
                <c:pt idx="184">
                  <c:v>4.2932876592106865E-2</c:v>
                </c:pt>
                <c:pt idx="185">
                  <c:v>4.322916134324311E-2</c:v>
                </c:pt>
                <c:pt idx="186">
                  <c:v>4.347389588814693E-2</c:v>
                </c:pt>
                <c:pt idx="187">
                  <c:v>4.3336789128821877E-2</c:v>
                </c:pt>
                <c:pt idx="188">
                  <c:v>4.3247124760499037E-2</c:v>
                </c:pt>
                <c:pt idx="189">
                  <c:v>4.3149855915096062E-2</c:v>
                </c:pt>
                <c:pt idx="190">
                  <c:v>4.2899216201800441E-2</c:v>
                </c:pt>
                <c:pt idx="191">
                  <c:v>4.2614211709562179E-2</c:v>
                </c:pt>
                <c:pt idx="192">
                  <c:v>4.198837271329723E-2</c:v>
                </c:pt>
                <c:pt idx="193">
                  <c:v>4.1064136694275458E-2</c:v>
                </c:pt>
                <c:pt idx="194">
                  <c:v>4.0128802048074293E-2</c:v>
                </c:pt>
                <c:pt idx="195">
                  <c:v>3.9290235114777812E-2</c:v>
                </c:pt>
                <c:pt idx="196">
                  <c:v>3.86441104277402E-2</c:v>
                </c:pt>
                <c:pt idx="197">
                  <c:v>3.8033880565989803E-2</c:v>
                </c:pt>
                <c:pt idx="198">
                  <c:v>3.7597731871439125E-2</c:v>
                </c:pt>
                <c:pt idx="199">
                  <c:v>3.7185983970985992E-2</c:v>
                </c:pt>
                <c:pt idx="200">
                  <c:v>3.6808349208358786E-2</c:v>
                </c:pt>
                <c:pt idx="201">
                  <c:v>3.6626295381646343E-2</c:v>
                </c:pt>
                <c:pt idx="202">
                  <c:v>3.654463294727317E-2</c:v>
                </c:pt>
                <c:pt idx="203">
                  <c:v>3.6536839380583302E-2</c:v>
                </c:pt>
                <c:pt idx="204">
                  <c:v>3.6690770080840492E-2</c:v>
                </c:pt>
                <c:pt idx="205">
                  <c:v>3.6614124707205487E-2</c:v>
                </c:pt>
                <c:pt idx="206">
                  <c:v>3.6742165802156876E-2</c:v>
                </c:pt>
                <c:pt idx="207">
                  <c:v>3.7042700844923331E-2</c:v>
                </c:pt>
                <c:pt idx="208">
                  <c:v>3.7605285262014343E-2</c:v>
                </c:pt>
                <c:pt idx="209">
                  <c:v>3.8112732998378113E-2</c:v>
                </c:pt>
                <c:pt idx="210">
                  <c:v>3.8573377412120781E-2</c:v>
                </c:pt>
                <c:pt idx="211">
                  <c:v>3.8683258917941638E-2</c:v>
                </c:pt>
                <c:pt idx="212">
                  <c:v>3.8541062525757112E-2</c:v>
                </c:pt>
                <c:pt idx="213">
                  <c:v>3.8398370176909363E-2</c:v>
                </c:pt>
                <c:pt idx="214">
                  <c:v>3.8337629923080652E-2</c:v>
                </c:pt>
                <c:pt idx="215">
                  <c:v>3.8176063449096291E-2</c:v>
                </c:pt>
                <c:pt idx="216">
                  <c:v>3.7922957064224674E-2</c:v>
                </c:pt>
                <c:pt idx="217">
                  <c:v>3.7602590493981555E-2</c:v>
                </c:pt>
                <c:pt idx="218">
                  <c:v>3.74127129536026E-2</c:v>
                </c:pt>
                <c:pt idx="219">
                  <c:v>3.7256241895822613E-2</c:v>
                </c:pt>
                <c:pt idx="220">
                  <c:v>3.7369103987068518E-2</c:v>
                </c:pt>
                <c:pt idx="221">
                  <c:v>3.7663431153485812E-2</c:v>
                </c:pt>
                <c:pt idx="222">
                  <c:v>3.8106442770223826E-2</c:v>
                </c:pt>
                <c:pt idx="223">
                  <c:v>3.8257135522596394E-2</c:v>
                </c:pt>
                <c:pt idx="224">
                  <c:v>3.8300167908855348E-2</c:v>
                </c:pt>
                <c:pt idx="225">
                  <c:v>3.8181205694980527E-2</c:v>
                </c:pt>
                <c:pt idx="226">
                  <c:v>3.803338605408961E-2</c:v>
                </c:pt>
                <c:pt idx="227">
                  <c:v>3.7778379021566999E-2</c:v>
                </c:pt>
                <c:pt idx="228">
                  <c:v>3.7214268830804559E-2</c:v>
                </c:pt>
                <c:pt idx="229">
                  <c:v>3.6527142737936245E-2</c:v>
                </c:pt>
                <c:pt idx="230">
                  <c:v>3.595624515397286E-2</c:v>
                </c:pt>
                <c:pt idx="231">
                  <c:v>3.5328647779432835E-2</c:v>
                </c:pt>
                <c:pt idx="232">
                  <c:v>3.4834223821901766E-2</c:v>
                </c:pt>
                <c:pt idx="233">
                  <c:v>3.4435071010280711E-2</c:v>
                </c:pt>
                <c:pt idx="234">
                  <c:v>3.4178956775719915E-2</c:v>
                </c:pt>
                <c:pt idx="235">
                  <c:v>3.3946570994112017E-2</c:v>
                </c:pt>
                <c:pt idx="236">
                  <c:v>3.3880962050307946E-2</c:v>
                </c:pt>
                <c:pt idx="237">
                  <c:v>3.3773722349800618E-2</c:v>
                </c:pt>
                <c:pt idx="238">
                  <c:v>3.3616942145440837E-2</c:v>
                </c:pt>
                <c:pt idx="239">
                  <c:v>3.3416482761174086E-2</c:v>
                </c:pt>
                <c:pt idx="240">
                  <c:v>3.3356517338741225E-2</c:v>
                </c:pt>
                <c:pt idx="241">
                  <c:v>3.3426957390831458E-2</c:v>
                </c:pt>
                <c:pt idx="242">
                  <c:v>3.3589680098940734E-2</c:v>
                </c:pt>
                <c:pt idx="243">
                  <c:v>3.3470625950137882E-2</c:v>
                </c:pt>
                <c:pt idx="244">
                  <c:v>3.3286750171300936E-2</c:v>
                </c:pt>
                <c:pt idx="245">
                  <c:v>3.3224091509987209E-2</c:v>
                </c:pt>
                <c:pt idx="246">
                  <c:v>3.3208271969786672E-2</c:v>
                </c:pt>
                <c:pt idx="247">
                  <c:v>3.3219026690304979E-2</c:v>
                </c:pt>
                <c:pt idx="248">
                  <c:v>3.3355532069742698E-2</c:v>
                </c:pt>
                <c:pt idx="249">
                  <c:v>3.3628865172782123E-2</c:v>
                </c:pt>
                <c:pt idx="250">
                  <c:v>3.3919859910514466E-2</c:v>
                </c:pt>
                <c:pt idx="251">
                  <c:v>3.4053766687824179E-2</c:v>
                </c:pt>
                <c:pt idx="252">
                  <c:v>3.432249325416882E-2</c:v>
                </c:pt>
                <c:pt idx="253">
                  <c:v>3.4632252353653907E-2</c:v>
                </c:pt>
                <c:pt idx="254">
                  <c:v>3.4832174129528624E-2</c:v>
                </c:pt>
                <c:pt idx="255">
                  <c:v>3.4768989363845988E-2</c:v>
                </c:pt>
                <c:pt idx="256">
                  <c:v>3.4545457534226567E-2</c:v>
                </c:pt>
                <c:pt idx="257">
                  <c:v>3.433952248876139E-2</c:v>
                </c:pt>
                <c:pt idx="258">
                  <c:v>3.4164269162064512E-2</c:v>
                </c:pt>
                <c:pt idx="259">
                  <c:v>3.3718678260789357E-2</c:v>
                </c:pt>
                <c:pt idx="260">
                  <c:v>3.3249448714923087E-2</c:v>
                </c:pt>
                <c:pt idx="261">
                  <c:v>3.2918150545263758E-2</c:v>
                </c:pt>
                <c:pt idx="262">
                  <c:v>3.2562325108627679E-2</c:v>
                </c:pt>
                <c:pt idx="263">
                  <c:v>3.2330124262410102E-2</c:v>
                </c:pt>
                <c:pt idx="264">
                  <c:v>3.2207804805803708E-2</c:v>
                </c:pt>
                <c:pt idx="265">
                  <c:v>3.2088974069496234E-2</c:v>
                </c:pt>
                <c:pt idx="266">
                  <c:v>3.1985032599085465E-2</c:v>
                </c:pt>
                <c:pt idx="267">
                  <c:v>3.1811136875554528E-2</c:v>
                </c:pt>
                <c:pt idx="268">
                  <c:v>3.1642157679286527E-2</c:v>
                </c:pt>
                <c:pt idx="269">
                  <c:v>3.1305355986184939E-2</c:v>
                </c:pt>
                <c:pt idx="270">
                  <c:v>3.0881971677573627E-2</c:v>
                </c:pt>
                <c:pt idx="271">
                  <c:v>3.0418651122879656E-2</c:v>
                </c:pt>
                <c:pt idx="272">
                  <c:v>3.0179550819894069E-2</c:v>
                </c:pt>
                <c:pt idx="273">
                  <c:v>3.0216741073439215E-2</c:v>
                </c:pt>
                <c:pt idx="274">
                  <c:v>3.0267810355952003E-2</c:v>
                </c:pt>
                <c:pt idx="275">
                  <c:v>3.0399269438786174E-2</c:v>
                </c:pt>
                <c:pt idx="276">
                  <c:v>3.0702731283278238E-2</c:v>
                </c:pt>
                <c:pt idx="277">
                  <c:v>3.1041147989112616E-2</c:v>
                </c:pt>
                <c:pt idx="278">
                  <c:v>3.1418942128753694E-2</c:v>
                </c:pt>
                <c:pt idx="279">
                  <c:v>3.1663005921174762E-2</c:v>
                </c:pt>
                <c:pt idx="280">
                  <c:v>3.1943014893786537E-2</c:v>
                </c:pt>
                <c:pt idx="281">
                  <c:v>3.2206278541350594E-2</c:v>
                </c:pt>
                <c:pt idx="282">
                  <c:v>3.220941832667331E-2</c:v>
                </c:pt>
                <c:pt idx="283">
                  <c:v>3.1973524602202139E-2</c:v>
                </c:pt>
                <c:pt idx="284">
                  <c:v>3.1602572746778218E-2</c:v>
                </c:pt>
                <c:pt idx="285">
                  <c:v>3.1174564593292001E-2</c:v>
                </c:pt>
                <c:pt idx="286">
                  <c:v>3.0639707299916896E-2</c:v>
                </c:pt>
                <c:pt idx="287">
                  <c:v>2.98525992498299E-2</c:v>
                </c:pt>
                <c:pt idx="288">
                  <c:v>2.9170216008420874E-2</c:v>
                </c:pt>
                <c:pt idx="289">
                  <c:v>2.8549271066584607E-2</c:v>
                </c:pt>
                <c:pt idx="290">
                  <c:v>2.8091655086429312E-2</c:v>
                </c:pt>
                <c:pt idx="291">
                  <c:v>2.7740373261577373E-2</c:v>
                </c:pt>
                <c:pt idx="292">
                  <c:v>2.7614692245711309E-2</c:v>
                </c:pt>
                <c:pt idx="293">
                  <c:v>2.7598762030546876E-2</c:v>
                </c:pt>
                <c:pt idx="294">
                  <c:v>2.7638344581505724E-2</c:v>
                </c:pt>
                <c:pt idx="295">
                  <c:v>2.7567498949545306E-2</c:v>
                </c:pt>
                <c:pt idx="296">
                  <c:v>2.7545724969277156E-2</c:v>
                </c:pt>
                <c:pt idx="297">
                  <c:v>2.7772419115794134E-2</c:v>
                </c:pt>
                <c:pt idx="298">
                  <c:v>2.7816217507354832E-2</c:v>
                </c:pt>
                <c:pt idx="299">
                  <c:v>2.7777302846652824E-2</c:v>
                </c:pt>
                <c:pt idx="300">
                  <c:v>2.7931138299836487E-2</c:v>
                </c:pt>
                <c:pt idx="301">
                  <c:v>2.8299121645929719E-2</c:v>
                </c:pt>
                <c:pt idx="302">
                  <c:v>2.8637419845753142E-2</c:v>
                </c:pt>
                <c:pt idx="303">
                  <c:v>2.88545637518937E-2</c:v>
                </c:pt>
                <c:pt idx="304">
                  <c:v>2.9098124684576204E-2</c:v>
                </c:pt>
                <c:pt idx="305">
                  <c:v>2.9386017022897889E-2</c:v>
                </c:pt>
                <c:pt idx="306">
                  <c:v>2.9513835563131779E-2</c:v>
                </c:pt>
                <c:pt idx="307">
                  <c:v>2.963458333992517E-2</c:v>
                </c:pt>
                <c:pt idx="308">
                  <c:v>2.9617409047545715E-2</c:v>
                </c:pt>
                <c:pt idx="309">
                  <c:v>2.9520705772229844E-2</c:v>
                </c:pt>
                <c:pt idx="310">
                  <c:v>2.9195050223995288E-2</c:v>
                </c:pt>
                <c:pt idx="311">
                  <c:v>2.8836762544159962E-2</c:v>
                </c:pt>
                <c:pt idx="312">
                  <c:v>2.8480572646756862E-2</c:v>
                </c:pt>
                <c:pt idx="313">
                  <c:v>2.8036802309364013E-2</c:v>
                </c:pt>
                <c:pt idx="314">
                  <c:v>2.7583621414861832E-2</c:v>
                </c:pt>
                <c:pt idx="315">
                  <c:v>2.7132228716614325E-2</c:v>
                </c:pt>
                <c:pt idx="316">
                  <c:v>2.6646218208927323E-2</c:v>
                </c:pt>
                <c:pt idx="317">
                  <c:v>2.6098219674553339E-2</c:v>
                </c:pt>
                <c:pt idx="318">
                  <c:v>2.5695800521941346E-2</c:v>
                </c:pt>
                <c:pt idx="319">
                  <c:v>2.5381341407509573E-2</c:v>
                </c:pt>
                <c:pt idx="320">
                  <c:v>2.520048360656215E-2</c:v>
                </c:pt>
                <c:pt idx="321">
                  <c:v>2.5158066435850182E-2</c:v>
                </c:pt>
                <c:pt idx="322">
                  <c:v>2.524670259114668E-2</c:v>
                </c:pt>
                <c:pt idx="323">
                  <c:v>2.5259192055535434E-2</c:v>
                </c:pt>
                <c:pt idx="324">
                  <c:v>2.5397963881676564E-2</c:v>
                </c:pt>
                <c:pt idx="325">
                  <c:v>2.5732820739141023E-2</c:v>
                </c:pt>
                <c:pt idx="326">
                  <c:v>2.620534782046513E-2</c:v>
                </c:pt>
                <c:pt idx="327">
                  <c:v>2.6515372575658818E-2</c:v>
                </c:pt>
                <c:pt idx="328">
                  <c:v>2.6712428248871763E-2</c:v>
                </c:pt>
                <c:pt idx="329">
                  <c:v>2.6741962043996662E-2</c:v>
                </c:pt>
                <c:pt idx="330">
                  <c:v>2.6911109920886224E-2</c:v>
                </c:pt>
                <c:pt idx="331">
                  <c:v>2.7092908053319511E-2</c:v>
                </c:pt>
                <c:pt idx="332">
                  <c:v>2.7099878821342249E-2</c:v>
                </c:pt>
                <c:pt idx="333">
                  <c:v>2.7036943963609859E-2</c:v>
                </c:pt>
                <c:pt idx="334">
                  <c:v>2.6883746219445996E-2</c:v>
                </c:pt>
                <c:pt idx="335">
                  <c:v>2.6619542532911482E-2</c:v>
                </c:pt>
                <c:pt idx="336">
                  <c:v>2.6444896750433079E-2</c:v>
                </c:pt>
                <c:pt idx="337">
                  <c:v>2.6251877108412563E-2</c:v>
                </c:pt>
                <c:pt idx="338">
                  <c:v>2.6096402086198959E-2</c:v>
                </c:pt>
                <c:pt idx="339">
                  <c:v>2.5767121822869013E-2</c:v>
                </c:pt>
                <c:pt idx="340">
                  <c:v>2.5466092347209871E-2</c:v>
                </c:pt>
                <c:pt idx="341">
                  <c:v>2.5144473592517792E-2</c:v>
                </c:pt>
                <c:pt idx="342">
                  <c:v>2.4858978072195118E-2</c:v>
                </c:pt>
                <c:pt idx="343">
                  <c:v>2.4511412056604679E-2</c:v>
                </c:pt>
                <c:pt idx="344">
                  <c:v>2.4243006172124836E-2</c:v>
                </c:pt>
                <c:pt idx="345">
                  <c:v>2.4422255408428083E-2</c:v>
                </c:pt>
                <c:pt idx="346">
                  <c:v>2.4764890835210215E-2</c:v>
                </c:pt>
                <c:pt idx="347">
                  <c:v>2.4990521556823471E-2</c:v>
                </c:pt>
                <c:pt idx="348">
                  <c:v>2.5172400027802144E-2</c:v>
                </c:pt>
                <c:pt idx="349">
                  <c:v>2.5430467580137329E-2</c:v>
                </c:pt>
                <c:pt idx="350">
                  <c:v>2.5802242856414723E-2</c:v>
                </c:pt>
                <c:pt idx="351">
                  <c:v>2.6045871657554138E-2</c:v>
                </c:pt>
                <c:pt idx="352">
                  <c:v>2.6288617399264989E-2</c:v>
                </c:pt>
                <c:pt idx="353">
                  <c:v>2.629205582688552E-2</c:v>
                </c:pt>
                <c:pt idx="354">
                  <c:v>2.5923700570028886E-2</c:v>
                </c:pt>
                <c:pt idx="355">
                  <c:v>2.5500009398293888E-2</c:v>
                </c:pt>
                <c:pt idx="356">
                  <c:v>2.4887089865902632E-2</c:v>
                </c:pt>
                <c:pt idx="357">
                  <c:v>2.4188979469269248E-2</c:v>
                </c:pt>
                <c:pt idx="358">
                  <c:v>2.3413620182577925E-2</c:v>
                </c:pt>
                <c:pt idx="359">
                  <c:v>2.263499360164923E-2</c:v>
                </c:pt>
                <c:pt idx="360">
                  <c:v>2.2054915577760854E-2</c:v>
                </c:pt>
                <c:pt idx="361">
                  <c:v>2.1636038857553788E-2</c:v>
                </c:pt>
                <c:pt idx="362">
                  <c:v>2.1427374641778681E-2</c:v>
                </c:pt>
                <c:pt idx="363">
                  <c:v>2.1490716768931203E-2</c:v>
                </c:pt>
                <c:pt idx="364">
                  <c:v>2.1630615292894805E-2</c:v>
                </c:pt>
                <c:pt idx="365">
                  <c:v>2.2039362842033595E-2</c:v>
                </c:pt>
                <c:pt idx="366">
                  <c:v>2.2521464960228037E-2</c:v>
                </c:pt>
                <c:pt idx="367">
                  <c:v>2.3002966512746872E-2</c:v>
                </c:pt>
                <c:pt idx="368">
                  <c:v>2.3523917758524304E-2</c:v>
                </c:pt>
                <c:pt idx="369">
                  <c:v>2.4071813236591667E-2</c:v>
                </c:pt>
                <c:pt idx="370">
                  <c:v>2.4387976497888011E-2</c:v>
                </c:pt>
                <c:pt idx="371">
                  <c:v>2.4508513506378459E-2</c:v>
                </c:pt>
                <c:pt idx="372">
                  <c:v>2.4645233037852547E-2</c:v>
                </c:pt>
                <c:pt idx="373">
                  <c:v>2.4673939674075114E-2</c:v>
                </c:pt>
                <c:pt idx="374">
                  <c:v>2.4746125352024972E-2</c:v>
                </c:pt>
                <c:pt idx="375">
                  <c:v>2.4592050111964709E-2</c:v>
                </c:pt>
                <c:pt idx="376">
                  <c:v>2.4223273075301064E-2</c:v>
                </c:pt>
                <c:pt idx="377">
                  <c:v>2.3816866034561686E-2</c:v>
                </c:pt>
                <c:pt idx="378">
                  <c:v>2.3586594938420028E-2</c:v>
                </c:pt>
                <c:pt idx="379">
                  <c:v>2.3283404114182841E-2</c:v>
                </c:pt>
                <c:pt idx="380">
                  <c:v>2.2956286494095261E-2</c:v>
                </c:pt>
                <c:pt idx="381">
                  <c:v>2.2458561433311666E-2</c:v>
                </c:pt>
                <c:pt idx="382">
                  <c:v>2.1902617365210271E-2</c:v>
                </c:pt>
                <c:pt idx="383">
                  <c:v>2.1390891123118497E-2</c:v>
                </c:pt>
                <c:pt idx="384">
                  <c:v>2.099217876447337E-2</c:v>
                </c:pt>
                <c:pt idx="385">
                  <c:v>2.0715799278648545E-2</c:v>
                </c:pt>
                <c:pt idx="386">
                  <c:v>2.058722886378915E-2</c:v>
                </c:pt>
                <c:pt idx="387">
                  <c:v>2.0640894779044544E-2</c:v>
                </c:pt>
                <c:pt idx="388">
                  <c:v>2.0780869109916882E-2</c:v>
                </c:pt>
                <c:pt idx="389">
                  <c:v>2.1053306360020872E-2</c:v>
                </c:pt>
                <c:pt idx="390">
                  <c:v>2.1408468077634833E-2</c:v>
                </c:pt>
                <c:pt idx="391">
                  <c:v>2.1897833618202026E-2</c:v>
                </c:pt>
                <c:pt idx="392">
                  <c:v>2.2387903784426358E-2</c:v>
                </c:pt>
                <c:pt idx="393">
                  <c:v>2.3001487746577998E-2</c:v>
                </c:pt>
                <c:pt idx="394">
                  <c:v>2.3627317066238829E-2</c:v>
                </c:pt>
                <c:pt idx="395">
                  <c:v>2.4111410944075144E-2</c:v>
                </c:pt>
                <c:pt idx="396">
                  <c:v>2.4419360905564302E-2</c:v>
                </c:pt>
                <c:pt idx="397">
                  <c:v>2.4634846014441138E-2</c:v>
                </c:pt>
                <c:pt idx="398">
                  <c:v>2.472344456980817E-2</c:v>
                </c:pt>
                <c:pt idx="399">
                  <c:v>2.4503044505042124E-2</c:v>
                </c:pt>
                <c:pt idx="400">
                  <c:v>2.4101619759146924E-2</c:v>
                </c:pt>
                <c:pt idx="401">
                  <c:v>2.3472347356109247E-2</c:v>
                </c:pt>
                <c:pt idx="402">
                  <c:v>2.2745496847943806E-2</c:v>
                </c:pt>
                <c:pt idx="403">
                  <c:v>2.2064616407376551E-2</c:v>
                </c:pt>
                <c:pt idx="404">
                  <c:v>2.1402774683486239E-2</c:v>
                </c:pt>
                <c:pt idx="405">
                  <c:v>2.0670673015763533E-2</c:v>
                </c:pt>
                <c:pt idx="406">
                  <c:v>2.0033276864196193E-2</c:v>
                </c:pt>
                <c:pt idx="407">
                  <c:v>1.96587823176562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4EAC-415E-AB18-2F395A66791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20777576"/>
        <c:axId val="720778560"/>
      </c:scatterChart>
      <c:valAx>
        <c:axId val="72077757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20778560"/>
        <c:crosses val="autoZero"/>
        <c:crossBetween val="midCat"/>
      </c:valAx>
      <c:valAx>
        <c:axId val="7207785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2077757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>
                <c:manualLayout>
                  <c:x val="0.11070939609386184"/>
                  <c:y val="-0.18095465844464187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150-3s(14)'!$D$2:$D$2664</c:f>
              <c:numCache>
                <c:formatCode>General</c:formatCode>
                <c:ptCount val="2663"/>
                <c:pt idx="0">
                  <c:v>0</c:v>
                </c:pt>
                <c:pt idx="1">
                  <c:v>5.0039999999995644E-3</c:v>
                </c:pt>
                <c:pt idx="2">
                  <c:v>1.0009000000000157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4000000000157E-2</c:v>
                </c:pt>
                <c:pt idx="6">
                  <c:v>3.0027999999999722E-2</c:v>
                </c:pt>
                <c:pt idx="7">
                  <c:v>3.5032999999999426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7999999999426E-2</c:v>
                </c:pt>
                <c:pt idx="11">
                  <c:v>5.5051999999999879E-2</c:v>
                </c:pt>
                <c:pt idx="12">
                  <c:v>6.0056999999999583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6000000000036E-2</c:v>
                </c:pt>
                <c:pt idx="17">
                  <c:v>8.508099999999974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974</c:v>
                </c:pt>
                <c:pt idx="21">
                  <c:v>0.10509999999999931</c:v>
                </c:pt>
                <c:pt idx="22">
                  <c:v>0.1101049999999999</c:v>
                </c:pt>
                <c:pt idx="23">
                  <c:v>0.1151099999999996</c:v>
                </c:pt>
                <c:pt idx="24">
                  <c:v>0.12011499999999931</c:v>
                </c:pt>
                <c:pt idx="25">
                  <c:v>0.1251199999999999</c:v>
                </c:pt>
                <c:pt idx="26">
                  <c:v>0.13012399999999946</c:v>
                </c:pt>
                <c:pt idx="27">
                  <c:v>0.13512900000000005</c:v>
                </c:pt>
                <c:pt idx="28">
                  <c:v>0.14013399999999976</c:v>
                </c:pt>
                <c:pt idx="29">
                  <c:v>0.14513899999999946</c:v>
                </c:pt>
                <c:pt idx="30">
                  <c:v>0.15014400000000006</c:v>
                </c:pt>
                <c:pt idx="31">
                  <c:v>0.15514799999999962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299999999962</c:v>
                </c:pt>
                <c:pt idx="35">
                  <c:v>0.17516799999999932</c:v>
                </c:pt>
                <c:pt idx="36">
                  <c:v>0.18017199999999978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699999999978</c:v>
                </c:pt>
                <c:pt idx="40">
                  <c:v>0.20019199999999948</c:v>
                </c:pt>
                <c:pt idx="41">
                  <c:v>0.20519599999999993</c:v>
                </c:pt>
                <c:pt idx="42">
                  <c:v>0.21020099999999964</c:v>
                </c:pt>
                <c:pt idx="43">
                  <c:v>0.21520599999999934</c:v>
                </c:pt>
                <c:pt idx="44">
                  <c:v>0.22021099999999993</c:v>
                </c:pt>
                <c:pt idx="45">
                  <c:v>0.22521599999999964</c:v>
                </c:pt>
                <c:pt idx="46">
                  <c:v>0.23022000000000009</c:v>
                </c:pt>
                <c:pt idx="47">
                  <c:v>0.2352249999999998</c:v>
                </c:pt>
                <c:pt idx="48">
                  <c:v>0.2402299999999995</c:v>
                </c:pt>
                <c:pt idx="49">
                  <c:v>0.24523500000000009</c:v>
                </c:pt>
                <c:pt idx="50">
                  <c:v>0.2502399999999998</c:v>
                </c:pt>
                <c:pt idx="51">
                  <c:v>0.25524399999999936</c:v>
                </c:pt>
                <c:pt idx="52">
                  <c:v>0.26024899999999995</c:v>
                </c:pt>
                <c:pt idx="53">
                  <c:v>0.26525399999999966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799999999952</c:v>
                </c:pt>
                <c:pt idx="57">
                  <c:v>0.28527300000000011</c:v>
                </c:pt>
                <c:pt idx="58">
                  <c:v>0.29027799999999981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699999999938</c:v>
                </c:pt>
                <c:pt idx="63">
                  <c:v>0.31530199999999997</c:v>
                </c:pt>
                <c:pt idx="64">
                  <c:v>0.32030699999999968</c:v>
                </c:pt>
                <c:pt idx="65">
                  <c:v>0.32531199999999938</c:v>
                </c:pt>
                <c:pt idx="66">
                  <c:v>0.33031599999999983</c:v>
                </c:pt>
                <c:pt idx="67">
                  <c:v>0.33532099999999954</c:v>
                </c:pt>
                <c:pt idx="68">
                  <c:v>0.34032600000000013</c:v>
                </c:pt>
                <c:pt idx="69">
                  <c:v>0.34533099999999983</c:v>
                </c:pt>
                <c:pt idx="70">
                  <c:v>0.35033599999999954</c:v>
                </c:pt>
                <c:pt idx="71">
                  <c:v>0.35533999999999999</c:v>
                </c:pt>
                <c:pt idx="72">
                  <c:v>0.36034499999999969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5999999999969</c:v>
                </c:pt>
                <c:pt idx="76">
                  <c:v>0.38036400000000015</c:v>
                </c:pt>
                <c:pt idx="77">
                  <c:v>0.38536899999999985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399999999985</c:v>
                </c:pt>
                <c:pt idx="81">
                  <c:v>0.40538799999999942</c:v>
                </c:pt>
                <c:pt idx="82">
                  <c:v>0.41039300000000001</c:v>
                </c:pt>
                <c:pt idx="83">
                  <c:v>0.41539799999999971</c:v>
                </c:pt>
                <c:pt idx="84">
                  <c:v>0.42040299999999942</c:v>
                </c:pt>
                <c:pt idx="85">
                  <c:v>0.42540800000000001</c:v>
                </c:pt>
                <c:pt idx="86">
                  <c:v>0.43041199999999957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699999999957</c:v>
                </c:pt>
                <c:pt idx="90">
                  <c:v>0.45043199999999928</c:v>
                </c:pt>
                <c:pt idx="91">
                  <c:v>0.45543599999999973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099999999973</c:v>
                </c:pt>
                <c:pt idx="95">
                  <c:v>0.47545599999999943</c:v>
                </c:pt>
                <c:pt idx="96">
                  <c:v>0.48045999999999989</c:v>
                </c:pt>
                <c:pt idx="97">
                  <c:v>0.48546499999999959</c:v>
                </c:pt>
                <c:pt idx="98">
                  <c:v>0.4904699999999993</c:v>
                </c:pt>
                <c:pt idx="99">
                  <c:v>0.49547499999999989</c:v>
                </c:pt>
                <c:pt idx="100">
                  <c:v>0.50047999999999959</c:v>
                </c:pt>
                <c:pt idx="101">
                  <c:v>0.50548400000000004</c:v>
                </c:pt>
                <c:pt idx="102">
                  <c:v>0.51048899999999975</c:v>
                </c:pt>
                <c:pt idx="103">
                  <c:v>0.51549399999999945</c:v>
                </c:pt>
                <c:pt idx="104">
                  <c:v>0.52049900000000004</c:v>
                </c:pt>
                <c:pt idx="105">
                  <c:v>0.52550399999999975</c:v>
                </c:pt>
                <c:pt idx="106">
                  <c:v>0.53050799999999931</c:v>
                </c:pt>
                <c:pt idx="107">
                  <c:v>0.53551299999999991</c:v>
                </c:pt>
                <c:pt idx="108">
                  <c:v>0.54051799999999961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199999999947</c:v>
                </c:pt>
                <c:pt idx="112">
                  <c:v>0.56053700000000006</c:v>
                </c:pt>
                <c:pt idx="113">
                  <c:v>0.56554199999999977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599999999963</c:v>
                </c:pt>
                <c:pt idx="117">
                  <c:v>0.58556099999999933</c:v>
                </c:pt>
                <c:pt idx="118">
                  <c:v>0.59056599999999992</c:v>
                </c:pt>
                <c:pt idx="119">
                  <c:v>0.59557099999999963</c:v>
                </c:pt>
                <c:pt idx="120">
                  <c:v>0.60057599999999933</c:v>
                </c:pt>
                <c:pt idx="121">
                  <c:v>0.60557999999999979</c:v>
                </c:pt>
                <c:pt idx="122">
                  <c:v>0.61058499999999949</c:v>
                </c:pt>
                <c:pt idx="123">
                  <c:v>0.61559000000000008</c:v>
                </c:pt>
                <c:pt idx="124">
                  <c:v>0.62059499999999979</c:v>
                </c:pt>
                <c:pt idx="125">
                  <c:v>0.62559999999999949</c:v>
                </c:pt>
                <c:pt idx="126">
                  <c:v>0.63060399999999994</c:v>
                </c:pt>
                <c:pt idx="127">
                  <c:v>0.63560899999999965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399999999965</c:v>
                </c:pt>
                <c:pt idx="131">
                  <c:v>0.6556280000000001</c:v>
                </c:pt>
                <c:pt idx="132">
                  <c:v>0.6606329999999998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79999999998</c:v>
                </c:pt>
                <c:pt idx="136">
                  <c:v>0.68065199999999937</c:v>
                </c:pt>
                <c:pt idx="137">
                  <c:v>0.68565699999999996</c:v>
                </c:pt>
                <c:pt idx="138">
                  <c:v>0.69066199999999967</c:v>
                </c:pt>
                <c:pt idx="139">
                  <c:v>0.69566699999999937</c:v>
                </c:pt>
                <c:pt idx="140">
                  <c:v>0.70067199999999996</c:v>
                </c:pt>
                <c:pt idx="141">
                  <c:v>0.70567599999999953</c:v>
                </c:pt>
                <c:pt idx="142">
                  <c:v>0.71068100000000012</c:v>
                </c:pt>
                <c:pt idx="143">
                  <c:v>0.71568599999999982</c:v>
                </c:pt>
                <c:pt idx="144">
                  <c:v>0.72069099999999953</c:v>
                </c:pt>
                <c:pt idx="145">
                  <c:v>0.72569600000000012</c:v>
                </c:pt>
                <c:pt idx="146">
                  <c:v>0.73069999999999968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499999999968</c:v>
                </c:pt>
                <c:pt idx="150">
                  <c:v>0.75071999999999939</c:v>
                </c:pt>
                <c:pt idx="151">
                  <c:v>0.75572399999999984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899999999984</c:v>
                </c:pt>
                <c:pt idx="155">
                  <c:v>0.77574399999999955</c:v>
                </c:pt>
                <c:pt idx="156">
                  <c:v>0.780748</c:v>
                </c:pt>
                <c:pt idx="157">
                  <c:v>0.7857529999999997</c:v>
                </c:pt>
                <c:pt idx="158">
                  <c:v>0.79075799999999941</c:v>
                </c:pt>
                <c:pt idx="159">
                  <c:v>0.795763</c:v>
                </c:pt>
                <c:pt idx="160">
                  <c:v>0.8007679999999997</c:v>
                </c:pt>
                <c:pt idx="161">
                  <c:v>0.80577200000000015</c:v>
                </c:pt>
                <c:pt idx="162">
                  <c:v>0.81077699999999986</c:v>
                </c:pt>
                <c:pt idx="163">
                  <c:v>0.81578199999999956</c:v>
                </c:pt>
                <c:pt idx="164">
                  <c:v>0.82078700000000016</c:v>
                </c:pt>
                <c:pt idx="165">
                  <c:v>0.82579199999999986</c:v>
                </c:pt>
                <c:pt idx="166">
                  <c:v>0.83079599999999942</c:v>
                </c:pt>
                <c:pt idx="167">
                  <c:v>0.83580100000000002</c:v>
                </c:pt>
                <c:pt idx="168">
                  <c:v>0.84080599999999972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1999999999958</c:v>
                </c:pt>
                <c:pt idx="172">
                  <c:v>0.86082499999999929</c:v>
                </c:pt>
                <c:pt idx="173">
                  <c:v>0.86582999999999988</c:v>
                </c:pt>
                <c:pt idx="174">
                  <c:v>0.87083499999999958</c:v>
                </c:pt>
                <c:pt idx="175">
                  <c:v>0.87583999999999929</c:v>
                </c:pt>
                <c:pt idx="176">
                  <c:v>0.88084399999999974</c:v>
                </c:pt>
                <c:pt idx="177">
                  <c:v>0.88584899999999944</c:v>
                </c:pt>
                <c:pt idx="178">
                  <c:v>0.89085400000000003</c:v>
                </c:pt>
                <c:pt idx="179">
                  <c:v>0.89585899999999974</c:v>
                </c:pt>
                <c:pt idx="180">
                  <c:v>0.90086399999999944</c:v>
                </c:pt>
                <c:pt idx="181">
                  <c:v>0.9058679999999999</c:v>
                </c:pt>
                <c:pt idx="182">
                  <c:v>0.9108729999999996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79999999996</c:v>
                </c:pt>
                <c:pt idx="186">
                  <c:v>0.93089200000000005</c:v>
                </c:pt>
                <c:pt idx="187">
                  <c:v>0.93589699999999976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976</c:v>
                </c:pt>
                <c:pt idx="191">
                  <c:v>0.95591599999999932</c:v>
                </c:pt>
                <c:pt idx="192">
                  <c:v>0.96092099999999991</c:v>
                </c:pt>
                <c:pt idx="193">
                  <c:v>0.96592599999999962</c:v>
                </c:pt>
                <c:pt idx="194">
                  <c:v>0.97093099999999932</c:v>
                </c:pt>
                <c:pt idx="195">
                  <c:v>0.97593599999999991</c:v>
                </c:pt>
                <c:pt idx="196">
                  <c:v>0.98093999999999948</c:v>
                </c:pt>
                <c:pt idx="197">
                  <c:v>0.98594500000000007</c:v>
                </c:pt>
                <c:pt idx="198">
                  <c:v>0.99094999999999978</c:v>
                </c:pt>
                <c:pt idx="199">
                  <c:v>0.99595499999999948</c:v>
                </c:pt>
                <c:pt idx="200">
                  <c:v>1.0009600000000001</c:v>
                </c:pt>
                <c:pt idx="201">
                  <c:v>1.0059639999999996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89999999996</c:v>
                </c:pt>
                <c:pt idx="205">
                  <c:v>1.0259839999999993</c:v>
                </c:pt>
                <c:pt idx="206">
                  <c:v>1.0309879999999998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29999999998</c:v>
                </c:pt>
                <c:pt idx="210">
                  <c:v>1.0510079999999995</c:v>
                </c:pt>
                <c:pt idx="211">
                  <c:v>1.056012</c:v>
                </c:pt>
                <c:pt idx="212">
                  <c:v>1.0610169999999997</c:v>
                </c:pt>
                <c:pt idx="213">
                  <c:v>1.0660219999999994</c:v>
                </c:pt>
                <c:pt idx="214">
                  <c:v>1.071027</c:v>
                </c:pt>
                <c:pt idx="215">
                  <c:v>1.0760319999999997</c:v>
                </c:pt>
                <c:pt idx="216">
                  <c:v>1.0810360000000001</c:v>
                </c:pt>
                <c:pt idx="217">
                  <c:v>1.0860409999999998</c:v>
                </c:pt>
                <c:pt idx="218">
                  <c:v>1.0910459999999995</c:v>
                </c:pt>
                <c:pt idx="219">
                  <c:v>1.0960510000000001</c:v>
                </c:pt>
                <c:pt idx="220">
                  <c:v>1.1010559999999998</c:v>
                </c:pt>
                <c:pt idx="221">
                  <c:v>1.1060599999999994</c:v>
                </c:pt>
                <c:pt idx="222">
                  <c:v>1.111065</c:v>
                </c:pt>
                <c:pt idx="223">
                  <c:v>1.1160699999999997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39999999995</c:v>
                </c:pt>
                <c:pt idx="227">
                  <c:v>1.1360890000000001</c:v>
                </c:pt>
                <c:pt idx="228">
                  <c:v>1.1410939999999998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29999999994</c:v>
                </c:pt>
                <c:pt idx="233">
                  <c:v>1.166118</c:v>
                </c:pt>
                <c:pt idx="234">
                  <c:v>1.1711229999999997</c:v>
                </c:pt>
                <c:pt idx="235">
                  <c:v>1.1761279999999994</c:v>
                </c:pt>
                <c:pt idx="236">
                  <c:v>1.1811319999999998</c:v>
                </c:pt>
                <c:pt idx="237">
                  <c:v>1.1861369999999996</c:v>
                </c:pt>
                <c:pt idx="238">
                  <c:v>1.1911420000000001</c:v>
                </c:pt>
                <c:pt idx="239">
                  <c:v>1.1961469999999998</c:v>
                </c:pt>
                <c:pt idx="240">
                  <c:v>1.2011519999999996</c:v>
                </c:pt>
                <c:pt idx="241">
                  <c:v>1.206156</c:v>
                </c:pt>
                <c:pt idx="242">
                  <c:v>1.2111609999999997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59999999997</c:v>
                </c:pt>
                <c:pt idx="246">
                  <c:v>1.2311799999999993</c:v>
                </c:pt>
                <c:pt idx="247">
                  <c:v>1.2361849999999999</c:v>
                </c:pt>
                <c:pt idx="248">
                  <c:v>1.2411899999999996</c:v>
                </c:pt>
                <c:pt idx="249">
                  <c:v>1.2461949999999993</c:v>
                </c:pt>
                <c:pt idx="250">
                  <c:v>1.2511999999999999</c:v>
                </c:pt>
                <c:pt idx="251">
                  <c:v>1.2562039999999994</c:v>
                </c:pt>
                <c:pt idx="252">
                  <c:v>1.261209</c:v>
                </c:pt>
                <c:pt idx="253">
                  <c:v>1.2662139999999997</c:v>
                </c:pt>
                <c:pt idx="254">
                  <c:v>1.2712189999999994</c:v>
                </c:pt>
                <c:pt idx="255">
                  <c:v>1.276224</c:v>
                </c:pt>
                <c:pt idx="256">
                  <c:v>1.2812279999999996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29999999996</c:v>
                </c:pt>
                <c:pt idx="260">
                  <c:v>1.3012479999999993</c:v>
                </c:pt>
                <c:pt idx="261">
                  <c:v>1.3062519999999997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69999999997</c:v>
                </c:pt>
                <c:pt idx="265">
                  <c:v>1.3262719999999995</c:v>
                </c:pt>
                <c:pt idx="266">
                  <c:v>1.3312759999999999</c:v>
                </c:pt>
                <c:pt idx="267">
                  <c:v>1.3362809999999996</c:v>
                </c:pt>
                <c:pt idx="268">
                  <c:v>1.3412859999999993</c:v>
                </c:pt>
                <c:pt idx="269">
                  <c:v>1.3462909999999999</c:v>
                </c:pt>
                <c:pt idx="270">
                  <c:v>1.3512959999999996</c:v>
                </c:pt>
                <c:pt idx="271">
                  <c:v>1.3563000000000001</c:v>
                </c:pt>
                <c:pt idx="272">
                  <c:v>1.3613049999999998</c:v>
                </c:pt>
                <c:pt idx="273">
                  <c:v>1.3663099999999995</c:v>
                </c:pt>
                <c:pt idx="274">
                  <c:v>1.3713150000000001</c:v>
                </c:pt>
                <c:pt idx="275">
                  <c:v>1.3763199999999998</c:v>
                </c:pt>
                <c:pt idx="276">
                  <c:v>1.3813239999999993</c:v>
                </c:pt>
                <c:pt idx="277">
                  <c:v>1.3863289999999999</c:v>
                </c:pt>
                <c:pt idx="278">
                  <c:v>1.3913339999999996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79999999995</c:v>
                </c:pt>
                <c:pt idx="282">
                  <c:v>1.4113530000000001</c:v>
                </c:pt>
                <c:pt idx="283">
                  <c:v>1.4163579999999998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69999999993</c:v>
                </c:pt>
                <c:pt idx="288">
                  <c:v>1.4413819999999999</c:v>
                </c:pt>
                <c:pt idx="289">
                  <c:v>1.4463869999999996</c:v>
                </c:pt>
                <c:pt idx="290">
                  <c:v>1.4513919999999993</c:v>
                </c:pt>
                <c:pt idx="291">
                  <c:v>1.4563959999999998</c:v>
                </c:pt>
                <c:pt idx="292">
                  <c:v>1.4614009999999995</c:v>
                </c:pt>
                <c:pt idx="293">
                  <c:v>1.4664060000000001</c:v>
                </c:pt>
                <c:pt idx="294">
                  <c:v>1.4714109999999998</c:v>
                </c:pt>
                <c:pt idx="295">
                  <c:v>1.4764159999999995</c:v>
                </c:pt>
                <c:pt idx="296">
                  <c:v>1.48142</c:v>
                </c:pt>
                <c:pt idx="297">
                  <c:v>1.4864249999999997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399999999997</c:v>
                </c:pt>
                <c:pt idx="301">
                  <c:v>1.5064440000000001</c:v>
                </c:pt>
                <c:pt idx="302">
                  <c:v>1.5114489999999998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39999999998</c:v>
                </c:pt>
                <c:pt idx="306">
                  <c:v>1.5314679999999994</c:v>
                </c:pt>
                <c:pt idx="307">
                  <c:v>1.536473</c:v>
                </c:pt>
                <c:pt idx="308">
                  <c:v>1.5414779999999997</c:v>
                </c:pt>
                <c:pt idx="309">
                  <c:v>1.5464829999999994</c:v>
                </c:pt>
                <c:pt idx="310">
                  <c:v>1.551488</c:v>
                </c:pt>
                <c:pt idx="311">
                  <c:v>1.5564919999999995</c:v>
                </c:pt>
                <c:pt idx="312">
                  <c:v>1.5614970000000001</c:v>
                </c:pt>
                <c:pt idx="313">
                  <c:v>1.5665019999999998</c:v>
                </c:pt>
                <c:pt idx="314">
                  <c:v>1.5715069999999995</c:v>
                </c:pt>
                <c:pt idx="315">
                  <c:v>1.5765120000000001</c:v>
                </c:pt>
                <c:pt idx="316">
                  <c:v>1.5815159999999997</c:v>
                </c:pt>
                <c:pt idx="317">
                  <c:v>1.5865210000000003</c:v>
                </c:pt>
                <c:pt idx="318">
                  <c:v>1.5915259999999991</c:v>
                </c:pt>
                <c:pt idx="319">
                  <c:v>1.5965309999999997</c:v>
                </c:pt>
                <c:pt idx="320">
                  <c:v>1.6015360000000003</c:v>
                </c:pt>
                <c:pt idx="321">
                  <c:v>1.6065399999999999</c:v>
                </c:pt>
                <c:pt idx="322">
                  <c:v>1.6115450000000004</c:v>
                </c:pt>
                <c:pt idx="323">
                  <c:v>1.6165499999999993</c:v>
                </c:pt>
                <c:pt idx="324">
                  <c:v>1.6215549999999999</c:v>
                </c:pt>
                <c:pt idx="325">
                  <c:v>1.6265600000000004</c:v>
                </c:pt>
                <c:pt idx="326">
                  <c:v>1.631564</c:v>
                </c:pt>
                <c:pt idx="327">
                  <c:v>1.6365689999999988</c:v>
                </c:pt>
                <c:pt idx="328">
                  <c:v>1.6415739999999994</c:v>
                </c:pt>
                <c:pt idx="329">
                  <c:v>1.646579</c:v>
                </c:pt>
                <c:pt idx="330">
                  <c:v>1.6515839999999988</c:v>
                </c:pt>
                <c:pt idx="331">
                  <c:v>1.6565880000000002</c:v>
                </c:pt>
                <c:pt idx="332">
                  <c:v>1.661592999999999</c:v>
                </c:pt>
                <c:pt idx="333">
                  <c:v>1.6665979999999996</c:v>
                </c:pt>
                <c:pt idx="334">
                  <c:v>1.6716030000000002</c:v>
                </c:pt>
                <c:pt idx="335">
                  <c:v>1.676607999999999</c:v>
                </c:pt>
                <c:pt idx="336">
                  <c:v>1.6816120000000003</c:v>
                </c:pt>
                <c:pt idx="337">
                  <c:v>1.6866169999999991</c:v>
                </c:pt>
                <c:pt idx="338">
                  <c:v>1.6916219999999997</c:v>
                </c:pt>
                <c:pt idx="339">
                  <c:v>1.6966270000000003</c:v>
                </c:pt>
                <c:pt idx="340">
                  <c:v>1.7016319999999991</c:v>
                </c:pt>
                <c:pt idx="341">
                  <c:v>1.7066360000000005</c:v>
                </c:pt>
                <c:pt idx="342">
                  <c:v>1.7116409999999993</c:v>
                </c:pt>
                <c:pt idx="343">
                  <c:v>1.7166459999999999</c:v>
                </c:pt>
                <c:pt idx="344">
                  <c:v>1.7216510000000005</c:v>
                </c:pt>
                <c:pt idx="345">
                  <c:v>1.7266559999999993</c:v>
                </c:pt>
                <c:pt idx="346">
                  <c:v>1.7316599999999989</c:v>
                </c:pt>
                <c:pt idx="347">
                  <c:v>1.7366649999999995</c:v>
                </c:pt>
                <c:pt idx="348">
                  <c:v>1.7416700000000001</c:v>
                </c:pt>
                <c:pt idx="349">
                  <c:v>1.7466749999999989</c:v>
                </c:pt>
                <c:pt idx="350">
                  <c:v>1.7516799999999995</c:v>
                </c:pt>
                <c:pt idx="351">
                  <c:v>1.756683999999999</c:v>
                </c:pt>
                <c:pt idx="352">
                  <c:v>1.7616889999999996</c:v>
                </c:pt>
                <c:pt idx="353">
                  <c:v>1.7666940000000002</c:v>
                </c:pt>
                <c:pt idx="354">
                  <c:v>1.771698999999999</c:v>
                </c:pt>
                <c:pt idx="355">
                  <c:v>1.7767039999999996</c:v>
                </c:pt>
                <c:pt idx="356">
                  <c:v>1.7817079999999992</c:v>
                </c:pt>
                <c:pt idx="357">
                  <c:v>1.7867129999999998</c:v>
                </c:pt>
                <c:pt idx="358">
                  <c:v>1.7917180000000004</c:v>
                </c:pt>
                <c:pt idx="359">
                  <c:v>1.7967229999999992</c:v>
                </c:pt>
                <c:pt idx="360">
                  <c:v>1.8017279999999998</c:v>
                </c:pt>
                <c:pt idx="361">
                  <c:v>1.8067319999999993</c:v>
                </c:pt>
                <c:pt idx="362">
                  <c:v>1.8117369999999999</c:v>
                </c:pt>
                <c:pt idx="363">
                  <c:v>1.8167420000000005</c:v>
                </c:pt>
                <c:pt idx="364">
                  <c:v>1.8217469999999993</c:v>
                </c:pt>
                <c:pt idx="365">
                  <c:v>1.8267519999999999</c:v>
                </c:pt>
                <c:pt idx="366">
                  <c:v>1.8317559999999995</c:v>
                </c:pt>
                <c:pt idx="367">
                  <c:v>1.8367610000000001</c:v>
                </c:pt>
                <c:pt idx="368">
                  <c:v>1.8417659999999989</c:v>
                </c:pt>
                <c:pt idx="369">
                  <c:v>1.8467709999999995</c:v>
                </c:pt>
                <c:pt idx="370">
                  <c:v>1.8517760000000001</c:v>
                </c:pt>
                <c:pt idx="371">
                  <c:v>1.8567799999999997</c:v>
                </c:pt>
                <c:pt idx="372">
                  <c:v>1.8617850000000002</c:v>
                </c:pt>
                <c:pt idx="373">
                  <c:v>1.8667899999999991</c:v>
                </c:pt>
                <c:pt idx="374">
                  <c:v>1.8717949999999997</c:v>
                </c:pt>
                <c:pt idx="375">
                  <c:v>1.8768000000000002</c:v>
                </c:pt>
                <c:pt idx="376">
                  <c:v>1.8818039999999998</c:v>
                </c:pt>
                <c:pt idx="377">
                  <c:v>1.8868090000000004</c:v>
                </c:pt>
                <c:pt idx="378">
                  <c:v>1.891813999999999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8</c:v>
                </c:pt>
                <c:pt idx="382">
                  <c:v>1.9118330000000006</c:v>
                </c:pt>
                <c:pt idx="383">
                  <c:v>1.9168379999999994</c:v>
                </c:pt>
                <c:pt idx="384">
                  <c:v>1.921843</c:v>
                </c:pt>
                <c:pt idx="385">
                  <c:v>1.9268480000000006</c:v>
                </c:pt>
                <c:pt idx="386">
                  <c:v>1.9318520000000001</c:v>
                </c:pt>
                <c:pt idx="387">
                  <c:v>1.9368569999999989</c:v>
                </c:pt>
                <c:pt idx="388">
                  <c:v>1.9418619999999995</c:v>
                </c:pt>
                <c:pt idx="389">
                  <c:v>1.9468670000000001</c:v>
                </c:pt>
                <c:pt idx="390">
                  <c:v>1.9518719999999989</c:v>
                </c:pt>
                <c:pt idx="391">
                  <c:v>1.9568760000000003</c:v>
                </c:pt>
                <c:pt idx="392">
                  <c:v>1.9618809999999991</c:v>
                </c:pt>
                <c:pt idx="393">
                  <c:v>1.9668859999999997</c:v>
                </c:pt>
                <c:pt idx="394">
                  <c:v>1.9718910000000003</c:v>
                </c:pt>
                <c:pt idx="395">
                  <c:v>1.9768959999999991</c:v>
                </c:pt>
                <c:pt idx="396">
                  <c:v>1.9819000000000004</c:v>
                </c:pt>
                <c:pt idx="397">
                  <c:v>1.9869049999999993</c:v>
                </c:pt>
                <c:pt idx="398">
                  <c:v>1.9919099999999998</c:v>
                </c:pt>
                <c:pt idx="399">
                  <c:v>1.9969150000000004</c:v>
                </c:pt>
                <c:pt idx="400">
                  <c:v>2.0019199999999993</c:v>
                </c:pt>
                <c:pt idx="401">
                  <c:v>2.0069240000000006</c:v>
                </c:pt>
                <c:pt idx="402">
                  <c:v>2.0119289999999994</c:v>
                </c:pt>
                <c:pt idx="403">
                  <c:v>2.016934</c:v>
                </c:pt>
                <c:pt idx="404">
                  <c:v>2.0219390000000006</c:v>
                </c:pt>
                <c:pt idx="405">
                  <c:v>2.0269439999999994</c:v>
                </c:pt>
                <c:pt idx="406">
                  <c:v>2.031947999999999</c:v>
                </c:pt>
                <c:pt idx="407">
                  <c:v>2.0369529999999996</c:v>
                </c:pt>
                <c:pt idx="408">
                  <c:v>2.0419580000000002</c:v>
                </c:pt>
                <c:pt idx="409">
                  <c:v>2.046962999999999</c:v>
                </c:pt>
                <c:pt idx="410">
                  <c:v>2.0519679999999996</c:v>
                </c:pt>
                <c:pt idx="411">
                  <c:v>2.0569719999999991</c:v>
                </c:pt>
                <c:pt idx="412">
                  <c:v>2.0619769999999997</c:v>
                </c:pt>
              </c:numCache>
            </c:numRef>
          </c:xVal>
          <c:yVal>
            <c:numRef>
              <c:f>'Multi-150-3s(14)'!$E$2:$E$2664</c:f>
              <c:numCache>
                <c:formatCode>General</c:formatCode>
                <c:ptCount val="2663"/>
                <c:pt idx="0">
                  <c:v>0</c:v>
                </c:pt>
                <c:pt idx="1">
                  <c:v>7.6736559999999372</c:v>
                </c:pt>
                <c:pt idx="2">
                  <c:v>8.2228740000000471</c:v>
                </c:pt>
                <c:pt idx="3">
                  <c:v>8.5503060000000914</c:v>
                </c:pt>
                <c:pt idx="4">
                  <c:v>8.9631030000000464</c:v>
                </c:pt>
                <c:pt idx="5">
                  <c:v>9.4643510000000788</c:v>
                </c:pt>
                <c:pt idx="6">
                  <c:v>9.4925180000000182</c:v>
                </c:pt>
                <c:pt idx="7">
                  <c:v>9.5371489999999994</c:v>
                </c:pt>
                <c:pt idx="8">
                  <c:v>9.4665090000000873</c:v>
                </c:pt>
                <c:pt idx="9">
                  <c:v>9.0577519999999367</c:v>
                </c:pt>
                <c:pt idx="10">
                  <c:v>8.4521070000000691</c:v>
                </c:pt>
                <c:pt idx="11">
                  <c:v>8.8463899999999285</c:v>
                </c:pt>
                <c:pt idx="12">
                  <c:v>9.4755290000000514</c:v>
                </c:pt>
                <c:pt idx="13">
                  <c:v>9.6092479999999796</c:v>
                </c:pt>
                <c:pt idx="14">
                  <c:v>9.2697210000001178</c:v>
                </c:pt>
                <c:pt idx="15">
                  <c:v>9.2833820000000742</c:v>
                </c:pt>
                <c:pt idx="16">
                  <c:v>9.646645000000035</c:v>
                </c:pt>
                <c:pt idx="17">
                  <c:v>9.9819300000001476</c:v>
                </c:pt>
                <c:pt idx="18">
                  <c:v>10.611206000000038</c:v>
                </c:pt>
                <c:pt idx="19">
                  <c:v>11.423074000000042</c:v>
                </c:pt>
                <c:pt idx="20">
                  <c:v>12.328449000000091</c:v>
                </c:pt>
                <c:pt idx="21">
                  <c:v>13.304763999999977</c:v>
                </c:pt>
                <c:pt idx="22">
                  <c:v>14.264658999999938</c:v>
                </c:pt>
                <c:pt idx="23">
                  <c:v>15.592121000000134</c:v>
                </c:pt>
                <c:pt idx="24">
                  <c:v>16.783760000000029</c:v>
                </c:pt>
                <c:pt idx="25">
                  <c:v>17.55369799999994</c:v>
                </c:pt>
                <c:pt idx="26">
                  <c:v>17.826702000000068</c:v>
                </c:pt>
                <c:pt idx="27">
                  <c:v>17.544382999999925</c:v>
                </c:pt>
                <c:pt idx="28">
                  <c:v>16.777745000000095</c:v>
                </c:pt>
                <c:pt idx="29">
                  <c:v>16.064628000000084</c:v>
                </c:pt>
                <c:pt idx="30">
                  <c:v>15.798105999999962</c:v>
                </c:pt>
                <c:pt idx="31">
                  <c:v>15.647093000000041</c:v>
                </c:pt>
                <c:pt idx="32">
                  <c:v>15.588281000000052</c:v>
                </c:pt>
                <c:pt idx="33">
                  <c:v>15.912849000000051</c:v>
                </c:pt>
                <c:pt idx="34">
                  <c:v>16.256329000000051</c:v>
                </c:pt>
                <c:pt idx="35">
                  <c:v>16.638431000000082</c:v>
                </c:pt>
                <c:pt idx="36">
                  <c:v>17.279428000000053</c:v>
                </c:pt>
                <c:pt idx="37">
                  <c:v>17.771650000000136</c:v>
                </c:pt>
                <c:pt idx="38">
                  <c:v>18.522363999999925</c:v>
                </c:pt>
                <c:pt idx="39">
                  <c:v>19.143522999999959</c:v>
                </c:pt>
                <c:pt idx="40">
                  <c:v>19.344015000000127</c:v>
                </c:pt>
                <c:pt idx="41">
                  <c:v>18.94659200000001</c:v>
                </c:pt>
                <c:pt idx="42">
                  <c:v>18.689423000000033</c:v>
                </c:pt>
                <c:pt idx="43">
                  <c:v>18.545162000000118</c:v>
                </c:pt>
                <c:pt idx="44">
                  <c:v>18.09920000000011</c:v>
                </c:pt>
                <c:pt idx="45">
                  <c:v>17.476123000000143</c:v>
                </c:pt>
                <c:pt idx="46">
                  <c:v>17.29995299999996</c:v>
                </c:pt>
                <c:pt idx="47">
                  <c:v>16.892168000000083</c:v>
                </c:pt>
                <c:pt idx="48">
                  <c:v>16.806833999999981</c:v>
                </c:pt>
                <c:pt idx="49">
                  <c:v>16.848093999999946</c:v>
                </c:pt>
                <c:pt idx="50">
                  <c:v>17.090683000000126</c:v>
                </c:pt>
                <c:pt idx="51">
                  <c:v>17.42434900000012</c:v>
                </c:pt>
                <c:pt idx="52">
                  <c:v>17.432637000000113</c:v>
                </c:pt>
                <c:pt idx="53">
                  <c:v>17.397355999999945</c:v>
                </c:pt>
                <c:pt idx="54">
                  <c:v>17.486317000000099</c:v>
                </c:pt>
                <c:pt idx="55">
                  <c:v>17.845352999999932</c:v>
                </c:pt>
                <c:pt idx="56">
                  <c:v>18.2838670000001</c:v>
                </c:pt>
                <c:pt idx="57">
                  <c:v>18.292721000000029</c:v>
                </c:pt>
                <c:pt idx="58">
                  <c:v>18.621683999999959</c:v>
                </c:pt>
                <c:pt idx="59">
                  <c:v>19.003108000000111</c:v>
                </c:pt>
                <c:pt idx="60">
                  <c:v>19.224562000000105</c:v>
                </c:pt>
                <c:pt idx="61">
                  <c:v>19.861927000000151</c:v>
                </c:pt>
                <c:pt idx="62">
                  <c:v>20.741402000000107</c:v>
                </c:pt>
                <c:pt idx="63">
                  <c:v>20.61245299999996</c:v>
                </c:pt>
                <c:pt idx="64">
                  <c:v>20.714952000000039</c:v>
                </c:pt>
                <c:pt idx="65">
                  <c:v>21.499667000000045</c:v>
                </c:pt>
                <c:pt idx="66">
                  <c:v>22.049903000000086</c:v>
                </c:pt>
                <c:pt idx="67">
                  <c:v>22.257387999999992</c:v>
                </c:pt>
                <c:pt idx="68">
                  <c:v>22.174527000000126</c:v>
                </c:pt>
                <c:pt idx="69">
                  <c:v>22.132199000000128</c:v>
                </c:pt>
                <c:pt idx="70">
                  <c:v>22.508710000000065</c:v>
                </c:pt>
                <c:pt idx="71">
                  <c:v>22.555598000000145</c:v>
                </c:pt>
                <c:pt idx="72">
                  <c:v>22.714083000000073</c:v>
                </c:pt>
                <c:pt idx="73">
                  <c:v>22.917990000000145</c:v>
                </c:pt>
                <c:pt idx="74">
                  <c:v>22.637190000000146</c:v>
                </c:pt>
                <c:pt idx="75">
                  <c:v>22.17568099999994</c:v>
                </c:pt>
                <c:pt idx="76">
                  <c:v>21.75273100000004</c:v>
                </c:pt>
                <c:pt idx="77">
                  <c:v>21.495378000000073</c:v>
                </c:pt>
                <c:pt idx="78">
                  <c:v>21.290085999999974</c:v>
                </c:pt>
                <c:pt idx="79">
                  <c:v>21.539410999999973</c:v>
                </c:pt>
                <c:pt idx="80">
                  <c:v>21.889847000000145</c:v>
                </c:pt>
                <c:pt idx="81">
                  <c:v>21.82816600000001</c:v>
                </c:pt>
                <c:pt idx="82">
                  <c:v>21.976347000000032</c:v>
                </c:pt>
                <c:pt idx="83">
                  <c:v>22.058536000000004</c:v>
                </c:pt>
                <c:pt idx="84">
                  <c:v>21.933444000000009</c:v>
                </c:pt>
                <c:pt idx="85">
                  <c:v>21.619713999999931</c:v>
                </c:pt>
                <c:pt idx="86">
                  <c:v>21.425138999999945</c:v>
                </c:pt>
                <c:pt idx="87">
                  <c:v>21.391497999999956</c:v>
                </c:pt>
                <c:pt idx="88">
                  <c:v>21.457061999999951</c:v>
                </c:pt>
                <c:pt idx="89">
                  <c:v>21.546039000000064</c:v>
                </c:pt>
                <c:pt idx="90">
                  <c:v>21.532433000000083</c:v>
                </c:pt>
                <c:pt idx="91">
                  <c:v>21.844786999999997</c:v>
                </c:pt>
                <c:pt idx="92">
                  <c:v>22.380843000000141</c:v>
                </c:pt>
                <c:pt idx="93">
                  <c:v>23.122337000000016</c:v>
                </c:pt>
                <c:pt idx="94">
                  <c:v>24.007247000000007</c:v>
                </c:pt>
                <c:pt idx="95">
                  <c:v>25.044188000000076</c:v>
                </c:pt>
                <c:pt idx="96">
                  <c:v>25.873012000000017</c:v>
                </c:pt>
                <c:pt idx="97">
                  <c:v>26.262730000000147</c:v>
                </c:pt>
                <c:pt idx="98">
                  <c:v>25.93174799999997</c:v>
                </c:pt>
                <c:pt idx="99">
                  <c:v>25.294849999999997</c:v>
                </c:pt>
                <c:pt idx="100">
                  <c:v>25.139775999999983</c:v>
                </c:pt>
                <c:pt idx="101">
                  <c:v>25.234030999999959</c:v>
                </c:pt>
                <c:pt idx="102">
                  <c:v>25.517080999999962</c:v>
                </c:pt>
                <c:pt idx="103">
                  <c:v>25.807962000000089</c:v>
                </c:pt>
                <c:pt idx="104">
                  <c:v>26.274847000000136</c:v>
                </c:pt>
                <c:pt idx="105">
                  <c:v>26.474105000000009</c:v>
                </c:pt>
                <c:pt idx="106">
                  <c:v>26.513490999999931</c:v>
                </c:pt>
                <c:pt idx="107">
                  <c:v>26.514036000000033</c:v>
                </c:pt>
                <c:pt idx="108">
                  <c:v>26.185236000000032</c:v>
                </c:pt>
                <c:pt idx="109">
                  <c:v>26.27203899999995</c:v>
                </c:pt>
                <c:pt idx="110">
                  <c:v>26.880575000000135</c:v>
                </c:pt>
                <c:pt idx="111">
                  <c:v>27.776736000000028</c:v>
                </c:pt>
                <c:pt idx="112">
                  <c:v>27.799913999999944</c:v>
                </c:pt>
                <c:pt idx="113">
                  <c:v>27.681708999999955</c:v>
                </c:pt>
                <c:pt idx="114">
                  <c:v>27.361392000000023</c:v>
                </c:pt>
                <c:pt idx="115">
                  <c:v>26.839735000000019</c:v>
                </c:pt>
                <c:pt idx="116">
                  <c:v>26.376038000000108</c:v>
                </c:pt>
                <c:pt idx="117">
                  <c:v>25.360043000000132</c:v>
                </c:pt>
                <c:pt idx="118">
                  <c:v>24.982711999999992</c:v>
                </c:pt>
                <c:pt idx="119">
                  <c:v>24.573937000000114</c:v>
                </c:pt>
                <c:pt idx="120">
                  <c:v>24.170575000000099</c:v>
                </c:pt>
                <c:pt idx="121">
                  <c:v>24.276798999999983</c:v>
                </c:pt>
                <c:pt idx="122">
                  <c:v>24.206226000000015</c:v>
                </c:pt>
                <c:pt idx="123">
                  <c:v>24.21629699999994</c:v>
                </c:pt>
                <c:pt idx="124">
                  <c:v>24.172375999999986</c:v>
                </c:pt>
                <c:pt idx="125">
                  <c:v>24.284757000000127</c:v>
                </c:pt>
                <c:pt idx="126">
                  <c:v>24.903219000000036</c:v>
                </c:pt>
                <c:pt idx="127">
                  <c:v>25.844195000000127</c:v>
                </c:pt>
                <c:pt idx="128">
                  <c:v>26.276569999999992</c:v>
                </c:pt>
                <c:pt idx="129">
                  <c:v>26.760917999999947</c:v>
                </c:pt>
                <c:pt idx="130">
                  <c:v>27.027448000000049</c:v>
                </c:pt>
                <c:pt idx="131">
                  <c:v>27.732625999999982</c:v>
                </c:pt>
                <c:pt idx="132">
                  <c:v>28.14680599999997</c:v>
                </c:pt>
                <c:pt idx="133">
                  <c:v>28.327480000000151</c:v>
                </c:pt>
                <c:pt idx="134">
                  <c:v>28.788988000000018</c:v>
                </c:pt>
                <c:pt idx="135">
                  <c:v>28.86773600000015</c:v>
                </c:pt>
                <c:pt idx="136">
                  <c:v>28.598887999999988</c:v>
                </c:pt>
                <c:pt idx="137">
                  <c:v>28.606543999999985</c:v>
                </c:pt>
                <c:pt idx="138">
                  <c:v>28.954461000000038</c:v>
                </c:pt>
                <c:pt idx="139">
                  <c:v>28.930018000000018</c:v>
                </c:pt>
                <c:pt idx="140">
                  <c:v>28.768403000000035</c:v>
                </c:pt>
                <c:pt idx="141">
                  <c:v>28.283476000000064</c:v>
                </c:pt>
                <c:pt idx="142">
                  <c:v>27.910683000000063</c:v>
                </c:pt>
                <c:pt idx="143">
                  <c:v>27.76294699999994</c:v>
                </c:pt>
                <c:pt idx="144">
                  <c:v>27.473146999999926</c:v>
                </c:pt>
                <c:pt idx="145">
                  <c:v>27.119507999999996</c:v>
                </c:pt>
                <c:pt idx="146">
                  <c:v>26.745568000000048</c:v>
                </c:pt>
                <c:pt idx="147">
                  <c:v>26.603912000000037</c:v>
                </c:pt>
                <c:pt idx="148">
                  <c:v>26.678544000000102</c:v>
                </c:pt>
                <c:pt idx="149">
                  <c:v>27.124393999999938</c:v>
                </c:pt>
                <c:pt idx="150">
                  <c:v>27.644182000000001</c:v>
                </c:pt>
                <c:pt idx="151">
                  <c:v>28.485611000000063</c:v>
                </c:pt>
                <c:pt idx="152">
                  <c:v>29.369724000000133</c:v>
                </c:pt>
                <c:pt idx="153">
                  <c:v>30.319488999999976</c:v>
                </c:pt>
                <c:pt idx="154">
                  <c:v>30.911438000000089</c:v>
                </c:pt>
                <c:pt idx="155">
                  <c:v>31.83715600000005</c:v>
                </c:pt>
                <c:pt idx="156">
                  <c:v>32.206934000000047</c:v>
                </c:pt>
                <c:pt idx="157">
                  <c:v>32.108165999999983</c:v>
                </c:pt>
                <c:pt idx="158">
                  <c:v>31.674385000000029</c:v>
                </c:pt>
                <c:pt idx="159">
                  <c:v>31.513286000000107</c:v>
                </c:pt>
                <c:pt idx="160">
                  <c:v>30.744853000000148</c:v>
                </c:pt>
                <c:pt idx="161">
                  <c:v>29.605651999999964</c:v>
                </c:pt>
                <c:pt idx="162">
                  <c:v>28.815023999999994</c:v>
                </c:pt>
                <c:pt idx="163">
                  <c:v>27.951256999999941</c:v>
                </c:pt>
                <c:pt idx="164">
                  <c:v>27.249023999999963</c:v>
                </c:pt>
                <c:pt idx="165">
                  <c:v>26.334205999999995</c:v>
                </c:pt>
                <c:pt idx="166">
                  <c:v>25.51876900000002</c:v>
                </c:pt>
                <c:pt idx="167">
                  <c:v>24.814896999999974</c:v>
                </c:pt>
                <c:pt idx="168">
                  <c:v>24.448221999999987</c:v>
                </c:pt>
                <c:pt idx="169">
                  <c:v>24.060568000000103</c:v>
                </c:pt>
                <c:pt idx="170">
                  <c:v>23.770205000000033</c:v>
                </c:pt>
                <c:pt idx="171">
                  <c:v>24.236709000000019</c:v>
                </c:pt>
                <c:pt idx="172">
                  <c:v>25.314485999999988</c:v>
                </c:pt>
                <c:pt idx="173">
                  <c:v>26.87507800000003</c:v>
                </c:pt>
                <c:pt idx="174">
                  <c:v>28.47808699999996</c:v>
                </c:pt>
                <c:pt idx="175">
                  <c:v>30.106889000000137</c:v>
                </c:pt>
                <c:pt idx="176">
                  <c:v>31.594571000000087</c:v>
                </c:pt>
                <c:pt idx="177">
                  <c:v>32.880333999999948</c:v>
                </c:pt>
                <c:pt idx="178">
                  <c:v>33.969716000000062</c:v>
                </c:pt>
                <c:pt idx="179">
                  <c:v>34.687077000000045</c:v>
                </c:pt>
                <c:pt idx="180">
                  <c:v>34.658971000000065</c:v>
                </c:pt>
                <c:pt idx="181">
                  <c:v>34.237649000000147</c:v>
                </c:pt>
                <c:pt idx="182">
                  <c:v>33.013875999999982</c:v>
                </c:pt>
                <c:pt idx="183">
                  <c:v>31.792552999999998</c:v>
                </c:pt>
                <c:pt idx="184">
                  <c:v>30.491169000000127</c:v>
                </c:pt>
                <c:pt idx="185">
                  <c:v>29.302433999999948</c:v>
                </c:pt>
                <c:pt idx="186">
                  <c:v>27.643790999999965</c:v>
                </c:pt>
                <c:pt idx="187">
                  <c:v>25.876915999999937</c:v>
                </c:pt>
                <c:pt idx="188">
                  <c:v>24.592321000000084</c:v>
                </c:pt>
                <c:pt idx="189">
                  <c:v>24.016696000000138</c:v>
                </c:pt>
                <c:pt idx="190">
                  <c:v>23.995004999999992</c:v>
                </c:pt>
                <c:pt idx="191">
                  <c:v>24.056616000000076</c:v>
                </c:pt>
                <c:pt idx="192">
                  <c:v>24.18385400000011</c:v>
                </c:pt>
                <c:pt idx="193">
                  <c:v>24.584986999999956</c:v>
                </c:pt>
                <c:pt idx="194">
                  <c:v>25.664731000000074</c:v>
                </c:pt>
                <c:pt idx="195">
                  <c:v>26.862726000000066</c:v>
                </c:pt>
                <c:pt idx="196">
                  <c:v>27.876195000000052</c:v>
                </c:pt>
                <c:pt idx="197">
                  <c:v>29.310791000000108</c:v>
                </c:pt>
                <c:pt idx="198">
                  <c:v>30.834906000000046</c:v>
                </c:pt>
                <c:pt idx="199">
                  <c:v>32.314487999999983</c:v>
                </c:pt>
                <c:pt idx="200">
                  <c:v>32.615019999999959</c:v>
                </c:pt>
                <c:pt idx="201">
                  <c:v>32.879084000000148</c:v>
                </c:pt>
                <c:pt idx="202">
                  <c:v>33.253034999999954</c:v>
                </c:pt>
                <c:pt idx="203">
                  <c:v>33.749516999999969</c:v>
                </c:pt>
                <c:pt idx="204">
                  <c:v>33.670822000000044</c:v>
                </c:pt>
                <c:pt idx="205">
                  <c:v>33.214598000000024</c:v>
                </c:pt>
                <c:pt idx="206">
                  <c:v>32.404784999999947</c:v>
                </c:pt>
                <c:pt idx="207">
                  <c:v>31.588306000000102</c:v>
                </c:pt>
                <c:pt idx="208">
                  <c:v>29.976885000000038</c:v>
                </c:pt>
                <c:pt idx="209">
                  <c:v>28.298283000000083</c:v>
                </c:pt>
                <c:pt idx="210">
                  <c:v>26.799791000000141</c:v>
                </c:pt>
                <c:pt idx="211">
                  <c:v>25.923443000000134</c:v>
                </c:pt>
                <c:pt idx="212">
                  <c:v>25.145052000000078</c:v>
                </c:pt>
                <c:pt idx="213">
                  <c:v>24.469773000000032</c:v>
                </c:pt>
                <c:pt idx="214">
                  <c:v>23.815463000000136</c:v>
                </c:pt>
                <c:pt idx="215">
                  <c:v>23.681487000000061</c:v>
                </c:pt>
                <c:pt idx="216">
                  <c:v>24.219785000000002</c:v>
                </c:pt>
                <c:pt idx="217">
                  <c:v>25.172137000000021</c:v>
                </c:pt>
                <c:pt idx="218">
                  <c:v>26.607504000000063</c:v>
                </c:pt>
                <c:pt idx="219">
                  <c:v>27.859218000000055</c:v>
                </c:pt>
                <c:pt idx="220">
                  <c:v>28.744593000000123</c:v>
                </c:pt>
                <c:pt idx="221">
                  <c:v>30.141037000000097</c:v>
                </c:pt>
                <c:pt idx="222">
                  <c:v>31.939066000000139</c:v>
                </c:pt>
                <c:pt idx="223">
                  <c:v>33.640233999999964</c:v>
                </c:pt>
                <c:pt idx="224">
                  <c:v>34.672812000000022</c:v>
                </c:pt>
                <c:pt idx="225">
                  <c:v>35.326066000000083</c:v>
                </c:pt>
                <c:pt idx="226">
                  <c:v>35.595336999999972</c:v>
                </c:pt>
                <c:pt idx="227">
                  <c:v>35.72731900000008</c:v>
                </c:pt>
                <c:pt idx="228">
                  <c:v>35.217370000000074</c:v>
                </c:pt>
                <c:pt idx="229">
                  <c:v>34.369495000000143</c:v>
                </c:pt>
                <c:pt idx="230">
                  <c:v>33.182291000000077</c:v>
                </c:pt>
                <c:pt idx="231">
                  <c:v>32.055984999999964</c:v>
                </c:pt>
                <c:pt idx="232">
                  <c:v>31.013098000000127</c:v>
                </c:pt>
                <c:pt idx="233">
                  <c:v>30.156746999999996</c:v>
                </c:pt>
                <c:pt idx="234">
                  <c:v>29.172338999999965</c:v>
                </c:pt>
                <c:pt idx="235">
                  <c:v>28.324055999999928</c:v>
                </c:pt>
                <c:pt idx="236">
                  <c:v>27.68396000000007</c:v>
                </c:pt>
                <c:pt idx="237">
                  <c:v>27.526060000000143</c:v>
                </c:pt>
                <c:pt idx="238">
                  <c:v>28.194561000000022</c:v>
                </c:pt>
                <c:pt idx="239">
                  <c:v>29.20236900000009</c:v>
                </c:pt>
                <c:pt idx="240">
                  <c:v>29.993065000000115</c:v>
                </c:pt>
                <c:pt idx="241">
                  <c:v>30.403917000000092</c:v>
                </c:pt>
                <c:pt idx="242">
                  <c:v>31.071785999999975</c:v>
                </c:pt>
                <c:pt idx="243">
                  <c:v>31.885678999999982</c:v>
                </c:pt>
                <c:pt idx="244">
                  <c:v>32.244014000000107</c:v>
                </c:pt>
                <c:pt idx="245">
                  <c:v>32.787995000000137</c:v>
                </c:pt>
                <c:pt idx="246">
                  <c:v>33.297015000000101</c:v>
                </c:pt>
                <c:pt idx="247">
                  <c:v>34.008322000000135</c:v>
                </c:pt>
                <c:pt idx="248">
                  <c:v>34.471180000000004</c:v>
                </c:pt>
                <c:pt idx="249">
                  <c:v>34.776397000000088</c:v>
                </c:pt>
                <c:pt idx="250">
                  <c:v>35.023355000000038</c:v>
                </c:pt>
                <c:pt idx="251">
                  <c:v>34.896218999999974</c:v>
                </c:pt>
                <c:pt idx="252">
                  <c:v>34.578795000000127</c:v>
                </c:pt>
                <c:pt idx="253">
                  <c:v>34.095841000000064</c:v>
                </c:pt>
                <c:pt idx="254">
                  <c:v>33.215742999999975</c:v>
                </c:pt>
                <c:pt idx="255">
                  <c:v>32.629947000000129</c:v>
                </c:pt>
                <c:pt idx="256">
                  <c:v>32.498826000000008</c:v>
                </c:pt>
                <c:pt idx="257">
                  <c:v>32.42748000000006</c:v>
                </c:pt>
                <c:pt idx="258">
                  <c:v>32.410878000000139</c:v>
                </c:pt>
                <c:pt idx="259">
                  <c:v>32.621767999999975</c:v>
                </c:pt>
                <c:pt idx="260">
                  <c:v>33.221090000000004</c:v>
                </c:pt>
                <c:pt idx="261">
                  <c:v>33.936079000000063</c:v>
                </c:pt>
                <c:pt idx="262">
                  <c:v>34.305002000000059</c:v>
                </c:pt>
                <c:pt idx="263">
                  <c:v>34.258012000000008</c:v>
                </c:pt>
                <c:pt idx="264">
                  <c:v>34.395615000000134</c:v>
                </c:pt>
                <c:pt idx="265">
                  <c:v>34.971050999999989</c:v>
                </c:pt>
                <c:pt idx="266">
                  <c:v>35.29957800000011</c:v>
                </c:pt>
                <c:pt idx="267">
                  <c:v>35.895195000000058</c:v>
                </c:pt>
                <c:pt idx="268">
                  <c:v>36.640112999999928</c:v>
                </c:pt>
                <c:pt idx="269">
                  <c:v>36.919984999999997</c:v>
                </c:pt>
                <c:pt idx="270">
                  <c:v>37.226855000000114</c:v>
                </c:pt>
                <c:pt idx="271">
                  <c:v>37.202788000000055</c:v>
                </c:pt>
                <c:pt idx="272">
                  <c:v>36.90649499999995</c:v>
                </c:pt>
                <c:pt idx="273">
                  <c:v>36.776796999999988</c:v>
                </c:pt>
                <c:pt idx="274">
                  <c:v>36.618517000000111</c:v>
                </c:pt>
                <c:pt idx="275">
                  <c:v>36.138815000000022</c:v>
                </c:pt>
                <c:pt idx="276">
                  <c:v>35.435543999999936</c:v>
                </c:pt>
                <c:pt idx="277">
                  <c:v>35.166236000000026</c:v>
                </c:pt>
                <c:pt idx="278">
                  <c:v>34.635741000000053</c:v>
                </c:pt>
                <c:pt idx="279">
                  <c:v>34.083501999999953</c:v>
                </c:pt>
                <c:pt idx="280">
                  <c:v>33.735742999999957</c:v>
                </c:pt>
                <c:pt idx="281">
                  <c:v>33.851791999999932</c:v>
                </c:pt>
                <c:pt idx="282">
                  <c:v>34.179069000000027</c:v>
                </c:pt>
                <c:pt idx="283">
                  <c:v>34.636686000000054</c:v>
                </c:pt>
                <c:pt idx="284">
                  <c:v>34.732416000000057</c:v>
                </c:pt>
                <c:pt idx="285">
                  <c:v>35.202099000000089</c:v>
                </c:pt>
                <c:pt idx="286">
                  <c:v>36.022089999999935</c:v>
                </c:pt>
                <c:pt idx="287">
                  <c:v>37.125735999999961</c:v>
                </c:pt>
                <c:pt idx="288">
                  <c:v>38.081010000000106</c:v>
                </c:pt>
                <c:pt idx="289">
                  <c:v>38.488088000000062</c:v>
                </c:pt>
                <c:pt idx="290">
                  <c:v>38.619632000000138</c:v>
                </c:pt>
                <c:pt idx="291">
                  <c:v>38.627345000000105</c:v>
                </c:pt>
                <c:pt idx="292">
                  <c:v>38.398233000000118</c:v>
                </c:pt>
                <c:pt idx="293">
                  <c:v>37.920391999999993</c:v>
                </c:pt>
                <c:pt idx="294">
                  <c:v>37.652320000000145</c:v>
                </c:pt>
                <c:pt idx="295">
                  <c:v>37.305131000000074</c:v>
                </c:pt>
                <c:pt idx="296">
                  <c:v>36.482246000000032</c:v>
                </c:pt>
                <c:pt idx="297">
                  <c:v>35.700141000000031</c:v>
                </c:pt>
                <c:pt idx="298">
                  <c:v>35.134637999999995</c:v>
                </c:pt>
                <c:pt idx="299">
                  <c:v>35.092673000000104</c:v>
                </c:pt>
                <c:pt idx="300">
                  <c:v>34.833744000000024</c:v>
                </c:pt>
                <c:pt idx="301">
                  <c:v>34.306731000000127</c:v>
                </c:pt>
                <c:pt idx="302">
                  <c:v>33.855940000000146</c:v>
                </c:pt>
                <c:pt idx="303">
                  <c:v>33.572710000000143</c:v>
                </c:pt>
                <c:pt idx="304">
                  <c:v>33.776508000000149</c:v>
                </c:pt>
                <c:pt idx="305">
                  <c:v>33.957681999999977</c:v>
                </c:pt>
                <c:pt idx="306">
                  <c:v>33.916881999999987</c:v>
                </c:pt>
                <c:pt idx="307">
                  <c:v>33.934050999999954</c:v>
                </c:pt>
                <c:pt idx="308">
                  <c:v>34.02843699999994</c:v>
                </c:pt>
                <c:pt idx="309">
                  <c:v>34.219761000000062</c:v>
                </c:pt>
                <c:pt idx="310">
                  <c:v>34.480457000000115</c:v>
                </c:pt>
                <c:pt idx="311">
                  <c:v>35.093542999999954</c:v>
                </c:pt>
                <c:pt idx="312">
                  <c:v>35.524808000000121</c:v>
                </c:pt>
                <c:pt idx="313">
                  <c:v>35.724048000000039</c:v>
                </c:pt>
                <c:pt idx="314">
                  <c:v>36.20856700000013</c:v>
                </c:pt>
                <c:pt idx="315">
                  <c:v>36.534616000000142</c:v>
                </c:pt>
                <c:pt idx="316">
                  <c:v>37.019653000000062</c:v>
                </c:pt>
                <c:pt idx="317">
                  <c:v>37.528177000000142</c:v>
                </c:pt>
                <c:pt idx="318">
                  <c:v>37.800852999999961</c:v>
                </c:pt>
                <c:pt idx="319">
                  <c:v>37.852456000000075</c:v>
                </c:pt>
                <c:pt idx="320">
                  <c:v>37.307066999999961</c:v>
                </c:pt>
                <c:pt idx="321">
                  <c:v>37.304885000000013</c:v>
                </c:pt>
                <c:pt idx="322">
                  <c:v>37.131403000000091</c:v>
                </c:pt>
                <c:pt idx="323">
                  <c:v>36.791369000000032</c:v>
                </c:pt>
                <c:pt idx="324">
                  <c:v>36.234210999999959</c:v>
                </c:pt>
                <c:pt idx="325">
                  <c:v>36.459818000000041</c:v>
                </c:pt>
                <c:pt idx="326">
                  <c:v>36.955517999999984</c:v>
                </c:pt>
                <c:pt idx="327">
                  <c:v>37.188836000000038</c:v>
                </c:pt>
                <c:pt idx="328">
                  <c:v>36.80350999999996</c:v>
                </c:pt>
                <c:pt idx="329">
                  <c:v>36.887590000000046</c:v>
                </c:pt>
                <c:pt idx="330">
                  <c:v>36.978810999999951</c:v>
                </c:pt>
                <c:pt idx="331">
                  <c:v>37.046170000000075</c:v>
                </c:pt>
                <c:pt idx="332">
                  <c:v>37.415410000000065</c:v>
                </c:pt>
                <c:pt idx="333">
                  <c:v>37.706396999999924</c:v>
                </c:pt>
                <c:pt idx="334">
                  <c:v>37.578766999999971</c:v>
                </c:pt>
                <c:pt idx="335">
                  <c:v>37.217810999999983</c:v>
                </c:pt>
                <c:pt idx="336">
                  <c:v>36.453974000000017</c:v>
                </c:pt>
                <c:pt idx="337">
                  <c:v>36.060280000000148</c:v>
                </c:pt>
                <c:pt idx="338">
                  <c:v>36.081251000000066</c:v>
                </c:pt>
                <c:pt idx="339">
                  <c:v>35.993212999999969</c:v>
                </c:pt>
                <c:pt idx="340">
                  <c:v>35.748645000000124</c:v>
                </c:pt>
                <c:pt idx="341">
                  <c:v>35.774781000000075</c:v>
                </c:pt>
                <c:pt idx="342">
                  <c:v>35.978426000000127</c:v>
                </c:pt>
                <c:pt idx="343">
                  <c:v>36.364115999999967</c:v>
                </c:pt>
                <c:pt idx="344">
                  <c:v>36.914459000000079</c:v>
                </c:pt>
                <c:pt idx="345">
                  <c:v>36.987953999999945</c:v>
                </c:pt>
                <c:pt idx="346">
                  <c:v>37.450264000000061</c:v>
                </c:pt>
                <c:pt idx="347">
                  <c:v>37.645353999999998</c:v>
                </c:pt>
                <c:pt idx="348">
                  <c:v>37.641700000000128</c:v>
                </c:pt>
                <c:pt idx="349">
                  <c:v>37.720882999999958</c:v>
                </c:pt>
                <c:pt idx="350">
                  <c:v>37.70933100000002</c:v>
                </c:pt>
                <c:pt idx="351">
                  <c:v>37.986929000000146</c:v>
                </c:pt>
                <c:pt idx="352">
                  <c:v>38.412559000000101</c:v>
                </c:pt>
                <c:pt idx="353">
                  <c:v>38.428802000000132</c:v>
                </c:pt>
                <c:pt idx="354">
                  <c:v>38.105391000000054</c:v>
                </c:pt>
                <c:pt idx="355">
                  <c:v>37.648322000000007</c:v>
                </c:pt>
                <c:pt idx="356">
                  <c:v>37.089887999999974</c:v>
                </c:pt>
                <c:pt idx="357">
                  <c:v>36.990815000000111</c:v>
                </c:pt>
                <c:pt idx="358">
                  <c:v>36.631918000000042</c:v>
                </c:pt>
                <c:pt idx="359">
                  <c:v>36.322258000000147</c:v>
                </c:pt>
                <c:pt idx="360">
                  <c:v>36.008477000000084</c:v>
                </c:pt>
                <c:pt idx="361">
                  <c:v>35.716302999999925</c:v>
                </c:pt>
                <c:pt idx="362">
                  <c:v>35.918652000000066</c:v>
                </c:pt>
                <c:pt idx="363">
                  <c:v>36.208532999999989</c:v>
                </c:pt>
                <c:pt idx="364">
                  <c:v>36.24310400000013</c:v>
                </c:pt>
                <c:pt idx="365">
                  <c:v>36.016462999999931</c:v>
                </c:pt>
                <c:pt idx="366">
                  <c:v>35.718953000000056</c:v>
                </c:pt>
                <c:pt idx="367">
                  <c:v>35.516423000000032</c:v>
                </c:pt>
                <c:pt idx="368">
                  <c:v>35.438965000000053</c:v>
                </c:pt>
                <c:pt idx="369">
                  <c:v>35.184607000000142</c:v>
                </c:pt>
                <c:pt idx="370">
                  <c:v>35.454484999999977</c:v>
                </c:pt>
                <c:pt idx="371">
                  <c:v>35.439407999999958</c:v>
                </c:pt>
                <c:pt idx="372">
                  <c:v>35.309932000000117</c:v>
                </c:pt>
                <c:pt idx="373">
                  <c:v>35.128288999999995</c:v>
                </c:pt>
                <c:pt idx="374">
                  <c:v>34.703929000000016</c:v>
                </c:pt>
                <c:pt idx="375">
                  <c:v>34.486258000000134</c:v>
                </c:pt>
                <c:pt idx="376">
                  <c:v>34.378564999999981</c:v>
                </c:pt>
                <c:pt idx="377">
                  <c:v>34.198120000000017</c:v>
                </c:pt>
                <c:pt idx="378">
                  <c:v>34.209847000000082</c:v>
                </c:pt>
                <c:pt idx="379">
                  <c:v>33.961467999999968</c:v>
                </c:pt>
                <c:pt idx="380">
                  <c:v>33.676091000000042</c:v>
                </c:pt>
                <c:pt idx="381">
                  <c:v>33.77730100000008</c:v>
                </c:pt>
                <c:pt idx="382">
                  <c:v>34.105772999999999</c:v>
                </c:pt>
                <c:pt idx="383">
                  <c:v>34.642354000000068</c:v>
                </c:pt>
                <c:pt idx="384">
                  <c:v>35.200193000000127</c:v>
                </c:pt>
                <c:pt idx="385">
                  <c:v>34.746851000000106</c:v>
                </c:pt>
                <c:pt idx="386">
                  <c:v>34.393035999999938</c:v>
                </c:pt>
                <c:pt idx="387">
                  <c:v>34.535843999999997</c:v>
                </c:pt>
                <c:pt idx="388">
                  <c:v>34.657560999999987</c:v>
                </c:pt>
                <c:pt idx="389">
                  <c:v>34.898985000000039</c:v>
                </c:pt>
                <c:pt idx="390">
                  <c:v>34.976738000000068</c:v>
                </c:pt>
                <c:pt idx="391">
                  <c:v>34.848885000000109</c:v>
                </c:pt>
                <c:pt idx="392">
                  <c:v>34.723508000000038</c:v>
                </c:pt>
                <c:pt idx="393">
                  <c:v>34.741124000000127</c:v>
                </c:pt>
                <c:pt idx="394">
                  <c:v>35.173193000000083</c:v>
                </c:pt>
                <c:pt idx="395">
                  <c:v>35.509492000000137</c:v>
                </c:pt>
                <c:pt idx="396">
                  <c:v>35.145314999999982</c:v>
                </c:pt>
                <c:pt idx="397">
                  <c:v>34.489307000000053</c:v>
                </c:pt>
                <c:pt idx="398">
                  <c:v>33.895486000000119</c:v>
                </c:pt>
                <c:pt idx="399">
                  <c:v>33.561762000000044</c:v>
                </c:pt>
                <c:pt idx="400">
                  <c:v>33.274834999999939</c:v>
                </c:pt>
                <c:pt idx="401">
                  <c:v>33.102646999999934</c:v>
                </c:pt>
                <c:pt idx="402">
                  <c:v>32.746127999999999</c:v>
                </c:pt>
                <c:pt idx="403">
                  <c:v>32.468703000000005</c:v>
                </c:pt>
                <c:pt idx="404">
                  <c:v>32.51274699999999</c:v>
                </c:pt>
                <c:pt idx="405">
                  <c:v>32.765949000000091</c:v>
                </c:pt>
                <c:pt idx="406">
                  <c:v>33.230888999999934</c:v>
                </c:pt>
                <c:pt idx="407">
                  <c:v>33.760537000000113</c:v>
                </c:pt>
                <c:pt idx="408">
                  <c:v>33.901589000000058</c:v>
                </c:pt>
                <c:pt idx="409">
                  <c:v>33.492668000000094</c:v>
                </c:pt>
                <c:pt idx="410">
                  <c:v>32.892368000000033</c:v>
                </c:pt>
                <c:pt idx="411">
                  <c:v>32.303985000000011</c:v>
                </c:pt>
                <c:pt idx="412">
                  <c:v>31.4740530000001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E7B3-4994-9914-5E4E26083DA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Multi-150-3s(14)'!$F$1</c:f>
              <c:strCache>
                <c:ptCount val="1"/>
                <c:pt idx="0">
                  <c:v>Strain (s-1)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Multi-150-3s(14)'!$D$2:$D$418</c:f>
              <c:numCache>
                <c:formatCode>General</c:formatCode>
                <c:ptCount val="417"/>
                <c:pt idx="0">
                  <c:v>0</c:v>
                </c:pt>
                <c:pt idx="1">
                  <c:v>5.0039999999995644E-3</c:v>
                </c:pt>
                <c:pt idx="2">
                  <c:v>1.0009000000000157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4000000000157E-2</c:v>
                </c:pt>
                <c:pt idx="6">
                  <c:v>3.0027999999999722E-2</c:v>
                </c:pt>
                <c:pt idx="7">
                  <c:v>3.5032999999999426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7999999999426E-2</c:v>
                </c:pt>
                <c:pt idx="11">
                  <c:v>5.5051999999999879E-2</c:v>
                </c:pt>
                <c:pt idx="12">
                  <c:v>6.0056999999999583E-2</c:v>
                </c:pt>
                <c:pt idx="13">
                  <c:v>6.5061999999999287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6000000000036E-2</c:v>
                </c:pt>
                <c:pt idx="17">
                  <c:v>8.508099999999974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974</c:v>
                </c:pt>
                <c:pt idx="21">
                  <c:v>0.10509999999999931</c:v>
                </c:pt>
                <c:pt idx="22">
                  <c:v>0.1101049999999999</c:v>
                </c:pt>
                <c:pt idx="23">
                  <c:v>0.1151099999999996</c:v>
                </c:pt>
                <c:pt idx="24">
                  <c:v>0.12011499999999931</c:v>
                </c:pt>
                <c:pt idx="25">
                  <c:v>0.1251199999999999</c:v>
                </c:pt>
                <c:pt idx="26">
                  <c:v>0.13012399999999946</c:v>
                </c:pt>
                <c:pt idx="27">
                  <c:v>0.13512900000000005</c:v>
                </c:pt>
                <c:pt idx="28">
                  <c:v>0.14013399999999976</c:v>
                </c:pt>
                <c:pt idx="29">
                  <c:v>0.14513899999999946</c:v>
                </c:pt>
                <c:pt idx="30">
                  <c:v>0.15014400000000006</c:v>
                </c:pt>
                <c:pt idx="31">
                  <c:v>0.15514799999999962</c:v>
                </c:pt>
                <c:pt idx="32">
                  <c:v>0.16015299999999932</c:v>
                </c:pt>
                <c:pt idx="33">
                  <c:v>0.16515799999999992</c:v>
                </c:pt>
                <c:pt idx="34">
                  <c:v>0.17016299999999962</c:v>
                </c:pt>
                <c:pt idx="35">
                  <c:v>0.17516799999999932</c:v>
                </c:pt>
                <c:pt idx="36">
                  <c:v>0.18017199999999978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699999999978</c:v>
                </c:pt>
                <c:pt idx="40">
                  <c:v>0.20019199999999948</c:v>
                </c:pt>
                <c:pt idx="41">
                  <c:v>0.20519599999999993</c:v>
                </c:pt>
                <c:pt idx="42">
                  <c:v>0.21020099999999964</c:v>
                </c:pt>
                <c:pt idx="43">
                  <c:v>0.21520599999999934</c:v>
                </c:pt>
                <c:pt idx="44">
                  <c:v>0.22021099999999993</c:v>
                </c:pt>
                <c:pt idx="45">
                  <c:v>0.22521599999999964</c:v>
                </c:pt>
                <c:pt idx="46">
                  <c:v>0.23022000000000009</c:v>
                </c:pt>
                <c:pt idx="47">
                  <c:v>0.2352249999999998</c:v>
                </c:pt>
                <c:pt idx="48">
                  <c:v>0.2402299999999995</c:v>
                </c:pt>
                <c:pt idx="49">
                  <c:v>0.24523500000000009</c:v>
                </c:pt>
                <c:pt idx="50">
                  <c:v>0.2502399999999998</c:v>
                </c:pt>
                <c:pt idx="51">
                  <c:v>0.25524399999999936</c:v>
                </c:pt>
                <c:pt idx="52">
                  <c:v>0.26024899999999995</c:v>
                </c:pt>
                <c:pt idx="53">
                  <c:v>0.26525399999999966</c:v>
                </c:pt>
                <c:pt idx="54">
                  <c:v>0.27025899999999936</c:v>
                </c:pt>
                <c:pt idx="55">
                  <c:v>0.27526399999999995</c:v>
                </c:pt>
                <c:pt idx="56">
                  <c:v>0.28026799999999952</c:v>
                </c:pt>
                <c:pt idx="57">
                  <c:v>0.28527300000000011</c:v>
                </c:pt>
                <c:pt idx="58">
                  <c:v>0.29027799999999981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199999999967</c:v>
                </c:pt>
                <c:pt idx="62">
                  <c:v>0.31029699999999938</c:v>
                </c:pt>
                <c:pt idx="63">
                  <c:v>0.31530199999999997</c:v>
                </c:pt>
                <c:pt idx="64">
                  <c:v>0.32030699999999968</c:v>
                </c:pt>
                <c:pt idx="65">
                  <c:v>0.32531199999999938</c:v>
                </c:pt>
                <c:pt idx="66">
                  <c:v>0.33031599999999983</c:v>
                </c:pt>
                <c:pt idx="67">
                  <c:v>0.33532099999999954</c:v>
                </c:pt>
                <c:pt idx="68">
                  <c:v>0.34032600000000013</c:v>
                </c:pt>
                <c:pt idx="69">
                  <c:v>0.34533099999999983</c:v>
                </c:pt>
                <c:pt idx="70">
                  <c:v>0.35033599999999954</c:v>
                </c:pt>
                <c:pt idx="71">
                  <c:v>0.35533999999999999</c:v>
                </c:pt>
                <c:pt idx="72">
                  <c:v>0.36034499999999969</c:v>
                </c:pt>
                <c:pt idx="73">
                  <c:v>0.3653499999999994</c:v>
                </c:pt>
                <c:pt idx="74">
                  <c:v>0.37035499999999999</c:v>
                </c:pt>
                <c:pt idx="75">
                  <c:v>0.37535999999999969</c:v>
                </c:pt>
                <c:pt idx="76">
                  <c:v>0.38036400000000015</c:v>
                </c:pt>
                <c:pt idx="77">
                  <c:v>0.38536899999999985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399999999985</c:v>
                </c:pt>
                <c:pt idx="81">
                  <c:v>0.40538799999999942</c:v>
                </c:pt>
                <c:pt idx="82">
                  <c:v>0.41039300000000001</c:v>
                </c:pt>
                <c:pt idx="83">
                  <c:v>0.41539799999999971</c:v>
                </c:pt>
                <c:pt idx="84">
                  <c:v>0.42040299999999942</c:v>
                </c:pt>
                <c:pt idx="85">
                  <c:v>0.42540800000000001</c:v>
                </c:pt>
                <c:pt idx="86">
                  <c:v>0.43041199999999957</c:v>
                </c:pt>
                <c:pt idx="87">
                  <c:v>0.43541699999999928</c:v>
                </c:pt>
                <c:pt idx="88">
                  <c:v>0.44042199999999987</c:v>
                </c:pt>
                <c:pt idx="89">
                  <c:v>0.44542699999999957</c:v>
                </c:pt>
                <c:pt idx="90">
                  <c:v>0.45043199999999928</c:v>
                </c:pt>
                <c:pt idx="91">
                  <c:v>0.45543599999999973</c:v>
                </c:pt>
                <c:pt idx="92">
                  <c:v>0.46044099999999943</c:v>
                </c:pt>
                <c:pt idx="93">
                  <c:v>0.46544600000000003</c:v>
                </c:pt>
                <c:pt idx="94">
                  <c:v>0.47045099999999973</c:v>
                </c:pt>
                <c:pt idx="95">
                  <c:v>0.47545599999999943</c:v>
                </c:pt>
                <c:pt idx="96">
                  <c:v>0.48045999999999989</c:v>
                </c:pt>
                <c:pt idx="97">
                  <c:v>0.48546499999999959</c:v>
                </c:pt>
                <c:pt idx="98">
                  <c:v>0.4904699999999993</c:v>
                </c:pt>
                <c:pt idx="99">
                  <c:v>0.49547499999999989</c:v>
                </c:pt>
                <c:pt idx="100">
                  <c:v>0.50047999999999959</c:v>
                </c:pt>
                <c:pt idx="101">
                  <c:v>0.50548400000000004</c:v>
                </c:pt>
                <c:pt idx="102">
                  <c:v>0.51048899999999975</c:v>
                </c:pt>
                <c:pt idx="103">
                  <c:v>0.51549399999999945</c:v>
                </c:pt>
                <c:pt idx="104">
                  <c:v>0.52049900000000004</c:v>
                </c:pt>
                <c:pt idx="105">
                  <c:v>0.52550399999999975</c:v>
                </c:pt>
                <c:pt idx="106">
                  <c:v>0.53050799999999931</c:v>
                </c:pt>
                <c:pt idx="107">
                  <c:v>0.53551299999999991</c:v>
                </c:pt>
                <c:pt idx="108">
                  <c:v>0.54051799999999961</c:v>
                </c:pt>
                <c:pt idx="109">
                  <c:v>0.54552299999999931</c:v>
                </c:pt>
                <c:pt idx="110">
                  <c:v>0.55052799999999991</c:v>
                </c:pt>
                <c:pt idx="111">
                  <c:v>0.55553199999999947</c:v>
                </c:pt>
                <c:pt idx="112">
                  <c:v>0.56053700000000006</c:v>
                </c:pt>
                <c:pt idx="113">
                  <c:v>0.56554199999999977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599999999963</c:v>
                </c:pt>
                <c:pt idx="117">
                  <c:v>0.58556099999999933</c:v>
                </c:pt>
                <c:pt idx="118">
                  <c:v>0.59056599999999992</c:v>
                </c:pt>
                <c:pt idx="119">
                  <c:v>0.59557099999999963</c:v>
                </c:pt>
                <c:pt idx="120">
                  <c:v>0.60057599999999933</c:v>
                </c:pt>
                <c:pt idx="121">
                  <c:v>0.60557999999999979</c:v>
                </c:pt>
                <c:pt idx="122">
                  <c:v>0.61058499999999949</c:v>
                </c:pt>
                <c:pt idx="123">
                  <c:v>0.61559000000000008</c:v>
                </c:pt>
                <c:pt idx="124">
                  <c:v>0.62059499999999979</c:v>
                </c:pt>
                <c:pt idx="125">
                  <c:v>0.62559999999999949</c:v>
                </c:pt>
                <c:pt idx="126">
                  <c:v>0.63060399999999994</c:v>
                </c:pt>
                <c:pt idx="127">
                  <c:v>0.63560899999999965</c:v>
                </c:pt>
                <c:pt idx="128">
                  <c:v>0.64061399999999935</c:v>
                </c:pt>
                <c:pt idx="129">
                  <c:v>0.64561899999999994</c:v>
                </c:pt>
                <c:pt idx="130">
                  <c:v>0.65062399999999965</c:v>
                </c:pt>
                <c:pt idx="131">
                  <c:v>0.6556280000000001</c:v>
                </c:pt>
                <c:pt idx="132">
                  <c:v>0.6606329999999998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79999999998</c:v>
                </c:pt>
                <c:pt idx="136">
                  <c:v>0.68065199999999937</c:v>
                </c:pt>
                <c:pt idx="137">
                  <c:v>0.68565699999999996</c:v>
                </c:pt>
                <c:pt idx="138">
                  <c:v>0.69066199999999967</c:v>
                </c:pt>
                <c:pt idx="139">
                  <c:v>0.69566699999999937</c:v>
                </c:pt>
                <c:pt idx="140">
                  <c:v>0.70067199999999996</c:v>
                </c:pt>
                <c:pt idx="141">
                  <c:v>0.70567599999999953</c:v>
                </c:pt>
                <c:pt idx="142">
                  <c:v>0.71068100000000012</c:v>
                </c:pt>
                <c:pt idx="143">
                  <c:v>0.71568599999999982</c:v>
                </c:pt>
                <c:pt idx="144">
                  <c:v>0.72069099999999953</c:v>
                </c:pt>
                <c:pt idx="145">
                  <c:v>0.72569600000000012</c:v>
                </c:pt>
                <c:pt idx="146">
                  <c:v>0.73069999999999968</c:v>
                </c:pt>
                <c:pt idx="147">
                  <c:v>0.73570499999999939</c:v>
                </c:pt>
                <c:pt idx="148">
                  <c:v>0.74070999999999998</c:v>
                </c:pt>
                <c:pt idx="149">
                  <c:v>0.74571499999999968</c:v>
                </c:pt>
                <c:pt idx="150">
                  <c:v>0.75071999999999939</c:v>
                </c:pt>
                <c:pt idx="151">
                  <c:v>0.75572399999999984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899999999984</c:v>
                </c:pt>
                <c:pt idx="155">
                  <c:v>0.77574399999999955</c:v>
                </c:pt>
                <c:pt idx="156">
                  <c:v>0.780748</c:v>
                </c:pt>
                <c:pt idx="157">
                  <c:v>0.7857529999999997</c:v>
                </c:pt>
                <c:pt idx="158">
                  <c:v>0.79075799999999941</c:v>
                </c:pt>
                <c:pt idx="159">
                  <c:v>0.795763</c:v>
                </c:pt>
                <c:pt idx="160">
                  <c:v>0.8007679999999997</c:v>
                </c:pt>
                <c:pt idx="161">
                  <c:v>0.80577200000000015</c:v>
                </c:pt>
                <c:pt idx="162">
                  <c:v>0.81077699999999986</c:v>
                </c:pt>
                <c:pt idx="163">
                  <c:v>0.81578199999999956</c:v>
                </c:pt>
                <c:pt idx="164">
                  <c:v>0.82078700000000016</c:v>
                </c:pt>
                <c:pt idx="165">
                  <c:v>0.82579199999999986</c:v>
                </c:pt>
                <c:pt idx="166">
                  <c:v>0.83079599999999942</c:v>
                </c:pt>
                <c:pt idx="167">
                  <c:v>0.83580100000000002</c:v>
                </c:pt>
                <c:pt idx="168">
                  <c:v>0.84080599999999972</c:v>
                </c:pt>
                <c:pt idx="169">
                  <c:v>0.84581099999999942</c:v>
                </c:pt>
                <c:pt idx="170">
                  <c:v>0.85081600000000002</c:v>
                </c:pt>
                <c:pt idx="171">
                  <c:v>0.85581999999999958</c:v>
                </c:pt>
                <c:pt idx="172">
                  <c:v>0.86082499999999929</c:v>
                </c:pt>
                <c:pt idx="173">
                  <c:v>0.86582999999999988</c:v>
                </c:pt>
                <c:pt idx="174">
                  <c:v>0.87083499999999958</c:v>
                </c:pt>
                <c:pt idx="175">
                  <c:v>0.87583999999999929</c:v>
                </c:pt>
                <c:pt idx="176">
                  <c:v>0.88084399999999974</c:v>
                </c:pt>
                <c:pt idx="177">
                  <c:v>0.88584899999999944</c:v>
                </c:pt>
                <c:pt idx="178">
                  <c:v>0.89085400000000003</c:v>
                </c:pt>
                <c:pt idx="179">
                  <c:v>0.89585899999999974</c:v>
                </c:pt>
                <c:pt idx="180">
                  <c:v>0.90086399999999944</c:v>
                </c:pt>
                <c:pt idx="181">
                  <c:v>0.9058679999999999</c:v>
                </c:pt>
                <c:pt idx="182">
                  <c:v>0.9108729999999996</c:v>
                </c:pt>
                <c:pt idx="183">
                  <c:v>0.9158779999999993</c:v>
                </c:pt>
                <c:pt idx="184">
                  <c:v>0.9208829999999999</c:v>
                </c:pt>
                <c:pt idx="185">
                  <c:v>0.9258879999999996</c:v>
                </c:pt>
                <c:pt idx="186">
                  <c:v>0.93089200000000005</c:v>
                </c:pt>
                <c:pt idx="187">
                  <c:v>0.93589699999999976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976</c:v>
                </c:pt>
                <c:pt idx="191">
                  <c:v>0.95591599999999932</c:v>
                </c:pt>
                <c:pt idx="192">
                  <c:v>0.96092099999999991</c:v>
                </c:pt>
                <c:pt idx="193">
                  <c:v>0.96592599999999962</c:v>
                </c:pt>
                <c:pt idx="194">
                  <c:v>0.97093099999999932</c:v>
                </c:pt>
                <c:pt idx="195">
                  <c:v>0.97593599999999991</c:v>
                </c:pt>
                <c:pt idx="196">
                  <c:v>0.98093999999999948</c:v>
                </c:pt>
                <c:pt idx="197">
                  <c:v>0.98594500000000007</c:v>
                </c:pt>
                <c:pt idx="198">
                  <c:v>0.99094999999999978</c:v>
                </c:pt>
                <c:pt idx="199">
                  <c:v>0.99595499999999948</c:v>
                </c:pt>
                <c:pt idx="200">
                  <c:v>1.0009600000000001</c:v>
                </c:pt>
                <c:pt idx="201">
                  <c:v>1.0059639999999996</c:v>
                </c:pt>
                <c:pt idx="202">
                  <c:v>1.0109689999999993</c:v>
                </c:pt>
                <c:pt idx="203">
                  <c:v>1.0159739999999999</c:v>
                </c:pt>
                <c:pt idx="204">
                  <c:v>1.0209789999999996</c:v>
                </c:pt>
                <c:pt idx="205">
                  <c:v>1.0259839999999993</c:v>
                </c:pt>
                <c:pt idx="206">
                  <c:v>1.0309879999999998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29999999998</c:v>
                </c:pt>
                <c:pt idx="210">
                  <c:v>1.0510079999999995</c:v>
                </c:pt>
                <c:pt idx="211">
                  <c:v>1.056012</c:v>
                </c:pt>
                <c:pt idx="212">
                  <c:v>1.0610169999999997</c:v>
                </c:pt>
                <c:pt idx="213">
                  <c:v>1.0660219999999994</c:v>
                </c:pt>
                <c:pt idx="214">
                  <c:v>1.071027</c:v>
                </c:pt>
                <c:pt idx="215">
                  <c:v>1.0760319999999997</c:v>
                </c:pt>
                <c:pt idx="216">
                  <c:v>1.0810360000000001</c:v>
                </c:pt>
                <c:pt idx="217">
                  <c:v>1.0860409999999998</c:v>
                </c:pt>
                <c:pt idx="218">
                  <c:v>1.0910459999999995</c:v>
                </c:pt>
                <c:pt idx="219">
                  <c:v>1.0960510000000001</c:v>
                </c:pt>
                <c:pt idx="220">
                  <c:v>1.1010559999999998</c:v>
                </c:pt>
                <c:pt idx="221">
                  <c:v>1.1060599999999994</c:v>
                </c:pt>
                <c:pt idx="222">
                  <c:v>1.111065</c:v>
                </c:pt>
                <c:pt idx="223">
                  <c:v>1.1160699999999997</c:v>
                </c:pt>
                <c:pt idx="224">
                  <c:v>1.1210749999999994</c:v>
                </c:pt>
                <c:pt idx="225">
                  <c:v>1.12608</c:v>
                </c:pt>
                <c:pt idx="226">
                  <c:v>1.1310839999999995</c:v>
                </c:pt>
                <c:pt idx="227">
                  <c:v>1.1360890000000001</c:v>
                </c:pt>
                <c:pt idx="228">
                  <c:v>1.1410939999999998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79999999997</c:v>
                </c:pt>
                <c:pt idx="232">
                  <c:v>1.1611129999999994</c:v>
                </c:pt>
                <c:pt idx="233">
                  <c:v>1.166118</c:v>
                </c:pt>
                <c:pt idx="234">
                  <c:v>1.1711229999999997</c:v>
                </c:pt>
                <c:pt idx="235">
                  <c:v>1.1761279999999994</c:v>
                </c:pt>
                <c:pt idx="236">
                  <c:v>1.1811319999999998</c:v>
                </c:pt>
                <c:pt idx="237">
                  <c:v>1.1861369999999996</c:v>
                </c:pt>
                <c:pt idx="238">
                  <c:v>1.1911420000000001</c:v>
                </c:pt>
                <c:pt idx="239">
                  <c:v>1.1961469999999998</c:v>
                </c:pt>
                <c:pt idx="240">
                  <c:v>1.2011519999999996</c:v>
                </c:pt>
                <c:pt idx="241">
                  <c:v>1.206156</c:v>
                </c:pt>
                <c:pt idx="242">
                  <c:v>1.2111609999999997</c:v>
                </c:pt>
                <c:pt idx="243">
                  <c:v>1.2161659999999994</c:v>
                </c:pt>
                <c:pt idx="244">
                  <c:v>1.221171</c:v>
                </c:pt>
                <c:pt idx="245">
                  <c:v>1.2261759999999997</c:v>
                </c:pt>
                <c:pt idx="246">
                  <c:v>1.2311799999999993</c:v>
                </c:pt>
                <c:pt idx="247">
                  <c:v>1.2361849999999999</c:v>
                </c:pt>
                <c:pt idx="248">
                  <c:v>1.2411899999999996</c:v>
                </c:pt>
                <c:pt idx="249">
                  <c:v>1.2461949999999993</c:v>
                </c:pt>
                <c:pt idx="250">
                  <c:v>1.2511999999999999</c:v>
                </c:pt>
                <c:pt idx="251">
                  <c:v>1.2562039999999994</c:v>
                </c:pt>
                <c:pt idx="252">
                  <c:v>1.261209</c:v>
                </c:pt>
                <c:pt idx="253">
                  <c:v>1.2662139999999997</c:v>
                </c:pt>
                <c:pt idx="254">
                  <c:v>1.2712189999999994</c:v>
                </c:pt>
                <c:pt idx="255">
                  <c:v>1.276224</c:v>
                </c:pt>
                <c:pt idx="256">
                  <c:v>1.2812279999999996</c:v>
                </c:pt>
                <c:pt idx="257">
                  <c:v>1.2862329999999993</c:v>
                </c:pt>
                <c:pt idx="258">
                  <c:v>1.2912379999999999</c:v>
                </c:pt>
                <c:pt idx="259">
                  <c:v>1.2962429999999996</c:v>
                </c:pt>
                <c:pt idx="260">
                  <c:v>1.3012479999999993</c:v>
                </c:pt>
                <c:pt idx="261">
                  <c:v>1.3062519999999997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69999999997</c:v>
                </c:pt>
                <c:pt idx="265">
                  <c:v>1.3262719999999995</c:v>
                </c:pt>
                <c:pt idx="266">
                  <c:v>1.3312759999999999</c:v>
                </c:pt>
                <c:pt idx="267">
                  <c:v>1.3362809999999996</c:v>
                </c:pt>
                <c:pt idx="268">
                  <c:v>1.3412859999999993</c:v>
                </c:pt>
                <c:pt idx="269">
                  <c:v>1.3462909999999999</c:v>
                </c:pt>
                <c:pt idx="270">
                  <c:v>1.3512959999999996</c:v>
                </c:pt>
                <c:pt idx="271">
                  <c:v>1.3563000000000001</c:v>
                </c:pt>
                <c:pt idx="272">
                  <c:v>1.3613049999999998</c:v>
                </c:pt>
                <c:pt idx="273">
                  <c:v>1.3663099999999995</c:v>
                </c:pt>
                <c:pt idx="274">
                  <c:v>1.3713150000000001</c:v>
                </c:pt>
                <c:pt idx="275">
                  <c:v>1.3763199999999998</c:v>
                </c:pt>
                <c:pt idx="276">
                  <c:v>1.3813239999999993</c:v>
                </c:pt>
                <c:pt idx="277">
                  <c:v>1.3863289999999999</c:v>
                </c:pt>
                <c:pt idx="278">
                  <c:v>1.3913339999999996</c:v>
                </c:pt>
                <c:pt idx="279">
                  <c:v>1.3963389999999993</c:v>
                </c:pt>
                <c:pt idx="280">
                  <c:v>1.4013439999999999</c:v>
                </c:pt>
                <c:pt idx="281">
                  <c:v>1.4063479999999995</c:v>
                </c:pt>
                <c:pt idx="282">
                  <c:v>1.4113530000000001</c:v>
                </c:pt>
                <c:pt idx="283">
                  <c:v>1.4163579999999998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19999999996</c:v>
                </c:pt>
                <c:pt idx="287">
                  <c:v>1.4363769999999993</c:v>
                </c:pt>
                <c:pt idx="288">
                  <c:v>1.4413819999999999</c:v>
                </c:pt>
                <c:pt idx="289">
                  <c:v>1.4463869999999996</c:v>
                </c:pt>
                <c:pt idx="290">
                  <c:v>1.4513919999999993</c:v>
                </c:pt>
                <c:pt idx="291">
                  <c:v>1.4563959999999998</c:v>
                </c:pt>
                <c:pt idx="292">
                  <c:v>1.4614009999999995</c:v>
                </c:pt>
                <c:pt idx="293">
                  <c:v>1.4664060000000001</c:v>
                </c:pt>
                <c:pt idx="294">
                  <c:v>1.4714109999999998</c:v>
                </c:pt>
                <c:pt idx="295">
                  <c:v>1.4764159999999995</c:v>
                </c:pt>
                <c:pt idx="296">
                  <c:v>1.48142</c:v>
                </c:pt>
                <c:pt idx="297">
                  <c:v>1.4864249999999997</c:v>
                </c:pt>
                <c:pt idx="298">
                  <c:v>1.4914299999999994</c:v>
                </c:pt>
                <c:pt idx="299">
                  <c:v>1.496435</c:v>
                </c:pt>
                <c:pt idx="300">
                  <c:v>1.5014399999999997</c:v>
                </c:pt>
                <c:pt idx="301">
                  <c:v>1.5064440000000001</c:v>
                </c:pt>
                <c:pt idx="302">
                  <c:v>1.5114489999999998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39999999998</c:v>
                </c:pt>
                <c:pt idx="306">
                  <c:v>1.5314679999999994</c:v>
                </c:pt>
                <c:pt idx="307">
                  <c:v>1.536473</c:v>
                </c:pt>
                <c:pt idx="308">
                  <c:v>1.5414779999999997</c:v>
                </c:pt>
                <c:pt idx="309">
                  <c:v>1.5464829999999994</c:v>
                </c:pt>
                <c:pt idx="310">
                  <c:v>1.551488</c:v>
                </c:pt>
                <c:pt idx="311">
                  <c:v>1.5564919999999995</c:v>
                </c:pt>
                <c:pt idx="312">
                  <c:v>1.5614970000000001</c:v>
                </c:pt>
                <c:pt idx="313">
                  <c:v>1.5665019999999998</c:v>
                </c:pt>
                <c:pt idx="314">
                  <c:v>1.5715069999999995</c:v>
                </c:pt>
                <c:pt idx="315">
                  <c:v>1.5765120000000001</c:v>
                </c:pt>
                <c:pt idx="316">
                  <c:v>1.5815159999999997</c:v>
                </c:pt>
                <c:pt idx="317">
                  <c:v>1.5865210000000003</c:v>
                </c:pt>
                <c:pt idx="318">
                  <c:v>1.5915259999999991</c:v>
                </c:pt>
                <c:pt idx="319">
                  <c:v>1.5965309999999997</c:v>
                </c:pt>
                <c:pt idx="320">
                  <c:v>1.6015360000000003</c:v>
                </c:pt>
                <c:pt idx="321">
                  <c:v>1.6065399999999999</c:v>
                </c:pt>
                <c:pt idx="322">
                  <c:v>1.6115450000000004</c:v>
                </c:pt>
                <c:pt idx="323">
                  <c:v>1.6165499999999993</c:v>
                </c:pt>
                <c:pt idx="324">
                  <c:v>1.6215549999999999</c:v>
                </c:pt>
                <c:pt idx="325">
                  <c:v>1.6265600000000004</c:v>
                </c:pt>
                <c:pt idx="326">
                  <c:v>1.631564</c:v>
                </c:pt>
                <c:pt idx="327">
                  <c:v>1.6365689999999988</c:v>
                </c:pt>
                <c:pt idx="328">
                  <c:v>1.6415739999999994</c:v>
                </c:pt>
                <c:pt idx="329">
                  <c:v>1.646579</c:v>
                </c:pt>
                <c:pt idx="330">
                  <c:v>1.6515839999999988</c:v>
                </c:pt>
                <c:pt idx="331">
                  <c:v>1.6565880000000002</c:v>
                </c:pt>
                <c:pt idx="332">
                  <c:v>1.661592999999999</c:v>
                </c:pt>
                <c:pt idx="333">
                  <c:v>1.6665979999999996</c:v>
                </c:pt>
                <c:pt idx="334">
                  <c:v>1.6716030000000002</c:v>
                </c:pt>
                <c:pt idx="335">
                  <c:v>1.676607999999999</c:v>
                </c:pt>
                <c:pt idx="336">
                  <c:v>1.6816120000000003</c:v>
                </c:pt>
                <c:pt idx="337">
                  <c:v>1.6866169999999991</c:v>
                </c:pt>
                <c:pt idx="338">
                  <c:v>1.6916219999999997</c:v>
                </c:pt>
                <c:pt idx="339">
                  <c:v>1.6966270000000003</c:v>
                </c:pt>
                <c:pt idx="340">
                  <c:v>1.7016319999999991</c:v>
                </c:pt>
                <c:pt idx="341">
                  <c:v>1.7066360000000005</c:v>
                </c:pt>
                <c:pt idx="342">
                  <c:v>1.7116409999999993</c:v>
                </c:pt>
                <c:pt idx="343">
                  <c:v>1.7166459999999999</c:v>
                </c:pt>
                <c:pt idx="344">
                  <c:v>1.7216510000000005</c:v>
                </c:pt>
                <c:pt idx="345">
                  <c:v>1.7266559999999993</c:v>
                </c:pt>
                <c:pt idx="346">
                  <c:v>1.7316599999999989</c:v>
                </c:pt>
                <c:pt idx="347">
                  <c:v>1.7366649999999995</c:v>
                </c:pt>
                <c:pt idx="348">
                  <c:v>1.7416700000000001</c:v>
                </c:pt>
                <c:pt idx="349">
                  <c:v>1.7466749999999989</c:v>
                </c:pt>
                <c:pt idx="350">
                  <c:v>1.7516799999999995</c:v>
                </c:pt>
                <c:pt idx="351">
                  <c:v>1.756683999999999</c:v>
                </c:pt>
                <c:pt idx="352">
                  <c:v>1.7616889999999996</c:v>
                </c:pt>
                <c:pt idx="353">
                  <c:v>1.7666940000000002</c:v>
                </c:pt>
                <c:pt idx="354">
                  <c:v>1.771698999999999</c:v>
                </c:pt>
                <c:pt idx="355">
                  <c:v>1.7767039999999996</c:v>
                </c:pt>
                <c:pt idx="356">
                  <c:v>1.7817079999999992</c:v>
                </c:pt>
                <c:pt idx="357">
                  <c:v>1.7867129999999998</c:v>
                </c:pt>
                <c:pt idx="358">
                  <c:v>1.7917180000000004</c:v>
                </c:pt>
                <c:pt idx="359">
                  <c:v>1.7967229999999992</c:v>
                </c:pt>
                <c:pt idx="360">
                  <c:v>1.8017279999999998</c:v>
                </c:pt>
                <c:pt idx="361">
                  <c:v>1.8067319999999993</c:v>
                </c:pt>
                <c:pt idx="362">
                  <c:v>1.8117369999999999</c:v>
                </c:pt>
                <c:pt idx="363">
                  <c:v>1.8167420000000005</c:v>
                </c:pt>
                <c:pt idx="364">
                  <c:v>1.8217469999999993</c:v>
                </c:pt>
                <c:pt idx="365">
                  <c:v>1.8267519999999999</c:v>
                </c:pt>
                <c:pt idx="366">
                  <c:v>1.8317559999999995</c:v>
                </c:pt>
                <c:pt idx="367">
                  <c:v>1.8367610000000001</c:v>
                </c:pt>
                <c:pt idx="368">
                  <c:v>1.8417659999999989</c:v>
                </c:pt>
                <c:pt idx="369">
                  <c:v>1.8467709999999995</c:v>
                </c:pt>
                <c:pt idx="370">
                  <c:v>1.8517760000000001</c:v>
                </c:pt>
                <c:pt idx="371">
                  <c:v>1.8567799999999997</c:v>
                </c:pt>
                <c:pt idx="372">
                  <c:v>1.8617850000000002</c:v>
                </c:pt>
                <c:pt idx="373">
                  <c:v>1.8667899999999991</c:v>
                </c:pt>
                <c:pt idx="374">
                  <c:v>1.8717949999999997</c:v>
                </c:pt>
                <c:pt idx="375">
                  <c:v>1.8768000000000002</c:v>
                </c:pt>
                <c:pt idx="376">
                  <c:v>1.8818039999999998</c:v>
                </c:pt>
                <c:pt idx="377">
                  <c:v>1.8868090000000004</c:v>
                </c:pt>
                <c:pt idx="378">
                  <c:v>1.891813999999999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8</c:v>
                </c:pt>
                <c:pt idx="382">
                  <c:v>1.9118330000000006</c:v>
                </c:pt>
                <c:pt idx="383">
                  <c:v>1.9168379999999994</c:v>
                </c:pt>
                <c:pt idx="384">
                  <c:v>1.921843</c:v>
                </c:pt>
                <c:pt idx="385">
                  <c:v>1.9268480000000006</c:v>
                </c:pt>
                <c:pt idx="386">
                  <c:v>1.9318520000000001</c:v>
                </c:pt>
                <c:pt idx="387">
                  <c:v>1.9368569999999989</c:v>
                </c:pt>
                <c:pt idx="388">
                  <c:v>1.9418619999999995</c:v>
                </c:pt>
                <c:pt idx="389">
                  <c:v>1.9468670000000001</c:v>
                </c:pt>
                <c:pt idx="390">
                  <c:v>1.9518719999999989</c:v>
                </c:pt>
                <c:pt idx="391">
                  <c:v>1.9568760000000003</c:v>
                </c:pt>
                <c:pt idx="392">
                  <c:v>1.9618809999999991</c:v>
                </c:pt>
                <c:pt idx="393">
                  <c:v>1.9668859999999997</c:v>
                </c:pt>
                <c:pt idx="394">
                  <c:v>1.9718910000000003</c:v>
                </c:pt>
                <c:pt idx="395">
                  <c:v>1.9768959999999991</c:v>
                </c:pt>
                <c:pt idx="396">
                  <c:v>1.9819000000000004</c:v>
                </c:pt>
                <c:pt idx="397">
                  <c:v>1.9869049999999993</c:v>
                </c:pt>
                <c:pt idx="398">
                  <c:v>1.9919099999999998</c:v>
                </c:pt>
                <c:pt idx="399">
                  <c:v>1.9969150000000004</c:v>
                </c:pt>
                <c:pt idx="400">
                  <c:v>2.0019199999999993</c:v>
                </c:pt>
                <c:pt idx="401">
                  <c:v>2.0069240000000006</c:v>
                </c:pt>
                <c:pt idx="402">
                  <c:v>2.0119289999999994</c:v>
                </c:pt>
                <c:pt idx="403">
                  <c:v>2.016934</c:v>
                </c:pt>
                <c:pt idx="404">
                  <c:v>2.0219390000000006</c:v>
                </c:pt>
                <c:pt idx="405">
                  <c:v>2.0269439999999994</c:v>
                </c:pt>
                <c:pt idx="406">
                  <c:v>2.031947999999999</c:v>
                </c:pt>
                <c:pt idx="407">
                  <c:v>2.0369529999999996</c:v>
                </c:pt>
                <c:pt idx="408">
                  <c:v>2.0419580000000002</c:v>
                </c:pt>
                <c:pt idx="409">
                  <c:v>2.046962999999999</c:v>
                </c:pt>
                <c:pt idx="410">
                  <c:v>2.0519679999999996</c:v>
                </c:pt>
                <c:pt idx="411">
                  <c:v>2.0569719999999991</c:v>
                </c:pt>
                <c:pt idx="412">
                  <c:v>2.0619769999999997</c:v>
                </c:pt>
              </c:numCache>
            </c:numRef>
          </c:xVal>
          <c:yVal>
            <c:numRef>
              <c:f>'Multi-150-3s(14)'!$F$2:$F$418</c:f>
              <c:numCache>
                <c:formatCode>General</c:formatCode>
                <c:ptCount val="417"/>
                <c:pt idx="1">
                  <c:v>1.3347980624686862</c:v>
                </c:pt>
                <c:pt idx="2">
                  <c:v>0.71475289431634959</c:v>
                </c:pt>
                <c:pt idx="3">
                  <c:v>0.49531847065945322</c:v>
                </c:pt>
                <c:pt idx="4">
                  <c:v>0.38927757508438904</c:v>
                </c:pt>
                <c:pt idx="5">
                  <c:v>0.32869133668133144</c:v>
                </c:pt>
                <c:pt idx="6">
                  <c:v>0.27472522748007344</c:v>
                </c:pt>
                <c:pt idx="7">
                  <c:v>0.23657449066142897</c:v>
                </c:pt>
                <c:pt idx="8">
                  <c:v>0.20548059418945616</c:v>
                </c:pt>
                <c:pt idx="9">
                  <c:v>0.17482388154415435</c:v>
                </c:pt>
                <c:pt idx="10">
                  <c:v>0.14689757655286062</c:v>
                </c:pt>
                <c:pt idx="11">
                  <c:v>0.13972703123605917</c:v>
                </c:pt>
                <c:pt idx="12">
                  <c:v>0.13711651370117861</c:v>
                </c:pt>
                <c:pt idx="13">
                  <c:v>0.12833982947407813</c:v>
                </c:pt>
                <c:pt idx="14">
                  <c:v>0.11499547623941703</c:v>
                </c:pt>
                <c:pt idx="15">
                  <c:v>0.1074857013888184</c:v>
                </c:pt>
                <c:pt idx="16">
                  <c:v>0.10467893081806366</c:v>
                </c:pt>
                <c:pt idx="17">
                  <c:v>0.1019156263529245</c:v>
                </c:pt>
                <c:pt idx="18">
                  <c:v>0.1022654534873844</c:v>
                </c:pt>
                <c:pt idx="19">
                  <c:v>0.10422192019113241</c:v>
                </c:pt>
                <c:pt idx="20">
                  <c:v>0.10677417199357306</c:v>
                </c:pt>
                <c:pt idx="21">
                  <c:v>0.10965073055918166</c:v>
                </c:pt>
                <c:pt idx="22">
                  <c:v>0.11212449071216604</c:v>
                </c:pt>
                <c:pt idx="23">
                  <c:v>0.11709534068095152</c:v>
                </c:pt>
                <c:pt idx="24">
                  <c:v>0.12066806190380296</c:v>
                </c:pt>
                <c:pt idx="25">
                  <c:v>0.12107473933028208</c:v>
                </c:pt>
                <c:pt idx="26">
                  <c:v>0.11820148881431264</c:v>
                </c:pt>
                <c:pt idx="27">
                  <c:v>0.11204814836271057</c:v>
                </c:pt>
                <c:pt idx="28">
                  <c:v>0.10339335999969927</c:v>
                </c:pt>
                <c:pt idx="29">
                  <c:v>9.564376430929189E-2</c:v>
                </c:pt>
                <c:pt idx="30">
                  <c:v>9.0942562487900933E-2</c:v>
                </c:pt>
                <c:pt idx="31">
                  <c:v>8.7179488495332691E-2</c:v>
                </c:pt>
                <c:pt idx="32">
                  <c:v>8.4141850933289228E-2</c:v>
                </c:pt>
                <c:pt idx="33">
                  <c:v>8.3267476588112302E-2</c:v>
                </c:pt>
                <c:pt idx="34">
                  <c:v>8.2538300966597783E-2</c:v>
                </c:pt>
                <c:pt idx="35">
                  <c:v>8.2037502307251833E-2</c:v>
                </c:pt>
                <c:pt idx="36">
                  <c:v>8.2785928925474678E-2</c:v>
                </c:pt>
                <c:pt idx="37">
                  <c:v>8.2807692646981276E-2</c:v>
                </c:pt>
                <c:pt idx="38">
                  <c:v>8.3979978514471199E-2</c:v>
                </c:pt>
                <c:pt idx="39">
                  <c:v>8.452538904447475E-2</c:v>
                </c:pt>
                <c:pt idx="40">
                  <c:v>8.3260894165489027E-2</c:v>
                </c:pt>
                <c:pt idx="41">
                  <c:v>7.9588831713403571E-2</c:v>
                </c:pt>
                <c:pt idx="42">
                  <c:v>7.665620486171533E-2</c:v>
                </c:pt>
                <c:pt idx="43">
                  <c:v>7.4304732215563066E-2</c:v>
                </c:pt>
                <c:pt idx="44">
                  <c:v>7.0896961362729077E-2</c:v>
                </c:pt>
                <c:pt idx="45">
                  <c:v>6.6970969158230545E-2</c:v>
                </c:pt>
                <c:pt idx="46">
                  <c:v>6.4864734231352472E-2</c:v>
                </c:pt>
                <c:pt idx="47">
                  <c:v>6.2009978545082611E-2</c:v>
                </c:pt>
                <c:pt idx="48">
                  <c:v>6.0415773198346769E-2</c:v>
                </c:pt>
                <c:pt idx="49">
                  <c:v>5.9325925058937613E-2</c:v>
                </c:pt>
                <c:pt idx="50">
                  <c:v>5.8964132694335869E-2</c:v>
                </c:pt>
                <c:pt idx="51">
                  <c:v>5.8919785568930363E-2</c:v>
                </c:pt>
                <c:pt idx="52">
                  <c:v>5.7813737902053471E-2</c:v>
                </c:pt>
                <c:pt idx="53">
                  <c:v>5.6609792795490228E-2</c:v>
                </c:pt>
                <c:pt idx="54">
                  <c:v>5.5841245035523956E-2</c:v>
                </c:pt>
                <c:pt idx="55">
                  <c:v>5.5934284249259329E-2</c:v>
                </c:pt>
                <c:pt idx="56">
                  <c:v>5.6264260647842727E-2</c:v>
                </c:pt>
                <c:pt idx="57">
                  <c:v>5.5303472586854072E-2</c:v>
                </c:pt>
                <c:pt idx="58">
                  <c:v>5.5311621853834488E-2</c:v>
                </c:pt>
                <c:pt idx="59">
                  <c:v>5.5469589670668798E-2</c:v>
                </c:pt>
                <c:pt idx="60">
                  <c:v>5.5170173408116356E-2</c:v>
                </c:pt>
                <c:pt idx="61">
                  <c:v>5.6034223357103251E-2</c:v>
                </c:pt>
                <c:pt idx="62">
                  <c:v>5.7527974999994971E-2</c:v>
                </c:pt>
                <c:pt idx="63">
                  <c:v>5.6269066142520648E-2</c:v>
                </c:pt>
                <c:pt idx="64">
                  <c:v>5.5660351250497273E-2</c:v>
                </c:pt>
                <c:pt idx="65">
                  <c:v>5.6841676857135218E-2</c:v>
                </c:pt>
                <c:pt idx="66">
                  <c:v>5.7386115223076392E-2</c:v>
                </c:pt>
                <c:pt idx="67">
                  <c:v>5.7051325656992093E-2</c:v>
                </c:pt>
                <c:pt idx="68">
                  <c:v>5.6007019709916693E-2</c:v>
                </c:pt>
                <c:pt idx="69">
                  <c:v>5.5091935418084298E-2</c:v>
                </c:pt>
                <c:pt idx="70">
                  <c:v>5.5210837009937751E-2</c:v>
                </c:pt>
                <c:pt idx="71">
                  <c:v>5.4544534772773837E-2</c:v>
                </c:pt>
                <c:pt idx="72">
                  <c:v>5.415749420115043E-2</c:v>
                </c:pt>
                <c:pt idx="73">
                  <c:v>5.3885657888880154E-2</c:v>
                </c:pt>
                <c:pt idx="74">
                  <c:v>5.2518806730491724E-2</c:v>
                </c:pt>
                <c:pt idx="75">
                  <c:v>5.0782230471961544E-2</c:v>
                </c:pt>
                <c:pt idx="76">
                  <c:v>4.9176215088501334E-2</c:v>
                </c:pt>
                <c:pt idx="77">
                  <c:v>4.7973913126373176E-2</c:v>
                </c:pt>
                <c:pt idx="78">
                  <c:v>4.6914819901004538E-2</c:v>
                </c:pt>
                <c:pt idx="79">
                  <c:v>4.6853345997749596E-2</c:v>
                </c:pt>
                <c:pt idx="80">
                  <c:v>4.700624136175241E-2</c:v>
                </c:pt>
                <c:pt idx="81">
                  <c:v>4.629764552433234E-2</c:v>
                </c:pt>
                <c:pt idx="82">
                  <c:v>4.6037610651332918E-2</c:v>
                </c:pt>
                <c:pt idx="83">
                  <c:v>4.5649793210493034E-2</c:v>
                </c:pt>
                <c:pt idx="84">
                  <c:v>4.4855350959877062E-2</c:v>
                </c:pt>
                <c:pt idx="85">
                  <c:v>4.3705358324757852E-2</c:v>
                </c:pt>
                <c:pt idx="86">
                  <c:v>4.2815630889208367E-2</c:v>
                </c:pt>
                <c:pt idx="87">
                  <c:v>4.2258244787002769E-2</c:v>
                </c:pt>
                <c:pt idx="88">
                  <c:v>4.1903702458101086E-2</c:v>
                </c:pt>
                <c:pt idx="89">
                  <c:v>4.1601483127241094E-2</c:v>
                </c:pt>
                <c:pt idx="90">
                  <c:v>4.1113728250615718E-2</c:v>
                </c:pt>
                <c:pt idx="91">
                  <c:v>4.1240773085876918E-2</c:v>
                </c:pt>
                <c:pt idx="92">
                  <c:v>4.1774250571894274E-2</c:v>
                </c:pt>
                <c:pt idx="93">
                  <c:v>4.2666986538846E-2</c:v>
                </c:pt>
                <c:pt idx="94">
                  <c:v>4.379530563075066E-2</c:v>
                </c:pt>
                <c:pt idx="95">
                  <c:v>4.5165820249434246E-2</c:v>
                </c:pt>
                <c:pt idx="96">
                  <c:v>4.6141796131155557E-2</c:v>
                </c:pt>
                <c:pt idx="97">
                  <c:v>4.633846972690342E-2</c:v>
                </c:pt>
                <c:pt idx="98">
                  <c:v>4.5300420194861565E-2</c:v>
                </c:pt>
                <c:pt idx="99">
                  <c:v>4.3765340027003066E-2</c:v>
                </c:pt>
                <c:pt idx="100">
                  <c:v>4.3067767615601119E-2</c:v>
                </c:pt>
                <c:pt idx="101">
                  <c:v>4.2797835764708379E-2</c:v>
                </c:pt>
                <c:pt idx="102">
                  <c:v>4.2843191785082363E-2</c:v>
                </c:pt>
                <c:pt idx="103">
                  <c:v>4.2900173270145212E-2</c:v>
                </c:pt>
                <c:pt idx="104">
                  <c:v>4.3238989128342363E-2</c:v>
                </c:pt>
                <c:pt idx="105">
                  <c:v>4.3144593315751233E-2</c:v>
                </c:pt>
                <c:pt idx="106">
                  <c:v>4.2799771182103395E-2</c:v>
                </c:pt>
                <c:pt idx="107">
                  <c:v>4.2400608649622647E-2</c:v>
                </c:pt>
                <c:pt idx="108">
                  <c:v>4.1498739305530538E-2</c:v>
                </c:pt>
                <c:pt idx="109">
                  <c:v>4.125123875901883E-2</c:v>
                </c:pt>
                <c:pt idx="110">
                  <c:v>4.1801234464593086E-2</c:v>
                </c:pt>
                <c:pt idx="111">
                  <c:v>4.277293258857838E-2</c:v>
                </c:pt>
                <c:pt idx="112">
                  <c:v>4.2425547261804329E-2</c:v>
                </c:pt>
                <c:pt idx="113">
                  <c:v>4.1875522393049362E-2</c:v>
                </c:pt>
                <c:pt idx="114">
                  <c:v>4.1039115710609794E-2</c:v>
                </c:pt>
                <c:pt idx="115">
                  <c:v>3.9924437507827183E-2</c:v>
                </c:pt>
                <c:pt idx="116">
                  <c:v>3.891195371906666E-2</c:v>
                </c:pt>
                <c:pt idx="117">
                  <c:v>3.712560293218916E-2</c:v>
                </c:pt>
                <c:pt idx="118">
                  <c:v>3.6274991034109576E-2</c:v>
                </c:pt>
                <c:pt idx="119">
                  <c:v>3.5393998547664542E-2</c:v>
                </c:pt>
                <c:pt idx="120">
                  <c:v>3.4534862737127012E-2</c:v>
                </c:pt>
                <c:pt idx="121">
                  <c:v>3.4396879074075938E-2</c:v>
                </c:pt>
                <c:pt idx="122">
                  <c:v>3.4017813213971605E-2</c:v>
                </c:pt>
                <c:pt idx="123">
                  <c:v>3.3754980735525748E-2</c:v>
                </c:pt>
                <c:pt idx="124">
                  <c:v>3.3423284280738645E-2</c:v>
                </c:pt>
                <c:pt idx="125">
                  <c:v>3.3306822096520625E-2</c:v>
                </c:pt>
                <c:pt idx="126">
                  <c:v>3.3866049906401227E-2</c:v>
                </c:pt>
                <c:pt idx="127">
                  <c:v>3.4840825618275124E-2</c:v>
                </c:pt>
                <c:pt idx="128">
                  <c:v>3.513393904793867E-2</c:v>
                </c:pt>
                <c:pt idx="129">
                  <c:v>3.5489441178748422E-2</c:v>
                </c:pt>
                <c:pt idx="130">
                  <c:v>3.5559064080193756E-2</c:v>
                </c:pt>
                <c:pt idx="131">
                  <c:v>3.6186517244315923E-2</c:v>
                </c:pt>
                <c:pt idx="132">
                  <c:v>3.6435798042406077E-2</c:v>
                </c:pt>
                <c:pt idx="133">
                  <c:v>3.6388333582342607E-2</c:v>
                </c:pt>
                <c:pt idx="134">
                  <c:v>3.6690699458695825E-2</c:v>
                </c:pt>
                <c:pt idx="135">
                  <c:v>3.6516066356605273E-2</c:v>
                </c:pt>
                <c:pt idx="136">
                  <c:v>3.5918284054163786E-2</c:v>
                </c:pt>
                <c:pt idx="137">
                  <c:v>3.5665407904198691E-2</c:v>
                </c:pt>
                <c:pt idx="138">
                  <c:v>3.5826921509924926E-2</c:v>
                </c:pt>
                <c:pt idx="139">
                  <c:v>3.5539878834937096E-2</c:v>
                </c:pt>
                <c:pt idx="140">
                  <c:v>3.5093737286616807E-2</c:v>
                </c:pt>
                <c:pt idx="141">
                  <c:v>3.427173641352018E-2</c:v>
                </c:pt>
                <c:pt idx="142">
                  <c:v>3.359254402181075E-2</c:v>
                </c:pt>
                <c:pt idx="143">
                  <c:v>3.3185247551967272E-2</c:v>
                </c:pt>
                <c:pt idx="144">
                  <c:v>3.2618877490920795E-2</c:v>
                </c:pt>
                <c:pt idx="145">
                  <c:v>3.1986609990492243E-2</c:v>
                </c:pt>
                <c:pt idx="146">
                  <c:v>3.133955911014847E-2</c:v>
                </c:pt>
                <c:pt idx="147">
                  <c:v>3.096525329433646E-2</c:v>
                </c:pt>
                <c:pt idx="148">
                  <c:v>3.0840329096060572E-2</c:v>
                </c:pt>
                <c:pt idx="149">
                  <c:v>3.1133395373719785E-2</c:v>
                </c:pt>
                <c:pt idx="150">
                  <c:v>3.1504450071414662E-2</c:v>
                </c:pt>
                <c:pt idx="151">
                  <c:v>3.2225223669600858E-2</c:v>
                </c:pt>
                <c:pt idx="152">
                  <c:v>3.2981876923503142E-2</c:v>
                </c:pt>
                <c:pt idx="153">
                  <c:v>3.3798481410469795E-2</c:v>
                </c:pt>
                <c:pt idx="154">
                  <c:v>3.4217299186431412E-2</c:v>
                </c:pt>
                <c:pt idx="155">
                  <c:v>3.4987009817798356E-2</c:v>
                </c:pt>
                <c:pt idx="156">
                  <c:v>3.515544559995696E-2</c:v>
                </c:pt>
                <c:pt idx="157">
                  <c:v>3.4827324556981738E-2</c:v>
                </c:pt>
                <c:pt idx="158">
                  <c:v>3.4151977129442582E-2</c:v>
                </c:pt>
                <c:pt idx="159">
                  <c:v>3.3769206772570809E-2</c:v>
                </c:pt>
                <c:pt idx="160">
                  <c:v>3.2761312549738297E-2</c:v>
                </c:pt>
                <c:pt idx="161">
                  <c:v>3.1381984837822202E-2</c:v>
                </c:pt>
                <c:pt idx="162">
                  <c:v>3.0375881460300222E-2</c:v>
                </c:pt>
                <c:pt idx="163">
                  <c:v>2.9306185104276065E-2</c:v>
                </c:pt>
                <c:pt idx="164">
                  <c:v>2.841276361056435E-2</c:v>
                </c:pt>
                <c:pt idx="165">
                  <c:v>2.7313836932948303E-2</c:v>
                </c:pt>
                <c:pt idx="166">
                  <c:v>2.6327032496502398E-2</c:v>
                </c:pt>
                <c:pt idx="167">
                  <c:v>2.5462923386630368E-2</c:v>
                </c:pt>
                <c:pt idx="168">
                  <c:v>2.4945185939505923E-2</c:v>
                </c:pt>
                <c:pt idx="169">
                  <c:v>2.4412500765309406E-2</c:v>
                </c:pt>
                <c:pt idx="170">
                  <c:v>2.3981990965512463E-2</c:v>
                </c:pt>
                <c:pt idx="171">
                  <c:v>2.4299945348379027E-2</c:v>
                </c:pt>
                <c:pt idx="172">
                  <c:v>2.5209653517547431E-2</c:v>
                </c:pt>
                <c:pt idx="173">
                  <c:v>2.6573521642443809E-2</c:v>
                </c:pt>
                <c:pt idx="174">
                  <c:v>2.7958337696022659E-2</c:v>
                </c:pt>
                <c:pt idx="175">
                  <c:v>2.9347638942856417E-2</c:v>
                </c:pt>
                <c:pt idx="176">
                  <c:v>3.0583999032831082E-2</c:v>
                </c:pt>
                <c:pt idx="177">
                  <c:v>3.1614146422575845E-2</c:v>
                </c:pt>
                <c:pt idx="178">
                  <c:v>3.2447970667899395E-2</c:v>
                </c:pt>
                <c:pt idx="179">
                  <c:v>3.2927986453434206E-2</c:v>
                </c:pt>
                <c:pt idx="180">
                  <c:v>3.2719295520394764E-2</c:v>
                </c:pt>
                <c:pt idx="181">
                  <c:v>3.2154530272309155E-2</c:v>
                </c:pt>
                <c:pt idx="182">
                  <c:v>3.0866986432442033E-2</c:v>
                </c:pt>
                <c:pt idx="183">
                  <c:v>2.9593428141306822E-2</c:v>
                </c:pt>
                <c:pt idx="184">
                  <c:v>2.8259158227601288E-2</c:v>
                </c:pt>
                <c:pt idx="185">
                  <c:v>2.7038069564853582E-2</c:v>
                </c:pt>
                <c:pt idx="186">
                  <c:v>2.5406485552168963E-2</c:v>
                </c:pt>
                <c:pt idx="187">
                  <c:v>2.3691237754552834E-2</c:v>
                </c:pt>
                <c:pt idx="188">
                  <c:v>2.2420056843445446E-2</c:v>
                </c:pt>
                <c:pt idx="189">
                  <c:v>2.1790183942572153E-2</c:v>
                </c:pt>
                <c:pt idx="190">
                  <c:v>2.1656320812750984E-2</c:v>
                </c:pt>
                <c:pt idx="191">
                  <c:v>2.159712795419353E-2</c:v>
                </c:pt>
                <c:pt idx="192">
                  <c:v>2.1595914743885263E-2</c:v>
                </c:pt>
                <c:pt idx="193">
                  <c:v>2.1832850502786307E-2</c:v>
                </c:pt>
                <c:pt idx="194">
                  <c:v>2.2653254580234955E-2</c:v>
                </c:pt>
                <c:pt idx="195">
                  <c:v>2.3564886129126345E-2</c:v>
                </c:pt>
                <c:pt idx="196">
                  <c:v>2.4308099022094392E-2</c:v>
                </c:pt>
                <c:pt idx="197">
                  <c:v>2.5398156165704594E-2</c:v>
                </c:pt>
                <c:pt idx="198">
                  <c:v>2.6549301424300644E-2</c:v>
                </c:pt>
                <c:pt idx="199">
                  <c:v>2.7648518253397408E-2</c:v>
                </c:pt>
                <c:pt idx="200">
                  <c:v>2.7759012823458173E-2</c:v>
                </c:pt>
                <c:pt idx="201">
                  <c:v>2.7838297533322585E-2</c:v>
                </c:pt>
                <c:pt idx="202">
                  <c:v>2.8006610280863858E-2</c:v>
                </c:pt>
                <c:pt idx="203">
                  <c:v>2.8272779858292921E-2</c:v>
                </c:pt>
                <c:pt idx="204">
                  <c:v>2.8070460815767695E-2</c:v>
                </c:pt>
                <c:pt idx="205">
                  <c:v>2.7565744313781511E-2</c:v>
                </c:pt>
                <c:pt idx="206">
                  <c:v>2.6781593649274984E-2</c:v>
                </c:pt>
                <c:pt idx="207">
                  <c:v>2.5998760563330722E-2</c:v>
                </c:pt>
                <c:pt idx="208">
                  <c:v>2.4587641600017932E-2</c:v>
                </c:pt>
                <c:pt idx="209">
                  <c:v>2.3132913314904423E-2</c:v>
                </c:pt>
                <c:pt idx="210">
                  <c:v>2.1831591047633558E-2</c:v>
                </c:pt>
                <c:pt idx="211">
                  <c:v>2.1033415685834049E-2</c:v>
                </c:pt>
                <c:pt idx="212">
                  <c:v>2.031916773668245E-2</c:v>
                </c:pt>
                <c:pt idx="213">
                  <c:v>1.9692053670393408E-2</c:v>
                </c:pt>
                <c:pt idx="214">
                  <c:v>1.9086649324263044E-2</c:v>
                </c:pt>
                <c:pt idx="215">
                  <c:v>1.889316917234379E-2</c:v>
                </c:pt>
                <c:pt idx="216">
                  <c:v>1.9224299035603583E-2</c:v>
                </c:pt>
                <c:pt idx="217">
                  <c:v>1.9871904912011469E-2</c:v>
                </c:pt>
                <c:pt idx="218">
                  <c:v>2.0882985201021338E-2</c:v>
                </c:pt>
                <c:pt idx="219">
                  <c:v>2.1742246395089444E-2</c:v>
                </c:pt>
                <c:pt idx="220">
                  <c:v>2.2314349133109233E-2</c:v>
                </c:pt>
                <c:pt idx="221">
                  <c:v>2.3264777535298362E-2</c:v>
                </c:pt>
                <c:pt idx="222">
                  <c:v>2.450394464314912E-2</c:v>
                </c:pt>
                <c:pt idx="223">
                  <c:v>2.5656151624818567E-2</c:v>
                </c:pt>
                <c:pt idx="224">
                  <c:v>2.6302485908740212E-2</c:v>
                </c:pt>
                <c:pt idx="225">
                  <c:v>2.6664118117063193E-2</c:v>
                </c:pt>
                <c:pt idx="226">
                  <c:v>2.6742380116830687E-2</c:v>
                </c:pt>
                <c:pt idx="227">
                  <c:v>2.6720290480635272E-2</c:v>
                </c:pt>
                <c:pt idx="228">
                  <c:v>2.623474319553586E-2</c:v>
                </c:pt>
                <c:pt idx="229">
                  <c:v>2.5509706314054997E-2</c:v>
                </c:pt>
                <c:pt idx="230">
                  <c:v>2.4546244905155268E-2</c:v>
                </c:pt>
                <c:pt idx="231">
                  <c:v>2.3633100196347352E-2</c:v>
                </c:pt>
                <c:pt idx="232">
                  <c:v>2.2785934856564247E-2</c:v>
                </c:pt>
                <c:pt idx="233">
                  <c:v>2.2077788530871383E-2</c:v>
                </c:pt>
                <c:pt idx="234">
                  <c:v>2.1283715936282616E-2</c:v>
                </c:pt>
                <c:pt idx="235">
                  <c:v>2.0591807011706178E-2</c:v>
                </c:pt>
                <c:pt idx="236">
                  <c:v>2.0052159165105811E-2</c:v>
                </c:pt>
                <c:pt idx="237">
                  <c:v>1.9856341630595388E-2</c:v>
                </c:pt>
                <c:pt idx="238">
                  <c:v>2.0241537288964488E-2</c:v>
                </c:pt>
                <c:pt idx="239">
                  <c:v>2.0859365710742865E-2</c:v>
                </c:pt>
                <c:pt idx="240">
                  <c:v>2.1320488318456142E-2</c:v>
                </c:pt>
                <c:pt idx="241">
                  <c:v>2.1515329441735356E-2</c:v>
                </c:pt>
                <c:pt idx="242">
                  <c:v>2.1884608596648633E-2</c:v>
                </c:pt>
                <c:pt idx="243">
                  <c:v>2.2349912851244047E-2</c:v>
                </c:pt>
                <c:pt idx="244">
                  <c:v>2.2501579226160858E-2</c:v>
                </c:pt>
                <c:pt idx="245">
                  <c:v>2.277724251698612E-2</c:v>
                </c:pt>
                <c:pt idx="246">
                  <c:v>2.3026852777351472E-2</c:v>
                </c:pt>
                <c:pt idx="247">
                  <c:v>2.3409364637174523E-2</c:v>
                </c:pt>
                <c:pt idx="248">
                  <c:v>2.3622984185426851E-2</c:v>
                </c:pt>
                <c:pt idx="249">
                  <c:v>2.3730272418436716E-2</c:v>
                </c:pt>
                <c:pt idx="250">
                  <c:v>2.3798191770097097E-2</c:v>
                </c:pt>
                <c:pt idx="251">
                  <c:v>2.3619902259424785E-2</c:v>
                </c:pt>
                <c:pt idx="252">
                  <c:v>2.3318462886216623E-2</c:v>
                </c:pt>
                <c:pt idx="253">
                  <c:v>2.2911306053114186E-2</c:v>
                </c:pt>
                <c:pt idx="254">
                  <c:v>2.2248692002932152E-2</c:v>
                </c:pt>
                <c:pt idx="255">
                  <c:v>2.1781462118506834E-2</c:v>
                </c:pt>
                <c:pt idx="256">
                  <c:v>2.1611620613095111E-2</c:v>
                </c:pt>
                <c:pt idx="257">
                  <c:v>2.1481570864200855E-2</c:v>
                </c:pt>
                <c:pt idx="258">
                  <c:v>2.1387652799224867E-2</c:v>
                </c:pt>
                <c:pt idx="259">
                  <c:v>2.1439846172243825E-2</c:v>
                </c:pt>
                <c:pt idx="260">
                  <c:v>2.1738657150520223E-2</c:v>
                </c:pt>
                <c:pt idx="261">
                  <c:v>2.2107991245852571E-2</c:v>
                </c:pt>
                <c:pt idx="262">
                  <c:v>2.2256040213229293E-2</c:v>
                </c:pt>
                <c:pt idx="263">
                  <c:v>2.2141928431980474E-2</c:v>
                </c:pt>
                <c:pt idx="264">
                  <c:v>2.2144061694339429E-2</c:v>
                </c:pt>
                <c:pt idx="265">
                  <c:v>2.241859263495247E-2</c:v>
                </c:pt>
                <c:pt idx="266">
                  <c:v>2.253784471218373E-2</c:v>
                </c:pt>
                <c:pt idx="267">
                  <c:v>2.2820737868174266E-2</c:v>
                </c:pt>
                <c:pt idx="268">
                  <c:v>2.3192727007727926E-2</c:v>
                </c:pt>
                <c:pt idx="269">
                  <c:v>2.3277470962745329E-2</c:v>
                </c:pt>
                <c:pt idx="270">
                  <c:v>2.3377925383078729E-2</c:v>
                </c:pt>
                <c:pt idx="271">
                  <c:v>2.3277091139068534E-2</c:v>
                </c:pt>
                <c:pt idx="272">
                  <c:v>2.3012592955413403E-2</c:v>
                </c:pt>
                <c:pt idx="273">
                  <c:v>2.2850234598480349E-2</c:v>
                </c:pt>
                <c:pt idx="274">
                  <c:v>2.2671898665090565E-2</c:v>
                </c:pt>
                <c:pt idx="275">
                  <c:v>2.2302614100868725E-2</c:v>
                </c:pt>
                <c:pt idx="276">
                  <c:v>2.1802401351175022E-2</c:v>
                </c:pt>
                <c:pt idx="277">
                  <c:v>2.1563525897363382E-2</c:v>
                </c:pt>
                <c:pt idx="278">
                  <c:v>2.1171380475789658E-2</c:v>
                </c:pt>
                <c:pt idx="279">
                  <c:v>2.0768897989478785E-2</c:v>
                </c:pt>
                <c:pt idx="280">
                  <c:v>2.0489631895639092E-2</c:v>
                </c:pt>
                <c:pt idx="281">
                  <c:v>2.0484935705898752E-2</c:v>
                </c:pt>
                <c:pt idx="282">
                  <c:v>2.0603897244249689E-2</c:v>
                </c:pt>
                <c:pt idx="283">
                  <c:v>2.0797878429901669E-2</c:v>
                </c:pt>
                <c:pt idx="284">
                  <c:v>2.0780231150995358E-2</c:v>
                </c:pt>
                <c:pt idx="285">
                  <c:v>2.0978958777102725E-2</c:v>
                </c:pt>
                <c:pt idx="286">
                  <c:v>2.1377687889586983E-2</c:v>
                </c:pt>
                <c:pt idx="287">
                  <c:v>2.1935321763829913E-2</c:v>
                </c:pt>
                <c:pt idx="288">
                  <c:v>2.2403444705713406E-2</c:v>
                </c:pt>
                <c:pt idx="289">
                  <c:v>2.2556793967756453E-2</c:v>
                </c:pt>
                <c:pt idx="290">
                  <c:v>2.2553322345545693E-2</c:v>
                </c:pt>
                <c:pt idx="291">
                  <c:v>2.2480173709329677E-2</c:v>
                </c:pt>
                <c:pt idx="292">
                  <c:v>2.227462831929105E-2</c:v>
                </c:pt>
                <c:pt idx="293">
                  <c:v>2.1931239623351036E-2</c:v>
                </c:pt>
                <c:pt idx="294">
                  <c:v>2.1707063751860666E-2</c:v>
                </c:pt>
                <c:pt idx="295">
                  <c:v>2.1440311516823973E-2</c:v>
                </c:pt>
                <c:pt idx="296">
                  <c:v>2.0911153034508797E-2</c:v>
                </c:pt>
                <c:pt idx="297">
                  <c:v>2.0407512053108208E-2</c:v>
                </c:pt>
                <c:pt idx="298">
                  <c:v>2.0026473065094461E-2</c:v>
                </c:pt>
                <c:pt idx="299">
                  <c:v>1.9936363706056344E-2</c:v>
                </c:pt>
                <c:pt idx="300">
                  <c:v>1.9727640228548445E-2</c:v>
                </c:pt>
                <c:pt idx="301">
                  <c:v>1.9373316539761591E-2</c:v>
                </c:pt>
                <c:pt idx="302">
                  <c:v>1.9062751524968797E-2</c:v>
                </c:pt>
                <c:pt idx="303">
                  <c:v>1.8845430376604452E-2</c:v>
                </c:pt>
                <c:pt idx="304">
                  <c:v>1.8894180562696757E-2</c:v>
                </c:pt>
                <c:pt idx="305">
                  <c:v>1.8930325301850345E-2</c:v>
                </c:pt>
                <c:pt idx="306">
                  <c:v>1.8846455297255919E-2</c:v>
                </c:pt>
                <c:pt idx="307">
                  <c:v>1.8794298270951998E-2</c:v>
                </c:pt>
                <c:pt idx="308">
                  <c:v>1.878387239244415E-2</c:v>
                </c:pt>
                <c:pt idx="309">
                  <c:v>1.8825286032730426E-2</c:v>
                </c:pt>
                <c:pt idx="310">
                  <c:v>1.8903318090445709E-2</c:v>
                </c:pt>
                <c:pt idx="311">
                  <c:v>1.9167583240480224E-2</c:v>
                </c:pt>
                <c:pt idx="312">
                  <c:v>1.9333853452141076E-2</c:v>
                </c:pt>
                <c:pt idx="313">
                  <c:v>1.9376887591329325E-2</c:v>
                </c:pt>
                <c:pt idx="314">
                  <c:v>1.9569087319303478E-2</c:v>
                </c:pt>
                <c:pt idx="315">
                  <c:v>1.9677166951778499E-2</c:v>
                </c:pt>
                <c:pt idx="316">
                  <c:v>1.9867134602308104E-2</c:v>
                </c:pt>
                <c:pt idx="317">
                  <c:v>2.0067844167034832E-2</c:v>
                </c:pt>
                <c:pt idx="318">
                  <c:v>2.0145427331639102E-2</c:v>
                </c:pt>
                <c:pt idx="319">
                  <c:v>2.0108807725686521E-2</c:v>
                </c:pt>
                <c:pt idx="320">
                  <c:v>1.9766280454320072E-2</c:v>
                </c:pt>
                <c:pt idx="321">
                  <c:v>1.9703597069282694E-2</c:v>
                </c:pt>
                <c:pt idx="322">
                  <c:v>1.9553937067735359E-2</c:v>
                </c:pt>
                <c:pt idx="323">
                  <c:v>1.9320459073498782E-2</c:v>
                </c:pt>
                <c:pt idx="324">
                  <c:v>1.897812137992308E-2</c:v>
                </c:pt>
                <c:pt idx="325">
                  <c:v>1.9033878632638807E-2</c:v>
                </c:pt>
                <c:pt idx="326">
                  <c:v>1.9225396333037974E-2</c:v>
                </c:pt>
                <c:pt idx="327">
                  <c:v>1.9283789769066639E-2</c:v>
                </c:pt>
                <c:pt idx="328">
                  <c:v>1.9032022134900378E-2</c:v>
                </c:pt>
                <c:pt idx="329">
                  <c:v>1.9016162160479515E-2</c:v>
                </c:pt>
                <c:pt idx="330">
                  <c:v>1.9003947036177232E-2</c:v>
                </c:pt>
                <c:pt idx="331">
                  <c:v>1.8979969517168203E-2</c:v>
                </c:pt>
                <c:pt idx="332">
                  <c:v>1.9105415271158336E-2</c:v>
                </c:pt>
                <c:pt idx="333">
                  <c:v>1.9191441509538023E-2</c:v>
                </c:pt>
                <c:pt idx="334">
                  <c:v>1.9071279097381804E-2</c:v>
                </c:pt>
                <c:pt idx="335">
                  <c:v>1.8837477073777566E-2</c:v>
                </c:pt>
                <c:pt idx="336">
                  <c:v>1.8407894820443672E-2</c:v>
                </c:pt>
                <c:pt idx="337">
                  <c:v>1.8161130331905896E-2</c:v>
                </c:pt>
                <c:pt idx="338">
                  <c:v>1.8117604708261712E-2</c:v>
                </c:pt>
                <c:pt idx="339">
                  <c:v>1.8021429549607292E-2</c:v>
                </c:pt>
                <c:pt idx="340">
                  <c:v>1.785003918938266E-2</c:v>
                </c:pt>
                <c:pt idx="341">
                  <c:v>1.7810317849477106E-2</c:v>
                </c:pt>
                <c:pt idx="342">
                  <c:v>1.7856236533156919E-2</c:v>
                </c:pt>
                <c:pt idx="343">
                  <c:v>1.7989142844132222E-2</c:v>
                </c:pt>
                <c:pt idx="344">
                  <c:v>1.8199801283046189E-2</c:v>
                </c:pt>
                <c:pt idx="345">
                  <c:v>1.8182041798778248E-2</c:v>
                </c:pt>
                <c:pt idx="346">
                  <c:v>1.8348900374662896E-2</c:v>
                </c:pt>
                <c:pt idx="347">
                  <c:v>1.8388285543307646E-2</c:v>
                </c:pt>
                <c:pt idx="348">
                  <c:v>1.8333720639686611E-2</c:v>
                </c:pt>
                <c:pt idx="349">
                  <c:v>1.8318412189666271E-2</c:v>
                </c:pt>
                <c:pt idx="350">
                  <c:v>1.8260656736503844E-2</c:v>
                </c:pt>
                <c:pt idx="351">
                  <c:v>1.8338365473071418E-2</c:v>
                </c:pt>
                <c:pt idx="352">
                  <c:v>1.8484484778507042E-2</c:v>
                </c:pt>
                <c:pt idx="353">
                  <c:v>1.8439658924070644E-2</c:v>
                </c:pt>
                <c:pt idx="354">
                  <c:v>1.8237820585198159E-2</c:v>
                </c:pt>
                <c:pt idx="355">
                  <c:v>1.7975267258158886E-2</c:v>
                </c:pt>
                <c:pt idx="356">
                  <c:v>1.7667275616200014E-2</c:v>
                </c:pt>
                <c:pt idx="357">
                  <c:v>1.757220305890032E-2</c:v>
                </c:pt>
                <c:pt idx="358">
                  <c:v>1.7358389398508089E-2</c:v>
                </c:pt>
                <c:pt idx="359">
                  <c:v>1.7168222429622019E-2</c:v>
                </c:pt>
                <c:pt idx="360">
                  <c:v>1.6977154069556299E-2</c:v>
                </c:pt>
                <c:pt idx="361">
                  <c:v>1.6796930657267162E-2</c:v>
                </c:pt>
                <c:pt idx="362">
                  <c:v>1.6842531961082045E-2</c:v>
                </c:pt>
                <c:pt idx="363">
                  <c:v>1.6927516244350793E-2</c:v>
                </c:pt>
                <c:pt idx="364">
                  <c:v>1.6896631659868343E-2</c:v>
                </c:pt>
                <c:pt idx="365">
                  <c:v>1.6748190331158288E-2</c:v>
                </c:pt>
                <c:pt idx="366">
                  <c:v>1.6568656220658732E-2</c:v>
                </c:pt>
                <c:pt idx="367">
                  <c:v>1.6432646100511102E-2</c:v>
                </c:pt>
                <c:pt idx="368">
                  <c:v>1.6353326174405519E-2</c:v>
                </c:pt>
                <c:pt idx="369">
                  <c:v>1.6195451975000816E-2</c:v>
                </c:pt>
                <c:pt idx="370">
                  <c:v>1.6271834652970794E-2</c:v>
                </c:pt>
                <c:pt idx="371">
                  <c:v>1.6221289163784271E-2</c:v>
                </c:pt>
                <c:pt idx="372">
                  <c:v>1.61203513631075E-2</c:v>
                </c:pt>
                <c:pt idx="373">
                  <c:v>1.5996896595014819E-2</c:v>
                </c:pt>
                <c:pt idx="374">
                  <c:v>1.5767079971966944E-2</c:v>
                </c:pt>
                <c:pt idx="375">
                  <c:v>1.562929488360015E-2</c:v>
                </c:pt>
                <c:pt idx="376">
                  <c:v>1.5540480689381032E-2</c:v>
                </c:pt>
                <c:pt idx="377">
                  <c:v>1.5420272582009086E-2</c:v>
                </c:pt>
                <c:pt idx="378">
                  <c:v>1.5384596908953229E-2</c:v>
                </c:pt>
                <c:pt idx="379">
                  <c:v>1.5235817803924988E-2</c:v>
                </c:pt>
                <c:pt idx="380">
                  <c:v>1.5071692879923592E-2</c:v>
                </c:pt>
                <c:pt idx="381">
                  <c:v>1.507601974283655E-2</c:v>
                </c:pt>
                <c:pt idx="382">
                  <c:v>1.5178533870577295E-2</c:v>
                </c:pt>
                <c:pt idx="383">
                  <c:v>1.537006252274886E-2</c:v>
                </c:pt>
                <c:pt idx="384">
                  <c:v>1.5569504766207247E-2</c:v>
                </c:pt>
                <c:pt idx="385">
                  <c:v>1.5334974225092972E-2</c:v>
                </c:pt>
                <c:pt idx="386">
                  <c:v>1.5144062976411096E-2</c:v>
                </c:pt>
                <c:pt idx="387">
                  <c:v>1.5165806371140445E-2</c:v>
                </c:pt>
                <c:pt idx="388">
                  <c:v>1.5178458434458194E-2</c:v>
                </c:pt>
                <c:pt idx="389">
                  <c:v>1.5241769351831009E-2</c:v>
                </c:pt>
                <c:pt idx="390">
                  <c:v>1.5235549828083519E-2</c:v>
                </c:pt>
                <c:pt idx="391">
                  <c:v>1.5142687297856833E-2</c:v>
                </c:pt>
                <c:pt idx="392">
                  <c:v>1.5051320679959844E-2</c:v>
                </c:pt>
                <c:pt idx="393">
                  <c:v>1.5020412035944442E-2</c:v>
                </c:pt>
                <c:pt idx="394">
                  <c:v>1.5163048301100818E-2</c:v>
                </c:pt>
                <c:pt idx="395">
                  <c:v>1.5264905728874685E-2</c:v>
                </c:pt>
                <c:pt idx="396">
                  <c:v>1.5074871638578626E-2</c:v>
                </c:pt>
                <c:pt idx="397">
                  <c:v>1.4764459274177829E-2</c:v>
                </c:pt>
                <c:pt idx="398">
                  <c:v>1.4481106443851605E-2</c:v>
                </c:pt>
                <c:pt idx="399">
                  <c:v>1.4306655622666604E-2</c:v>
                </c:pt>
                <c:pt idx="400">
                  <c:v>1.4152339176553315E-2</c:v>
                </c:pt>
                <c:pt idx="401">
                  <c:v>1.4046059660610804E-2</c:v>
                </c:pt>
                <c:pt idx="402">
                  <c:v>1.3864425865087803E-2</c:v>
                </c:pt>
                <c:pt idx="403">
                  <c:v>1.3716094968254834E-2</c:v>
                </c:pt>
                <c:pt idx="404">
                  <c:v>1.3700188663847463E-2</c:v>
                </c:pt>
                <c:pt idx="405">
                  <c:v>1.3769819691308558E-2</c:v>
                </c:pt>
                <c:pt idx="406">
                  <c:v>1.3925303102151211E-2</c:v>
                </c:pt>
                <c:pt idx="407">
                  <c:v>1.4106127599662559E-2</c:v>
                </c:pt>
                <c:pt idx="408">
                  <c:v>1.4128647382814134E-2</c:v>
                </c:pt>
                <c:pt idx="409">
                  <c:v>1.3928945694760697E-2</c:v>
                </c:pt>
                <c:pt idx="410">
                  <c:v>1.3652904252226228E-2</c:v>
                </c:pt>
                <c:pt idx="411">
                  <c:v>1.3382766649078419E-2</c:v>
                </c:pt>
                <c:pt idx="412">
                  <c:v>1.3016502176073844E-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F3E-4F16-ADA9-4800204DDD1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94680920"/>
        <c:axId val="226019480"/>
      </c:scatterChart>
      <c:valAx>
        <c:axId val="79468092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26019480"/>
        <c:crosses val="autoZero"/>
        <c:crossBetween val="midCat"/>
      </c:valAx>
      <c:valAx>
        <c:axId val="2260194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468092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intercept val="0"/>
            <c:dispRSqr val="0"/>
            <c:dispEq val="1"/>
            <c:trendlineLbl>
              <c:layout/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Multi-150-3s(15)'!$D$2:$D$2661</c:f>
              <c:numCache>
                <c:formatCode>General</c:formatCode>
                <c:ptCount val="2660"/>
                <c:pt idx="0">
                  <c:v>0</c:v>
                </c:pt>
                <c:pt idx="1">
                  <c:v>5.0049999999997041E-3</c:v>
                </c:pt>
                <c:pt idx="2">
                  <c:v>1.0009000000000157E-2</c:v>
                </c:pt>
                <c:pt idx="3">
                  <c:v>1.5013999999999861E-2</c:v>
                </c:pt>
                <c:pt idx="4">
                  <c:v>2.0018999999999565E-2</c:v>
                </c:pt>
                <c:pt idx="5">
                  <c:v>2.5024000000000157E-2</c:v>
                </c:pt>
                <c:pt idx="6">
                  <c:v>3.0028999999999861E-2</c:v>
                </c:pt>
                <c:pt idx="7">
                  <c:v>3.5033000000000314E-2</c:v>
                </c:pt>
                <c:pt idx="8">
                  <c:v>4.0038000000000018E-2</c:v>
                </c:pt>
                <c:pt idx="9">
                  <c:v>4.5042999999999722E-2</c:v>
                </c:pt>
                <c:pt idx="10">
                  <c:v>5.0048000000000314E-2</c:v>
                </c:pt>
                <c:pt idx="11">
                  <c:v>5.5053000000000019E-2</c:v>
                </c:pt>
                <c:pt idx="12">
                  <c:v>6.0056999999999583E-2</c:v>
                </c:pt>
                <c:pt idx="13">
                  <c:v>6.5062000000000175E-2</c:v>
                </c:pt>
                <c:pt idx="14">
                  <c:v>7.0066999999999879E-2</c:v>
                </c:pt>
                <c:pt idx="15">
                  <c:v>7.5071999999999584E-2</c:v>
                </c:pt>
                <c:pt idx="16">
                  <c:v>8.0077000000000176E-2</c:v>
                </c:pt>
                <c:pt idx="17">
                  <c:v>8.508099999999974E-2</c:v>
                </c:pt>
                <c:pt idx="18">
                  <c:v>9.0085999999999444E-2</c:v>
                </c:pt>
                <c:pt idx="19">
                  <c:v>9.5091000000000037E-2</c:v>
                </c:pt>
                <c:pt idx="20">
                  <c:v>0.10009599999999974</c:v>
                </c:pt>
                <c:pt idx="21">
                  <c:v>0.10510099999999944</c:v>
                </c:pt>
                <c:pt idx="22">
                  <c:v>0.1101049999999999</c:v>
                </c:pt>
                <c:pt idx="23">
                  <c:v>0.1151099999999996</c:v>
                </c:pt>
                <c:pt idx="24">
                  <c:v>0.12011500000000019</c:v>
                </c:pt>
                <c:pt idx="25">
                  <c:v>0.1251199999999999</c:v>
                </c:pt>
                <c:pt idx="26">
                  <c:v>0.1301249999999996</c:v>
                </c:pt>
                <c:pt idx="27">
                  <c:v>0.13512900000000005</c:v>
                </c:pt>
                <c:pt idx="28">
                  <c:v>0.14013399999999976</c:v>
                </c:pt>
                <c:pt idx="29">
                  <c:v>0.14513899999999946</c:v>
                </c:pt>
                <c:pt idx="30">
                  <c:v>0.15014400000000006</c:v>
                </c:pt>
                <c:pt idx="31">
                  <c:v>0.15514899999999976</c:v>
                </c:pt>
                <c:pt idx="32">
                  <c:v>0.16015300000000021</c:v>
                </c:pt>
                <c:pt idx="33">
                  <c:v>0.16515799999999992</c:v>
                </c:pt>
                <c:pt idx="34">
                  <c:v>0.17016299999999962</c:v>
                </c:pt>
                <c:pt idx="35">
                  <c:v>0.17516800000000021</c:v>
                </c:pt>
                <c:pt idx="36">
                  <c:v>0.18017299999999992</c:v>
                </c:pt>
                <c:pt idx="37">
                  <c:v>0.18517699999999948</c:v>
                </c:pt>
                <c:pt idx="38">
                  <c:v>0.19018200000000007</c:v>
                </c:pt>
                <c:pt idx="39">
                  <c:v>0.19518699999999978</c:v>
                </c:pt>
                <c:pt idx="40">
                  <c:v>0.20019199999999948</c:v>
                </c:pt>
                <c:pt idx="41">
                  <c:v>0.20519700000000007</c:v>
                </c:pt>
                <c:pt idx="42">
                  <c:v>0.21020099999999964</c:v>
                </c:pt>
                <c:pt idx="43">
                  <c:v>0.21520600000000023</c:v>
                </c:pt>
                <c:pt idx="44">
                  <c:v>0.22021099999999993</c:v>
                </c:pt>
                <c:pt idx="45">
                  <c:v>0.22521599999999964</c:v>
                </c:pt>
                <c:pt idx="46">
                  <c:v>0.23022100000000023</c:v>
                </c:pt>
                <c:pt idx="47">
                  <c:v>0.2352249999999998</c:v>
                </c:pt>
                <c:pt idx="48">
                  <c:v>0.2402299999999995</c:v>
                </c:pt>
                <c:pt idx="49">
                  <c:v>0.24523500000000009</c:v>
                </c:pt>
                <c:pt idx="50">
                  <c:v>0.2502399999999998</c:v>
                </c:pt>
                <c:pt idx="51">
                  <c:v>0.2552449999999995</c:v>
                </c:pt>
                <c:pt idx="52">
                  <c:v>0.26024899999999995</c:v>
                </c:pt>
                <c:pt idx="53">
                  <c:v>0.26525399999999966</c:v>
                </c:pt>
                <c:pt idx="54">
                  <c:v>0.27025900000000025</c:v>
                </c:pt>
                <c:pt idx="55">
                  <c:v>0.27526399999999995</c:v>
                </c:pt>
                <c:pt idx="56">
                  <c:v>0.28026899999999966</c:v>
                </c:pt>
                <c:pt idx="57">
                  <c:v>0.28527300000000011</c:v>
                </c:pt>
                <c:pt idx="58">
                  <c:v>0.29027799999999981</c:v>
                </c:pt>
                <c:pt idx="59">
                  <c:v>0.29528299999999952</c:v>
                </c:pt>
                <c:pt idx="60">
                  <c:v>0.30028800000000011</c:v>
                </c:pt>
                <c:pt idx="61">
                  <c:v>0.30529299999999981</c:v>
                </c:pt>
                <c:pt idx="62">
                  <c:v>0.31029700000000027</c:v>
                </c:pt>
                <c:pt idx="63">
                  <c:v>0.31530199999999997</c:v>
                </c:pt>
                <c:pt idx="64">
                  <c:v>0.32030699999999968</c:v>
                </c:pt>
                <c:pt idx="65">
                  <c:v>0.32531200000000027</c:v>
                </c:pt>
                <c:pt idx="66">
                  <c:v>0.33031699999999997</c:v>
                </c:pt>
                <c:pt idx="67">
                  <c:v>0.33532099999999954</c:v>
                </c:pt>
                <c:pt idx="68">
                  <c:v>0.34032600000000013</c:v>
                </c:pt>
                <c:pt idx="69">
                  <c:v>0.34533099999999983</c:v>
                </c:pt>
                <c:pt idx="70">
                  <c:v>0.35033599999999954</c:v>
                </c:pt>
                <c:pt idx="71">
                  <c:v>0.35534100000000013</c:v>
                </c:pt>
                <c:pt idx="72">
                  <c:v>0.36034499999999969</c:v>
                </c:pt>
                <c:pt idx="73">
                  <c:v>0.36535000000000029</c:v>
                </c:pt>
                <c:pt idx="74">
                  <c:v>0.37035499999999999</c:v>
                </c:pt>
                <c:pt idx="75">
                  <c:v>0.37535999999999969</c:v>
                </c:pt>
                <c:pt idx="76">
                  <c:v>0.38036500000000029</c:v>
                </c:pt>
                <c:pt idx="77">
                  <c:v>0.38536899999999985</c:v>
                </c:pt>
                <c:pt idx="78">
                  <c:v>0.39037399999999955</c:v>
                </c:pt>
                <c:pt idx="79">
                  <c:v>0.39537900000000015</c:v>
                </c:pt>
                <c:pt idx="80">
                  <c:v>0.40038399999999985</c:v>
                </c:pt>
                <c:pt idx="81">
                  <c:v>0.40538899999999956</c:v>
                </c:pt>
                <c:pt idx="82">
                  <c:v>0.41039300000000001</c:v>
                </c:pt>
                <c:pt idx="83">
                  <c:v>0.41539799999999971</c:v>
                </c:pt>
                <c:pt idx="84">
                  <c:v>0.4204030000000003</c:v>
                </c:pt>
                <c:pt idx="85">
                  <c:v>0.42540800000000001</c:v>
                </c:pt>
                <c:pt idx="86">
                  <c:v>0.43041299999999971</c:v>
                </c:pt>
                <c:pt idx="87">
                  <c:v>0.43541700000000017</c:v>
                </c:pt>
                <c:pt idx="88">
                  <c:v>0.44042199999999987</c:v>
                </c:pt>
                <c:pt idx="89">
                  <c:v>0.44542699999999957</c:v>
                </c:pt>
                <c:pt idx="90">
                  <c:v>0.45043200000000017</c:v>
                </c:pt>
                <c:pt idx="91">
                  <c:v>0.45543699999999987</c:v>
                </c:pt>
                <c:pt idx="92">
                  <c:v>0.46044100000000032</c:v>
                </c:pt>
                <c:pt idx="93">
                  <c:v>0.46544600000000003</c:v>
                </c:pt>
                <c:pt idx="94">
                  <c:v>0.47045099999999973</c:v>
                </c:pt>
                <c:pt idx="95">
                  <c:v>0.47545600000000032</c:v>
                </c:pt>
                <c:pt idx="96">
                  <c:v>0.48046100000000003</c:v>
                </c:pt>
                <c:pt idx="97">
                  <c:v>0.48546499999999959</c:v>
                </c:pt>
                <c:pt idx="98">
                  <c:v>0.49047000000000018</c:v>
                </c:pt>
                <c:pt idx="99">
                  <c:v>0.49547499999999989</c:v>
                </c:pt>
                <c:pt idx="100">
                  <c:v>0.50047999999999959</c:v>
                </c:pt>
                <c:pt idx="101">
                  <c:v>0.50548500000000018</c:v>
                </c:pt>
                <c:pt idx="102">
                  <c:v>0.51048899999999975</c:v>
                </c:pt>
                <c:pt idx="103">
                  <c:v>0.51549399999999945</c:v>
                </c:pt>
                <c:pt idx="104">
                  <c:v>0.52049900000000004</c:v>
                </c:pt>
                <c:pt idx="105">
                  <c:v>0.52550399999999975</c:v>
                </c:pt>
                <c:pt idx="106">
                  <c:v>0.53050899999999945</c:v>
                </c:pt>
                <c:pt idx="107">
                  <c:v>0.53551299999999991</c:v>
                </c:pt>
                <c:pt idx="108">
                  <c:v>0.54051799999999961</c:v>
                </c:pt>
                <c:pt idx="109">
                  <c:v>0.5455230000000002</c:v>
                </c:pt>
                <c:pt idx="110">
                  <c:v>0.55052799999999991</c:v>
                </c:pt>
                <c:pt idx="111">
                  <c:v>0.55553299999999961</c:v>
                </c:pt>
                <c:pt idx="112">
                  <c:v>0.56053700000000006</c:v>
                </c:pt>
                <c:pt idx="113">
                  <c:v>0.56554199999999977</c:v>
                </c:pt>
                <c:pt idx="114">
                  <c:v>0.57054699999999947</c:v>
                </c:pt>
                <c:pt idx="115">
                  <c:v>0.57555200000000006</c:v>
                </c:pt>
                <c:pt idx="116">
                  <c:v>0.58055699999999977</c:v>
                </c:pt>
                <c:pt idx="117">
                  <c:v>0.58556100000000022</c:v>
                </c:pt>
                <c:pt idx="118">
                  <c:v>0.59056599999999992</c:v>
                </c:pt>
                <c:pt idx="119">
                  <c:v>0.59557099999999963</c:v>
                </c:pt>
                <c:pt idx="120">
                  <c:v>0.60057600000000022</c:v>
                </c:pt>
                <c:pt idx="121">
                  <c:v>0.60558099999999992</c:v>
                </c:pt>
                <c:pt idx="122">
                  <c:v>0.61058499999999949</c:v>
                </c:pt>
                <c:pt idx="123">
                  <c:v>0.61559000000000008</c:v>
                </c:pt>
                <c:pt idx="124">
                  <c:v>0.62059499999999979</c:v>
                </c:pt>
                <c:pt idx="125">
                  <c:v>0.62559999999999949</c:v>
                </c:pt>
                <c:pt idx="126">
                  <c:v>0.63060500000000008</c:v>
                </c:pt>
                <c:pt idx="127">
                  <c:v>0.63560899999999965</c:v>
                </c:pt>
                <c:pt idx="128">
                  <c:v>0.64061400000000024</c:v>
                </c:pt>
                <c:pt idx="129">
                  <c:v>0.64561899999999994</c:v>
                </c:pt>
                <c:pt idx="130">
                  <c:v>0.65062399999999965</c:v>
                </c:pt>
                <c:pt idx="131">
                  <c:v>0.65562900000000024</c:v>
                </c:pt>
                <c:pt idx="132">
                  <c:v>0.6606329999999998</c:v>
                </c:pt>
                <c:pt idx="133">
                  <c:v>0.66563799999999951</c:v>
                </c:pt>
                <c:pt idx="134">
                  <c:v>0.6706430000000001</c:v>
                </c:pt>
                <c:pt idx="135">
                  <c:v>0.6756479999999998</c:v>
                </c:pt>
                <c:pt idx="136">
                  <c:v>0.68065299999999951</c:v>
                </c:pt>
                <c:pt idx="137">
                  <c:v>0.68565699999999996</c:v>
                </c:pt>
                <c:pt idx="138">
                  <c:v>0.69066199999999967</c:v>
                </c:pt>
                <c:pt idx="139">
                  <c:v>0.69566700000000026</c:v>
                </c:pt>
                <c:pt idx="140">
                  <c:v>0.70067199999999996</c:v>
                </c:pt>
                <c:pt idx="141">
                  <c:v>0.70567699999999967</c:v>
                </c:pt>
                <c:pt idx="142">
                  <c:v>0.71068100000000012</c:v>
                </c:pt>
                <c:pt idx="143">
                  <c:v>0.71568599999999982</c:v>
                </c:pt>
                <c:pt idx="144">
                  <c:v>0.72069099999999953</c:v>
                </c:pt>
                <c:pt idx="145">
                  <c:v>0.72569600000000012</c:v>
                </c:pt>
                <c:pt idx="146">
                  <c:v>0.73070099999999982</c:v>
                </c:pt>
                <c:pt idx="147">
                  <c:v>0.73570500000000028</c:v>
                </c:pt>
                <c:pt idx="148">
                  <c:v>0.74070999999999998</c:v>
                </c:pt>
                <c:pt idx="149">
                  <c:v>0.74571499999999968</c:v>
                </c:pt>
                <c:pt idx="150">
                  <c:v>0.75072000000000028</c:v>
                </c:pt>
                <c:pt idx="151">
                  <c:v>0.75572499999999998</c:v>
                </c:pt>
                <c:pt idx="152">
                  <c:v>0.76072899999999954</c:v>
                </c:pt>
                <c:pt idx="153">
                  <c:v>0.76573400000000014</c:v>
                </c:pt>
                <c:pt idx="154">
                  <c:v>0.77073899999999984</c:v>
                </c:pt>
                <c:pt idx="155">
                  <c:v>0.77574399999999955</c:v>
                </c:pt>
                <c:pt idx="156">
                  <c:v>0.78074900000000014</c:v>
                </c:pt>
                <c:pt idx="157">
                  <c:v>0.7857529999999997</c:v>
                </c:pt>
                <c:pt idx="158">
                  <c:v>0.79075800000000029</c:v>
                </c:pt>
                <c:pt idx="159">
                  <c:v>0.795763</c:v>
                </c:pt>
                <c:pt idx="160">
                  <c:v>0.8007679999999997</c:v>
                </c:pt>
                <c:pt idx="161">
                  <c:v>0.80577300000000029</c:v>
                </c:pt>
                <c:pt idx="162">
                  <c:v>0.81077699999999986</c:v>
                </c:pt>
                <c:pt idx="163">
                  <c:v>0.81578199999999956</c:v>
                </c:pt>
                <c:pt idx="164">
                  <c:v>0.82078700000000016</c:v>
                </c:pt>
                <c:pt idx="165">
                  <c:v>0.82579199999999986</c:v>
                </c:pt>
                <c:pt idx="166">
                  <c:v>0.83079699999999956</c:v>
                </c:pt>
                <c:pt idx="167">
                  <c:v>0.83580100000000002</c:v>
                </c:pt>
                <c:pt idx="168">
                  <c:v>0.84080599999999972</c:v>
                </c:pt>
                <c:pt idx="169">
                  <c:v>0.84581100000000031</c:v>
                </c:pt>
                <c:pt idx="170">
                  <c:v>0.85081600000000002</c:v>
                </c:pt>
                <c:pt idx="171">
                  <c:v>0.85582099999999972</c:v>
                </c:pt>
                <c:pt idx="172">
                  <c:v>0.86082500000000017</c:v>
                </c:pt>
                <c:pt idx="173">
                  <c:v>0.86582999999999988</c:v>
                </c:pt>
                <c:pt idx="174">
                  <c:v>0.87083499999999958</c:v>
                </c:pt>
                <c:pt idx="175">
                  <c:v>0.87584000000000017</c:v>
                </c:pt>
                <c:pt idx="176">
                  <c:v>0.88084499999999988</c:v>
                </c:pt>
                <c:pt idx="177">
                  <c:v>0.88584900000000033</c:v>
                </c:pt>
                <c:pt idx="178">
                  <c:v>0.89085400000000003</c:v>
                </c:pt>
                <c:pt idx="179">
                  <c:v>0.89585899999999974</c:v>
                </c:pt>
                <c:pt idx="180">
                  <c:v>0.90086400000000033</c:v>
                </c:pt>
                <c:pt idx="181">
                  <c:v>0.90586900000000004</c:v>
                </c:pt>
                <c:pt idx="182">
                  <c:v>0.9108729999999996</c:v>
                </c:pt>
                <c:pt idx="183">
                  <c:v>0.91587800000000019</c:v>
                </c:pt>
                <c:pt idx="184">
                  <c:v>0.9208829999999999</c:v>
                </c:pt>
                <c:pt idx="185">
                  <c:v>0.9258879999999996</c:v>
                </c:pt>
                <c:pt idx="186">
                  <c:v>0.93089300000000019</c:v>
                </c:pt>
                <c:pt idx="187">
                  <c:v>0.93589699999999976</c:v>
                </c:pt>
                <c:pt idx="188">
                  <c:v>0.94090199999999946</c:v>
                </c:pt>
                <c:pt idx="189">
                  <c:v>0.94590700000000005</c:v>
                </c:pt>
                <c:pt idx="190">
                  <c:v>0.95091199999999976</c:v>
                </c:pt>
                <c:pt idx="191">
                  <c:v>0.95591699999999946</c:v>
                </c:pt>
                <c:pt idx="192">
                  <c:v>0.96092099999999991</c:v>
                </c:pt>
                <c:pt idx="193">
                  <c:v>0.96592599999999962</c:v>
                </c:pt>
                <c:pt idx="194">
                  <c:v>0.97093100000000021</c:v>
                </c:pt>
                <c:pt idx="195">
                  <c:v>0.97593599999999991</c:v>
                </c:pt>
                <c:pt idx="196">
                  <c:v>0.98094099999999962</c:v>
                </c:pt>
                <c:pt idx="197">
                  <c:v>0.98594500000000007</c:v>
                </c:pt>
                <c:pt idx="198">
                  <c:v>0.99094999999999978</c:v>
                </c:pt>
                <c:pt idx="199">
                  <c:v>0.99595499999999948</c:v>
                </c:pt>
                <c:pt idx="200">
                  <c:v>1.0009600000000001</c:v>
                </c:pt>
                <c:pt idx="201">
                  <c:v>1.0059649999999998</c:v>
                </c:pt>
                <c:pt idx="202">
                  <c:v>1.0109690000000002</c:v>
                </c:pt>
                <c:pt idx="203">
                  <c:v>1.0159739999999999</c:v>
                </c:pt>
                <c:pt idx="204">
                  <c:v>1.0209789999999996</c:v>
                </c:pt>
                <c:pt idx="205">
                  <c:v>1.0259840000000002</c:v>
                </c:pt>
                <c:pt idx="206">
                  <c:v>1.0309889999999999</c:v>
                </c:pt>
                <c:pt idx="207">
                  <c:v>1.0359929999999995</c:v>
                </c:pt>
                <c:pt idx="208">
                  <c:v>1.0409980000000001</c:v>
                </c:pt>
                <c:pt idx="209">
                  <c:v>1.0460029999999998</c:v>
                </c:pt>
                <c:pt idx="210">
                  <c:v>1.0510079999999995</c:v>
                </c:pt>
                <c:pt idx="211">
                  <c:v>1.0560130000000001</c:v>
                </c:pt>
                <c:pt idx="212">
                  <c:v>1.0610169999999997</c:v>
                </c:pt>
                <c:pt idx="213">
                  <c:v>1.0660220000000002</c:v>
                </c:pt>
                <c:pt idx="214">
                  <c:v>1.071027</c:v>
                </c:pt>
                <c:pt idx="215">
                  <c:v>1.0760319999999997</c:v>
                </c:pt>
                <c:pt idx="216">
                  <c:v>1.0810370000000002</c:v>
                </c:pt>
                <c:pt idx="217">
                  <c:v>1.0860409999999998</c:v>
                </c:pt>
                <c:pt idx="218">
                  <c:v>1.0910459999999995</c:v>
                </c:pt>
                <c:pt idx="219">
                  <c:v>1.0960510000000001</c:v>
                </c:pt>
                <c:pt idx="220">
                  <c:v>1.1010559999999998</c:v>
                </c:pt>
                <c:pt idx="221">
                  <c:v>1.1060609999999995</c:v>
                </c:pt>
                <c:pt idx="222">
                  <c:v>1.111065</c:v>
                </c:pt>
                <c:pt idx="223">
                  <c:v>1.1160699999999997</c:v>
                </c:pt>
                <c:pt idx="224">
                  <c:v>1.1210750000000003</c:v>
                </c:pt>
                <c:pt idx="225">
                  <c:v>1.12608</c:v>
                </c:pt>
                <c:pt idx="226">
                  <c:v>1.1310849999999997</c:v>
                </c:pt>
                <c:pt idx="227">
                  <c:v>1.1360890000000001</c:v>
                </c:pt>
                <c:pt idx="228">
                  <c:v>1.1410939999999998</c:v>
                </c:pt>
                <c:pt idx="229">
                  <c:v>1.1460989999999995</c:v>
                </c:pt>
                <c:pt idx="230">
                  <c:v>1.1511040000000001</c:v>
                </c:pt>
                <c:pt idx="231">
                  <c:v>1.1561089999999998</c:v>
                </c:pt>
                <c:pt idx="232">
                  <c:v>1.1611130000000003</c:v>
                </c:pt>
                <c:pt idx="233">
                  <c:v>1.166118</c:v>
                </c:pt>
                <c:pt idx="234">
                  <c:v>1.1711229999999997</c:v>
                </c:pt>
                <c:pt idx="235">
                  <c:v>1.1761280000000003</c:v>
                </c:pt>
                <c:pt idx="236">
                  <c:v>1.181133</c:v>
                </c:pt>
                <c:pt idx="237">
                  <c:v>1.1861369999999996</c:v>
                </c:pt>
                <c:pt idx="238">
                  <c:v>1.1911420000000001</c:v>
                </c:pt>
                <c:pt idx="239">
                  <c:v>1.1961469999999998</c:v>
                </c:pt>
                <c:pt idx="240">
                  <c:v>1.2011519999999996</c:v>
                </c:pt>
                <c:pt idx="241">
                  <c:v>1.2061570000000001</c:v>
                </c:pt>
                <c:pt idx="242">
                  <c:v>1.2111609999999997</c:v>
                </c:pt>
                <c:pt idx="243">
                  <c:v>1.2161660000000003</c:v>
                </c:pt>
                <c:pt idx="244">
                  <c:v>1.221171</c:v>
                </c:pt>
                <c:pt idx="245">
                  <c:v>1.2261759999999997</c:v>
                </c:pt>
                <c:pt idx="246">
                  <c:v>1.2311810000000003</c:v>
                </c:pt>
                <c:pt idx="247">
                  <c:v>1.2361849999999999</c:v>
                </c:pt>
                <c:pt idx="248">
                  <c:v>1.2411899999999996</c:v>
                </c:pt>
                <c:pt idx="249">
                  <c:v>1.2461950000000002</c:v>
                </c:pt>
                <c:pt idx="250">
                  <c:v>1.2511999999999999</c:v>
                </c:pt>
                <c:pt idx="251">
                  <c:v>1.2562049999999996</c:v>
                </c:pt>
                <c:pt idx="252">
                  <c:v>1.261209</c:v>
                </c:pt>
                <c:pt idx="253">
                  <c:v>1.2662139999999997</c:v>
                </c:pt>
                <c:pt idx="254">
                  <c:v>1.2712190000000003</c:v>
                </c:pt>
                <c:pt idx="255">
                  <c:v>1.276224</c:v>
                </c:pt>
                <c:pt idx="256">
                  <c:v>1.2812289999999997</c:v>
                </c:pt>
                <c:pt idx="257">
                  <c:v>1.2862330000000002</c:v>
                </c:pt>
                <c:pt idx="258">
                  <c:v>1.2912379999999999</c:v>
                </c:pt>
                <c:pt idx="259">
                  <c:v>1.2962429999999996</c:v>
                </c:pt>
                <c:pt idx="260">
                  <c:v>1.3012480000000002</c:v>
                </c:pt>
                <c:pt idx="261">
                  <c:v>1.3062529999999999</c:v>
                </c:pt>
                <c:pt idx="262">
                  <c:v>1.3112569999999995</c:v>
                </c:pt>
                <c:pt idx="263">
                  <c:v>1.316262</c:v>
                </c:pt>
                <c:pt idx="264">
                  <c:v>1.3212669999999997</c:v>
                </c:pt>
                <c:pt idx="265">
                  <c:v>1.3262719999999995</c:v>
                </c:pt>
                <c:pt idx="266">
                  <c:v>1.331277</c:v>
                </c:pt>
                <c:pt idx="267">
                  <c:v>1.3362809999999996</c:v>
                </c:pt>
                <c:pt idx="268">
                  <c:v>1.3412860000000002</c:v>
                </c:pt>
                <c:pt idx="269">
                  <c:v>1.3462909999999999</c:v>
                </c:pt>
                <c:pt idx="270">
                  <c:v>1.3512959999999996</c:v>
                </c:pt>
                <c:pt idx="271">
                  <c:v>1.3563010000000002</c:v>
                </c:pt>
                <c:pt idx="272">
                  <c:v>1.3613049999999998</c:v>
                </c:pt>
                <c:pt idx="273">
                  <c:v>1.3663099999999995</c:v>
                </c:pt>
                <c:pt idx="274">
                  <c:v>1.3713150000000001</c:v>
                </c:pt>
                <c:pt idx="275">
                  <c:v>1.3763199999999998</c:v>
                </c:pt>
                <c:pt idx="276">
                  <c:v>1.3813249999999995</c:v>
                </c:pt>
                <c:pt idx="277">
                  <c:v>1.3863289999999999</c:v>
                </c:pt>
                <c:pt idx="278">
                  <c:v>1.3913339999999996</c:v>
                </c:pt>
                <c:pt idx="279">
                  <c:v>1.3963390000000002</c:v>
                </c:pt>
                <c:pt idx="280">
                  <c:v>1.4013439999999999</c:v>
                </c:pt>
                <c:pt idx="281">
                  <c:v>1.4063489999999996</c:v>
                </c:pt>
                <c:pt idx="282">
                  <c:v>1.4113530000000001</c:v>
                </c:pt>
                <c:pt idx="283">
                  <c:v>1.4163579999999998</c:v>
                </c:pt>
                <c:pt idx="284">
                  <c:v>1.4213629999999995</c:v>
                </c:pt>
                <c:pt idx="285">
                  <c:v>1.4263680000000001</c:v>
                </c:pt>
                <c:pt idx="286">
                  <c:v>1.4313729999999998</c:v>
                </c:pt>
                <c:pt idx="287">
                  <c:v>1.4363770000000002</c:v>
                </c:pt>
                <c:pt idx="288">
                  <c:v>1.4413819999999999</c:v>
                </c:pt>
                <c:pt idx="289">
                  <c:v>1.4463869999999996</c:v>
                </c:pt>
                <c:pt idx="290">
                  <c:v>1.4513920000000002</c:v>
                </c:pt>
                <c:pt idx="291">
                  <c:v>1.4563969999999999</c:v>
                </c:pt>
                <c:pt idx="292">
                  <c:v>1.4614009999999995</c:v>
                </c:pt>
                <c:pt idx="293">
                  <c:v>1.4664060000000001</c:v>
                </c:pt>
                <c:pt idx="294">
                  <c:v>1.4714109999999998</c:v>
                </c:pt>
                <c:pt idx="295">
                  <c:v>1.4764159999999995</c:v>
                </c:pt>
                <c:pt idx="296">
                  <c:v>1.4814210000000001</c:v>
                </c:pt>
                <c:pt idx="297">
                  <c:v>1.4864249999999997</c:v>
                </c:pt>
                <c:pt idx="298">
                  <c:v>1.4914300000000003</c:v>
                </c:pt>
                <c:pt idx="299">
                  <c:v>1.496435</c:v>
                </c:pt>
                <c:pt idx="300">
                  <c:v>1.5014399999999997</c:v>
                </c:pt>
                <c:pt idx="301">
                  <c:v>1.5064450000000003</c:v>
                </c:pt>
                <c:pt idx="302">
                  <c:v>1.5114489999999998</c:v>
                </c:pt>
                <c:pt idx="303">
                  <c:v>1.5164539999999995</c:v>
                </c:pt>
                <c:pt idx="304">
                  <c:v>1.5214590000000001</c:v>
                </c:pt>
                <c:pt idx="305">
                  <c:v>1.5264639999999998</c:v>
                </c:pt>
                <c:pt idx="306">
                  <c:v>1.5314689999999995</c:v>
                </c:pt>
                <c:pt idx="307">
                  <c:v>1.536473</c:v>
                </c:pt>
                <c:pt idx="308">
                  <c:v>1.5414779999999997</c:v>
                </c:pt>
                <c:pt idx="309">
                  <c:v>1.5464830000000003</c:v>
                </c:pt>
                <c:pt idx="310">
                  <c:v>1.551488</c:v>
                </c:pt>
                <c:pt idx="311">
                  <c:v>1.5564929999999997</c:v>
                </c:pt>
                <c:pt idx="312">
                  <c:v>1.5614970000000001</c:v>
                </c:pt>
                <c:pt idx="313">
                  <c:v>1.5665019999999998</c:v>
                </c:pt>
                <c:pt idx="314">
                  <c:v>1.5715069999999995</c:v>
                </c:pt>
                <c:pt idx="315">
                  <c:v>1.5765120000000001</c:v>
                </c:pt>
                <c:pt idx="316">
                  <c:v>1.5815169999999998</c:v>
                </c:pt>
                <c:pt idx="317">
                  <c:v>1.5865210000000003</c:v>
                </c:pt>
                <c:pt idx="318">
                  <c:v>1.591526</c:v>
                </c:pt>
                <c:pt idx="319">
                  <c:v>1.5965309999999997</c:v>
                </c:pt>
                <c:pt idx="320">
                  <c:v>1.6015360000000003</c:v>
                </c:pt>
                <c:pt idx="321">
                  <c:v>1.606541</c:v>
                </c:pt>
                <c:pt idx="322">
                  <c:v>1.6115449999999996</c:v>
                </c:pt>
                <c:pt idx="323">
                  <c:v>1.6165500000000002</c:v>
                </c:pt>
                <c:pt idx="324">
                  <c:v>1.6215549999999999</c:v>
                </c:pt>
                <c:pt idx="325">
                  <c:v>1.6265599999999996</c:v>
                </c:pt>
                <c:pt idx="326">
                  <c:v>1.6315650000000002</c:v>
                </c:pt>
                <c:pt idx="327">
                  <c:v>1.6365689999999997</c:v>
                </c:pt>
                <c:pt idx="328">
                  <c:v>1.6415739999999994</c:v>
                </c:pt>
                <c:pt idx="329">
                  <c:v>1.646579</c:v>
                </c:pt>
                <c:pt idx="330">
                  <c:v>1.6515840000000006</c:v>
                </c:pt>
                <c:pt idx="331">
                  <c:v>1.6565889999999994</c:v>
                </c:pt>
                <c:pt idx="332">
                  <c:v>1.6615930000000008</c:v>
                </c:pt>
                <c:pt idx="333">
                  <c:v>1.6665979999999996</c:v>
                </c:pt>
                <c:pt idx="334">
                  <c:v>1.6716030000000002</c:v>
                </c:pt>
                <c:pt idx="335">
                  <c:v>1.6766080000000008</c:v>
                </c:pt>
                <c:pt idx="336">
                  <c:v>1.6816129999999996</c:v>
                </c:pt>
                <c:pt idx="337">
                  <c:v>1.6866169999999991</c:v>
                </c:pt>
                <c:pt idx="338">
                  <c:v>1.6916219999999997</c:v>
                </c:pt>
                <c:pt idx="339">
                  <c:v>1.6966270000000003</c:v>
                </c:pt>
                <c:pt idx="340">
                  <c:v>1.7016319999999991</c:v>
                </c:pt>
                <c:pt idx="341">
                  <c:v>1.7066369999999997</c:v>
                </c:pt>
                <c:pt idx="342">
                  <c:v>1.7116409999999993</c:v>
                </c:pt>
                <c:pt idx="343">
                  <c:v>1.7166459999999999</c:v>
                </c:pt>
                <c:pt idx="344">
                  <c:v>1.7216510000000005</c:v>
                </c:pt>
                <c:pt idx="345">
                  <c:v>1.7266559999999993</c:v>
                </c:pt>
                <c:pt idx="346">
                  <c:v>1.7316609999999999</c:v>
                </c:pt>
                <c:pt idx="347">
                  <c:v>1.7366649999999995</c:v>
                </c:pt>
                <c:pt idx="348">
                  <c:v>1.7416700000000001</c:v>
                </c:pt>
                <c:pt idx="349">
                  <c:v>1.7466750000000006</c:v>
                </c:pt>
                <c:pt idx="350">
                  <c:v>1.7516799999999995</c:v>
                </c:pt>
                <c:pt idx="351">
                  <c:v>1.7566850000000001</c:v>
                </c:pt>
                <c:pt idx="352">
                  <c:v>1.7616889999999996</c:v>
                </c:pt>
                <c:pt idx="353">
                  <c:v>1.7666940000000002</c:v>
                </c:pt>
                <c:pt idx="354">
                  <c:v>1.771698999999999</c:v>
                </c:pt>
                <c:pt idx="355">
                  <c:v>1.7767039999999996</c:v>
                </c:pt>
                <c:pt idx="356">
                  <c:v>1.7817090000000002</c:v>
                </c:pt>
                <c:pt idx="357">
                  <c:v>1.7867129999999998</c:v>
                </c:pt>
                <c:pt idx="358">
                  <c:v>1.7917180000000004</c:v>
                </c:pt>
                <c:pt idx="359">
                  <c:v>1.7967229999999992</c:v>
                </c:pt>
                <c:pt idx="360">
                  <c:v>1.8017279999999998</c:v>
                </c:pt>
                <c:pt idx="361">
                  <c:v>1.8067330000000004</c:v>
                </c:pt>
                <c:pt idx="362">
                  <c:v>1.8117369999999999</c:v>
                </c:pt>
                <c:pt idx="363">
                  <c:v>1.8167420000000005</c:v>
                </c:pt>
                <c:pt idx="364">
                  <c:v>1.8217469999999993</c:v>
                </c:pt>
                <c:pt idx="365">
                  <c:v>1.8267519999999999</c:v>
                </c:pt>
                <c:pt idx="366">
                  <c:v>1.8317570000000005</c:v>
                </c:pt>
                <c:pt idx="367">
                  <c:v>1.8367610000000001</c:v>
                </c:pt>
                <c:pt idx="368">
                  <c:v>1.8417660000000007</c:v>
                </c:pt>
                <c:pt idx="369">
                  <c:v>1.8467709999999995</c:v>
                </c:pt>
                <c:pt idx="370">
                  <c:v>1.8517760000000001</c:v>
                </c:pt>
                <c:pt idx="371">
                  <c:v>1.8567810000000007</c:v>
                </c:pt>
                <c:pt idx="372">
                  <c:v>1.8617850000000002</c:v>
                </c:pt>
                <c:pt idx="373">
                  <c:v>1.8667899999999991</c:v>
                </c:pt>
                <c:pt idx="374">
                  <c:v>1.8717949999999997</c:v>
                </c:pt>
                <c:pt idx="375">
                  <c:v>1.8768000000000002</c:v>
                </c:pt>
                <c:pt idx="376">
                  <c:v>1.8818049999999991</c:v>
                </c:pt>
                <c:pt idx="377">
                  <c:v>1.8868090000000004</c:v>
                </c:pt>
                <c:pt idx="378">
                  <c:v>1.8918139999999992</c:v>
                </c:pt>
                <c:pt idx="379">
                  <c:v>1.8968189999999998</c:v>
                </c:pt>
                <c:pt idx="380">
                  <c:v>1.9018240000000004</c:v>
                </c:pt>
                <c:pt idx="381">
                  <c:v>1.9068289999999992</c:v>
                </c:pt>
                <c:pt idx="382">
                  <c:v>1.9118330000000006</c:v>
                </c:pt>
                <c:pt idx="383">
                  <c:v>1.9168379999999994</c:v>
                </c:pt>
                <c:pt idx="384">
                  <c:v>1.921843</c:v>
                </c:pt>
                <c:pt idx="385">
                  <c:v>1.9268480000000006</c:v>
                </c:pt>
                <c:pt idx="386">
                  <c:v>1.9318529999999994</c:v>
                </c:pt>
                <c:pt idx="387">
                  <c:v>1.9368570000000007</c:v>
                </c:pt>
                <c:pt idx="388">
                  <c:v>1.9418619999999995</c:v>
                </c:pt>
                <c:pt idx="389">
                  <c:v>1.9468670000000001</c:v>
                </c:pt>
                <c:pt idx="390">
                  <c:v>1.9518720000000007</c:v>
                </c:pt>
                <c:pt idx="391">
                  <c:v>1.9568769999999995</c:v>
                </c:pt>
                <c:pt idx="392">
                  <c:v>1.9618809999999991</c:v>
                </c:pt>
                <c:pt idx="393">
                  <c:v>1.9668859999999997</c:v>
                </c:pt>
                <c:pt idx="394">
                  <c:v>1.9718910000000003</c:v>
                </c:pt>
                <c:pt idx="395">
                  <c:v>1.9768959999999991</c:v>
                </c:pt>
                <c:pt idx="396">
                  <c:v>1.9819009999999997</c:v>
                </c:pt>
                <c:pt idx="397">
                  <c:v>1.9869049999999993</c:v>
                </c:pt>
                <c:pt idx="398">
                  <c:v>1.9919099999999998</c:v>
                </c:pt>
                <c:pt idx="399">
                  <c:v>1.9969150000000004</c:v>
                </c:pt>
                <c:pt idx="400">
                  <c:v>2.0019199999999993</c:v>
                </c:pt>
                <c:pt idx="401">
                  <c:v>2.0069249999999998</c:v>
                </c:pt>
                <c:pt idx="402">
                  <c:v>2.0119289999999994</c:v>
                </c:pt>
                <c:pt idx="403">
                  <c:v>2.016934</c:v>
                </c:pt>
                <c:pt idx="404">
                  <c:v>2.0219390000000006</c:v>
                </c:pt>
                <c:pt idx="405">
                  <c:v>2.0269439999999994</c:v>
                </c:pt>
                <c:pt idx="406">
                  <c:v>2.031949</c:v>
                </c:pt>
              </c:numCache>
            </c:numRef>
          </c:xVal>
          <c:yVal>
            <c:numRef>
              <c:f>'Multi-150-3s(15)'!$E$2:$E$2661</c:f>
              <c:numCache>
                <c:formatCode>General</c:formatCode>
                <c:ptCount val="2660"/>
                <c:pt idx="0">
                  <c:v>0</c:v>
                </c:pt>
                <c:pt idx="1">
                  <c:v>1.0226259999999456</c:v>
                </c:pt>
                <c:pt idx="2">
                  <c:v>1.8532639999998537</c:v>
                </c:pt>
                <c:pt idx="3">
                  <c:v>2.7667739999999412</c:v>
                </c:pt>
                <c:pt idx="4">
                  <c:v>2.9109439999999722</c:v>
                </c:pt>
                <c:pt idx="5">
                  <c:v>3.4630489999999554</c:v>
                </c:pt>
                <c:pt idx="6">
                  <c:v>3.7552019999998265</c:v>
                </c:pt>
                <c:pt idx="7">
                  <c:v>3.9179289999999583</c:v>
                </c:pt>
                <c:pt idx="8">
                  <c:v>4.1961139999998522</c:v>
                </c:pt>
                <c:pt idx="9">
                  <c:v>4.2405499999999847</c:v>
                </c:pt>
                <c:pt idx="10">
                  <c:v>4.4878989999999703</c:v>
                </c:pt>
                <c:pt idx="11">
                  <c:v>4.7873359999998684</c:v>
                </c:pt>
                <c:pt idx="12">
                  <c:v>4.7305829999997968</c:v>
                </c:pt>
                <c:pt idx="13">
                  <c:v>4.2484999999999218</c:v>
                </c:pt>
                <c:pt idx="14">
                  <c:v>3.5614109999999073</c:v>
                </c:pt>
                <c:pt idx="15">
                  <c:v>3.2878619999999046</c:v>
                </c:pt>
                <c:pt idx="16">
                  <c:v>3.4167229999998199</c:v>
                </c:pt>
                <c:pt idx="17">
                  <c:v>3.8489099999999326</c:v>
                </c:pt>
                <c:pt idx="18">
                  <c:v>4.2601729999998952</c:v>
                </c:pt>
                <c:pt idx="19">
                  <c:v>4.8195899999998346</c:v>
                </c:pt>
                <c:pt idx="20">
                  <c:v>5.434003999999959</c:v>
                </c:pt>
                <c:pt idx="21">
                  <c:v>6.4664169999998649</c:v>
                </c:pt>
                <c:pt idx="22">
                  <c:v>7.4400979999998071</c:v>
                </c:pt>
                <c:pt idx="23">
                  <c:v>8.4336799999998675</c:v>
                </c:pt>
                <c:pt idx="24">
                  <c:v>9.0409079999999449</c:v>
                </c:pt>
                <c:pt idx="25">
                  <c:v>9.5933209999998326</c:v>
                </c:pt>
                <c:pt idx="26">
                  <c:v>9.7214959999998882</c:v>
                </c:pt>
                <c:pt idx="27">
                  <c:v>10.129388999999946</c:v>
                </c:pt>
                <c:pt idx="28">
                  <c:v>10.554685999999947</c:v>
                </c:pt>
                <c:pt idx="29">
                  <c:v>10.49126699999988</c:v>
                </c:pt>
                <c:pt idx="30">
                  <c:v>10.323203999999805</c:v>
                </c:pt>
                <c:pt idx="31">
                  <c:v>9.8227569999999105</c:v>
                </c:pt>
                <c:pt idx="32">
                  <c:v>9.4752719999999044</c:v>
                </c:pt>
                <c:pt idx="33">
                  <c:v>8.9500929999999244</c:v>
                </c:pt>
                <c:pt idx="34">
                  <c:v>8.8458799999998519</c:v>
                </c:pt>
                <c:pt idx="35">
                  <c:v>8.9321479999998701</c:v>
                </c:pt>
                <c:pt idx="36">
                  <c:v>8.7455029999998715</c:v>
                </c:pt>
                <c:pt idx="37">
                  <c:v>8.725921999999855</c:v>
                </c:pt>
                <c:pt idx="38">
                  <c:v>9.6526359999998022</c:v>
                </c:pt>
                <c:pt idx="39">
                  <c:v>10.974622999999838</c:v>
                </c:pt>
                <c:pt idx="40">
                  <c:v>11.862647999999808</c:v>
                </c:pt>
                <c:pt idx="41">
                  <c:v>12.969140999999809</c:v>
                </c:pt>
                <c:pt idx="42">
                  <c:v>14.352045999999973</c:v>
                </c:pt>
                <c:pt idx="43">
                  <c:v>15.774461999999858</c:v>
                </c:pt>
                <c:pt idx="44">
                  <c:v>16.639466999999968</c:v>
                </c:pt>
                <c:pt idx="45">
                  <c:v>16.889271000000008</c:v>
                </c:pt>
                <c:pt idx="46">
                  <c:v>16.483286999999791</c:v>
                </c:pt>
                <c:pt idx="47">
                  <c:v>15.99657400000001</c:v>
                </c:pt>
                <c:pt idx="48">
                  <c:v>15.274378999999954</c:v>
                </c:pt>
                <c:pt idx="49">
                  <c:v>13.88847799999985</c:v>
                </c:pt>
                <c:pt idx="50">
                  <c:v>12.439372999999932</c:v>
                </c:pt>
                <c:pt idx="51">
                  <c:v>11.736351000000013</c:v>
                </c:pt>
                <c:pt idx="52">
                  <c:v>11.552068999999847</c:v>
                </c:pt>
                <c:pt idx="53">
                  <c:v>11.810743999999886</c:v>
                </c:pt>
                <c:pt idx="54">
                  <c:v>11.822535000000016</c:v>
                </c:pt>
                <c:pt idx="55">
                  <c:v>12.003654999999981</c:v>
                </c:pt>
                <c:pt idx="56">
                  <c:v>12.625589999999875</c:v>
                </c:pt>
                <c:pt idx="57">
                  <c:v>13.239680999999791</c:v>
                </c:pt>
                <c:pt idx="58">
                  <c:v>13.877442999999857</c:v>
                </c:pt>
                <c:pt idx="59">
                  <c:v>14.285194999999931</c:v>
                </c:pt>
                <c:pt idx="60">
                  <c:v>14.221547999999984</c:v>
                </c:pt>
                <c:pt idx="61">
                  <c:v>14.534628999999995</c:v>
                </c:pt>
                <c:pt idx="62">
                  <c:v>14.882678999999825</c:v>
                </c:pt>
                <c:pt idx="63">
                  <c:v>15.436333999999988</c:v>
                </c:pt>
                <c:pt idx="64">
                  <c:v>15.99803299999985</c:v>
                </c:pt>
                <c:pt idx="65">
                  <c:v>16.856015999999954</c:v>
                </c:pt>
                <c:pt idx="66">
                  <c:v>17.681215999999949</c:v>
                </c:pt>
                <c:pt idx="67">
                  <c:v>18.604889999999841</c:v>
                </c:pt>
                <c:pt idx="68">
                  <c:v>19.309706000000006</c:v>
                </c:pt>
                <c:pt idx="69">
                  <c:v>19.730724000000009</c:v>
                </c:pt>
                <c:pt idx="70">
                  <c:v>19.620769999999993</c:v>
                </c:pt>
                <c:pt idx="71">
                  <c:v>19.5195369999999</c:v>
                </c:pt>
                <c:pt idx="72">
                  <c:v>18.981654999999819</c:v>
                </c:pt>
                <c:pt idx="73">
                  <c:v>18.336872999999969</c:v>
                </c:pt>
                <c:pt idx="74">
                  <c:v>17.398255999999947</c:v>
                </c:pt>
                <c:pt idx="75">
                  <c:v>16.249165999999832</c:v>
                </c:pt>
                <c:pt idx="76">
                  <c:v>15.079048999999941</c:v>
                </c:pt>
                <c:pt idx="77">
                  <c:v>13.878934999999956</c:v>
                </c:pt>
                <c:pt idx="78">
                  <c:v>12.892556000000013</c:v>
                </c:pt>
                <c:pt idx="79">
                  <c:v>12.29156399999988</c:v>
                </c:pt>
                <c:pt idx="80">
                  <c:v>12.058062999999947</c:v>
                </c:pt>
                <c:pt idx="81">
                  <c:v>12.053708999999799</c:v>
                </c:pt>
                <c:pt idx="82">
                  <c:v>12.397412999999915</c:v>
                </c:pt>
                <c:pt idx="83">
                  <c:v>12.654759999999897</c:v>
                </c:pt>
                <c:pt idx="84">
                  <c:v>13.225026999999955</c:v>
                </c:pt>
                <c:pt idx="85">
                  <c:v>14.048915999999963</c:v>
                </c:pt>
                <c:pt idx="86">
                  <c:v>15.350232000000005</c:v>
                </c:pt>
                <c:pt idx="87">
                  <c:v>17.117330999999922</c:v>
                </c:pt>
                <c:pt idx="88">
                  <c:v>18.780776999999944</c:v>
                </c:pt>
                <c:pt idx="89">
                  <c:v>19.931443999999829</c:v>
                </c:pt>
                <c:pt idx="90">
                  <c:v>20.725307999999814</c:v>
                </c:pt>
                <c:pt idx="91">
                  <c:v>21.447373999999854</c:v>
                </c:pt>
                <c:pt idx="92">
                  <c:v>22.233166999999867</c:v>
                </c:pt>
                <c:pt idx="93">
                  <c:v>22.386074000000008</c:v>
                </c:pt>
                <c:pt idx="94">
                  <c:v>22.212180999999873</c:v>
                </c:pt>
                <c:pt idx="95">
                  <c:v>21.719250999999986</c:v>
                </c:pt>
                <c:pt idx="96">
                  <c:v>20.860107999999855</c:v>
                </c:pt>
                <c:pt idx="97">
                  <c:v>20.238006999999925</c:v>
                </c:pt>
                <c:pt idx="98">
                  <c:v>19.182672999999795</c:v>
                </c:pt>
                <c:pt idx="99">
                  <c:v>18.168101999999863</c:v>
                </c:pt>
                <c:pt idx="100">
                  <c:v>16.671994999999924</c:v>
                </c:pt>
                <c:pt idx="101">
                  <c:v>15.405839999999898</c:v>
                </c:pt>
                <c:pt idx="102">
                  <c:v>14.781581999999844</c:v>
                </c:pt>
                <c:pt idx="103">
                  <c:v>14.012095999999929</c:v>
                </c:pt>
                <c:pt idx="104">
                  <c:v>13.505122999999912</c:v>
                </c:pt>
                <c:pt idx="105">
                  <c:v>13.602995999999848</c:v>
                </c:pt>
                <c:pt idx="106">
                  <c:v>14.443804</c:v>
                </c:pt>
                <c:pt idx="107">
                  <c:v>15.614198999999871</c:v>
                </c:pt>
                <c:pt idx="108">
                  <c:v>16.129574999999932</c:v>
                </c:pt>
                <c:pt idx="109">
                  <c:v>16.994567999999845</c:v>
                </c:pt>
                <c:pt idx="110">
                  <c:v>18.615742999999839</c:v>
                </c:pt>
                <c:pt idx="111">
                  <c:v>20.22835699999996</c:v>
                </c:pt>
                <c:pt idx="112">
                  <c:v>21.71880699999997</c:v>
                </c:pt>
                <c:pt idx="113">
                  <c:v>22.883097999999791</c:v>
                </c:pt>
                <c:pt idx="114">
                  <c:v>23.124289999999974</c:v>
                </c:pt>
                <c:pt idx="115">
                  <c:v>23.071125999999822</c:v>
                </c:pt>
                <c:pt idx="116">
                  <c:v>22.888712999999825</c:v>
                </c:pt>
                <c:pt idx="117">
                  <c:v>22.225462999999991</c:v>
                </c:pt>
                <c:pt idx="118">
                  <c:v>21.690257999999858</c:v>
                </c:pt>
                <c:pt idx="119">
                  <c:v>20.866240999999945</c:v>
                </c:pt>
                <c:pt idx="120">
                  <c:v>19.461737999999968</c:v>
                </c:pt>
                <c:pt idx="121">
                  <c:v>18.046160999999984</c:v>
                </c:pt>
                <c:pt idx="122">
                  <c:v>16.731476999999813</c:v>
                </c:pt>
                <c:pt idx="123">
                  <c:v>15.867308999999977</c:v>
                </c:pt>
                <c:pt idx="124">
                  <c:v>14.954206999999997</c:v>
                </c:pt>
                <c:pt idx="125">
                  <c:v>14.577506999999969</c:v>
                </c:pt>
                <c:pt idx="126">
                  <c:v>14.872699000000011</c:v>
                </c:pt>
                <c:pt idx="127">
                  <c:v>15.483042999999952</c:v>
                </c:pt>
                <c:pt idx="128">
                  <c:v>16.431202999999869</c:v>
                </c:pt>
                <c:pt idx="129">
                  <c:v>17.620669999999791</c:v>
                </c:pt>
                <c:pt idx="130">
                  <c:v>18.775061999999934</c:v>
                </c:pt>
                <c:pt idx="131">
                  <c:v>19.959536999999955</c:v>
                </c:pt>
                <c:pt idx="132">
                  <c:v>21.401736999999912</c:v>
                </c:pt>
                <c:pt idx="133">
                  <c:v>23.041009999999915</c:v>
                </c:pt>
                <c:pt idx="134">
                  <c:v>24.262456999999813</c:v>
                </c:pt>
                <c:pt idx="135">
                  <c:v>24.735539999999901</c:v>
                </c:pt>
                <c:pt idx="136">
                  <c:v>24.480493999999908</c:v>
                </c:pt>
                <c:pt idx="137">
                  <c:v>24.34696699999995</c:v>
                </c:pt>
                <c:pt idx="138">
                  <c:v>23.768338999999969</c:v>
                </c:pt>
                <c:pt idx="139">
                  <c:v>22.769441999999799</c:v>
                </c:pt>
                <c:pt idx="140">
                  <c:v>21.682461999999987</c:v>
                </c:pt>
                <c:pt idx="141">
                  <c:v>20.577195999999958</c:v>
                </c:pt>
                <c:pt idx="142">
                  <c:v>18.980244999999968</c:v>
                </c:pt>
                <c:pt idx="143">
                  <c:v>17.922773000000007</c:v>
                </c:pt>
                <c:pt idx="144">
                  <c:v>17.308502999999973</c:v>
                </c:pt>
                <c:pt idx="145">
                  <c:v>16.71349599999985</c:v>
                </c:pt>
                <c:pt idx="146">
                  <c:v>16.073782999999821</c:v>
                </c:pt>
                <c:pt idx="147">
                  <c:v>15.372634999999946</c:v>
                </c:pt>
                <c:pt idx="148">
                  <c:v>15.405569000000014</c:v>
                </c:pt>
                <c:pt idx="149">
                  <c:v>15.961654999999837</c:v>
                </c:pt>
                <c:pt idx="150">
                  <c:v>16.69134199999985</c:v>
                </c:pt>
                <c:pt idx="151">
                  <c:v>17.430007999999816</c:v>
                </c:pt>
                <c:pt idx="152">
                  <c:v>18.216269999999895</c:v>
                </c:pt>
                <c:pt idx="153">
                  <c:v>19.301344999999856</c:v>
                </c:pt>
                <c:pt idx="154">
                  <c:v>20.894332999999961</c:v>
                </c:pt>
                <c:pt idx="155">
                  <c:v>22.535194999999931</c:v>
                </c:pt>
                <c:pt idx="156">
                  <c:v>23.837724999999864</c:v>
                </c:pt>
                <c:pt idx="157">
                  <c:v>25.353611000000001</c:v>
                </c:pt>
                <c:pt idx="158">
                  <c:v>26.860836999999947</c:v>
                </c:pt>
                <c:pt idx="159">
                  <c:v>27.809740999999804</c:v>
                </c:pt>
                <c:pt idx="160">
                  <c:v>27.975451999999905</c:v>
                </c:pt>
                <c:pt idx="161">
                  <c:v>27.969299999999976</c:v>
                </c:pt>
                <c:pt idx="162">
                  <c:v>27.61904699999991</c:v>
                </c:pt>
                <c:pt idx="163">
                  <c:v>26.555323999999928</c:v>
                </c:pt>
                <c:pt idx="164">
                  <c:v>24.936107999999876</c:v>
                </c:pt>
                <c:pt idx="165">
                  <c:v>23.432741999999962</c:v>
                </c:pt>
                <c:pt idx="166">
                  <c:v>22.41034599999989</c:v>
                </c:pt>
                <c:pt idx="167">
                  <c:v>21.343227999999954</c:v>
                </c:pt>
                <c:pt idx="168">
                  <c:v>20.074192999999923</c:v>
                </c:pt>
                <c:pt idx="169">
                  <c:v>18.825157999999874</c:v>
                </c:pt>
                <c:pt idx="170">
                  <c:v>18.044088999999985</c:v>
                </c:pt>
                <c:pt idx="171">
                  <c:v>17.274670000000015</c:v>
                </c:pt>
                <c:pt idx="172">
                  <c:v>16.757375999999795</c:v>
                </c:pt>
                <c:pt idx="173">
                  <c:v>16.983285999999907</c:v>
                </c:pt>
                <c:pt idx="174">
                  <c:v>17.713470999999799</c:v>
                </c:pt>
                <c:pt idx="175">
                  <c:v>18.624217999999928</c:v>
                </c:pt>
                <c:pt idx="176">
                  <c:v>19.410847999999987</c:v>
                </c:pt>
                <c:pt idx="177">
                  <c:v>20.561713999999938</c:v>
                </c:pt>
                <c:pt idx="178">
                  <c:v>22.134874999999965</c:v>
                </c:pt>
                <c:pt idx="179">
                  <c:v>23.383218999999826</c:v>
                </c:pt>
                <c:pt idx="180">
                  <c:v>24.666909999999916</c:v>
                </c:pt>
                <c:pt idx="181">
                  <c:v>25.740047000000004</c:v>
                </c:pt>
                <c:pt idx="182">
                  <c:v>26.494070999999849</c:v>
                </c:pt>
                <c:pt idx="183">
                  <c:v>27.241011999999955</c:v>
                </c:pt>
                <c:pt idx="184">
                  <c:v>27.426252999999861</c:v>
                </c:pt>
                <c:pt idx="185">
                  <c:v>27.072822999999971</c:v>
                </c:pt>
                <c:pt idx="186">
                  <c:v>26.987492999999859</c:v>
                </c:pt>
                <c:pt idx="187">
                  <c:v>27.288161999999829</c:v>
                </c:pt>
                <c:pt idx="188">
                  <c:v>27.451462999999876</c:v>
                </c:pt>
                <c:pt idx="189">
                  <c:v>27.525662999999895</c:v>
                </c:pt>
                <c:pt idx="190">
                  <c:v>27.511536999999862</c:v>
                </c:pt>
                <c:pt idx="191">
                  <c:v>27.300302999999985</c:v>
                </c:pt>
                <c:pt idx="192">
                  <c:v>26.522627999999941</c:v>
                </c:pt>
                <c:pt idx="193">
                  <c:v>25.895221999999876</c:v>
                </c:pt>
                <c:pt idx="194">
                  <c:v>25.584576999999854</c:v>
                </c:pt>
                <c:pt idx="195">
                  <c:v>25.431887999999844</c:v>
                </c:pt>
                <c:pt idx="196">
                  <c:v>24.99130799999989</c:v>
                </c:pt>
                <c:pt idx="197">
                  <c:v>24.158358999999791</c:v>
                </c:pt>
                <c:pt idx="198">
                  <c:v>23.509747999999945</c:v>
                </c:pt>
                <c:pt idx="199">
                  <c:v>23.370654999999942</c:v>
                </c:pt>
                <c:pt idx="200">
                  <c:v>23.334077999999863</c:v>
                </c:pt>
                <c:pt idx="201">
                  <c:v>23.617690999999922</c:v>
                </c:pt>
                <c:pt idx="202">
                  <c:v>23.808471999999938</c:v>
                </c:pt>
                <c:pt idx="203">
                  <c:v>24.050250999999889</c:v>
                </c:pt>
                <c:pt idx="204">
                  <c:v>24.229981999999836</c:v>
                </c:pt>
                <c:pt idx="205">
                  <c:v>24.399811999999883</c:v>
                </c:pt>
                <c:pt idx="206">
                  <c:v>24.811892999999827</c:v>
                </c:pt>
                <c:pt idx="207">
                  <c:v>25.06021399999986</c:v>
                </c:pt>
                <c:pt idx="208">
                  <c:v>25.154769999999871</c:v>
                </c:pt>
                <c:pt idx="209">
                  <c:v>25.357586999999967</c:v>
                </c:pt>
                <c:pt idx="210">
                  <c:v>25.288495000000012</c:v>
                </c:pt>
                <c:pt idx="211">
                  <c:v>25.263588999999911</c:v>
                </c:pt>
                <c:pt idx="212">
                  <c:v>25.158444999999801</c:v>
                </c:pt>
                <c:pt idx="213">
                  <c:v>25.261304999999993</c:v>
                </c:pt>
                <c:pt idx="214">
                  <c:v>25.51947999999993</c:v>
                </c:pt>
                <c:pt idx="215">
                  <c:v>25.688160999999809</c:v>
                </c:pt>
                <c:pt idx="216">
                  <c:v>25.987272999999959</c:v>
                </c:pt>
                <c:pt idx="217">
                  <c:v>26.350941999999804</c:v>
                </c:pt>
                <c:pt idx="218">
                  <c:v>26.544791999999916</c:v>
                </c:pt>
                <c:pt idx="219">
                  <c:v>26.783375999999862</c:v>
                </c:pt>
                <c:pt idx="220">
                  <c:v>27.299014999999827</c:v>
                </c:pt>
                <c:pt idx="221">
                  <c:v>27.573480999999902</c:v>
                </c:pt>
                <c:pt idx="222">
                  <c:v>27.632624999999962</c:v>
                </c:pt>
                <c:pt idx="223">
                  <c:v>27.570510999999897</c:v>
                </c:pt>
                <c:pt idx="224">
                  <c:v>26.986486999999897</c:v>
                </c:pt>
                <c:pt idx="225">
                  <c:v>26.445163999999977</c:v>
                </c:pt>
                <c:pt idx="226">
                  <c:v>25.841054999999869</c:v>
                </c:pt>
                <c:pt idx="227">
                  <c:v>25.396468999999797</c:v>
                </c:pt>
                <c:pt idx="228">
                  <c:v>25.309789999999794</c:v>
                </c:pt>
                <c:pt idx="229">
                  <c:v>25.262130999999954</c:v>
                </c:pt>
                <c:pt idx="230">
                  <c:v>25.505057999999963</c:v>
                </c:pt>
                <c:pt idx="231">
                  <c:v>25.725794999999835</c:v>
                </c:pt>
                <c:pt idx="232">
                  <c:v>25.923590999999988</c:v>
                </c:pt>
                <c:pt idx="233">
                  <c:v>25.853253999999879</c:v>
                </c:pt>
                <c:pt idx="234">
                  <c:v>26.191818999999896</c:v>
                </c:pt>
                <c:pt idx="235">
                  <c:v>26.529560999999831</c:v>
                </c:pt>
                <c:pt idx="236">
                  <c:v>26.827408999999989</c:v>
                </c:pt>
                <c:pt idx="237">
                  <c:v>27.038135999999895</c:v>
                </c:pt>
                <c:pt idx="238">
                  <c:v>27.399979999999914</c:v>
                </c:pt>
                <c:pt idx="239">
                  <c:v>28.075892999999951</c:v>
                </c:pt>
                <c:pt idx="240">
                  <c:v>28.22620199999983</c:v>
                </c:pt>
                <c:pt idx="241">
                  <c:v>28.197104999999965</c:v>
                </c:pt>
                <c:pt idx="242">
                  <c:v>28.365635999999995</c:v>
                </c:pt>
                <c:pt idx="243">
                  <c:v>28.763355999999931</c:v>
                </c:pt>
                <c:pt idx="244">
                  <c:v>29.302162999999837</c:v>
                </c:pt>
                <c:pt idx="245">
                  <c:v>29.531651999999895</c:v>
                </c:pt>
                <c:pt idx="246">
                  <c:v>29.81667299999981</c:v>
                </c:pt>
                <c:pt idx="247">
                  <c:v>30.025446999999986</c:v>
                </c:pt>
                <c:pt idx="248">
                  <c:v>30.067339999999831</c:v>
                </c:pt>
                <c:pt idx="249">
                  <c:v>30.057108999999855</c:v>
                </c:pt>
                <c:pt idx="250">
                  <c:v>30.500794999999925</c:v>
                </c:pt>
                <c:pt idx="251">
                  <c:v>30.628442999999834</c:v>
                </c:pt>
                <c:pt idx="252">
                  <c:v>30.234201999999868</c:v>
                </c:pt>
                <c:pt idx="253">
                  <c:v>29.928838999999925</c:v>
                </c:pt>
                <c:pt idx="254">
                  <c:v>29.481832999999824</c:v>
                </c:pt>
                <c:pt idx="255">
                  <c:v>29.049230999999963</c:v>
                </c:pt>
                <c:pt idx="256">
                  <c:v>29.048926999999821</c:v>
                </c:pt>
                <c:pt idx="257">
                  <c:v>29.40076299999987</c:v>
                </c:pt>
                <c:pt idx="258">
                  <c:v>30.025045999999975</c:v>
                </c:pt>
                <c:pt idx="259">
                  <c:v>30.706361000000015</c:v>
                </c:pt>
                <c:pt idx="260">
                  <c:v>31.185399999999845</c:v>
                </c:pt>
                <c:pt idx="261">
                  <c:v>31.566347999999834</c:v>
                </c:pt>
                <c:pt idx="262">
                  <c:v>32.185521999999992</c:v>
                </c:pt>
                <c:pt idx="263">
                  <c:v>32.519663999999921</c:v>
                </c:pt>
                <c:pt idx="264">
                  <c:v>32.362061999999924</c:v>
                </c:pt>
                <c:pt idx="265">
                  <c:v>31.962112999999817</c:v>
                </c:pt>
                <c:pt idx="266">
                  <c:v>31.208910999999944</c:v>
                </c:pt>
                <c:pt idx="267">
                  <c:v>30.647973999999977</c:v>
                </c:pt>
                <c:pt idx="268">
                  <c:v>30.197901999999885</c:v>
                </c:pt>
                <c:pt idx="269">
                  <c:v>29.840495999999803</c:v>
                </c:pt>
                <c:pt idx="270">
                  <c:v>29.28140499999995</c:v>
                </c:pt>
                <c:pt idx="271">
                  <c:v>28.482903999999962</c:v>
                </c:pt>
                <c:pt idx="272">
                  <c:v>28.073019999999815</c:v>
                </c:pt>
                <c:pt idx="273">
                  <c:v>27.58224099999984</c:v>
                </c:pt>
                <c:pt idx="274">
                  <c:v>27.075224999999818</c:v>
                </c:pt>
                <c:pt idx="275">
                  <c:v>27.360773999999992</c:v>
                </c:pt>
                <c:pt idx="276">
                  <c:v>27.845648999999867</c:v>
                </c:pt>
                <c:pt idx="277">
                  <c:v>28.692759999999907</c:v>
                </c:pt>
                <c:pt idx="278">
                  <c:v>30.000585999999885</c:v>
                </c:pt>
                <c:pt idx="279">
                  <c:v>31.030303999999887</c:v>
                </c:pt>
                <c:pt idx="280">
                  <c:v>31.965966999999864</c:v>
                </c:pt>
                <c:pt idx="281">
                  <c:v>32.962704999999914</c:v>
                </c:pt>
                <c:pt idx="282">
                  <c:v>33.752205999999887</c:v>
                </c:pt>
                <c:pt idx="283">
                  <c:v>34.42259399999989</c:v>
                </c:pt>
                <c:pt idx="284">
                  <c:v>35.326476999999841</c:v>
                </c:pt>
                <c:pt idx="285">
                  <c:v>35.689687999999933</c:v>
                </c:pt>
                <c:pt idx="286">
                  <c:v>35.905342999999903</c:v>
                </c:pt>
                <c:pt idx="287">
                  <c:v>35.542587999999796</c:v>
                </c:pt>
                <c:pt idx="288">
                  <c:v>34.436735999999883</c:v>
                </c:pt>
                <c:pt idx="289">
                  <c:v>33.509852999999794</c:v>
                </c:pt>
                <c:pt idx="290">
                  <c:v>32.911598999999796</c:v>
                </c:pt>
                <c:pt idx="291">
                  <c:v>32.366233999999849</c:v>
                </c:pt>
                <c:pt idx="292">
                  <c:v>31.833173999999872</c:v>
                </c:pt>
                <c:pt idx="293">
                  <c:v>31.036310999999841</c:v>
                </c:pt>
                <c:pt idx="294">
                  <c:v>30.174434999999903</c:v>
                </c:pt>
                <c:pt idx="295">
                  <c:v>29.786815999999817</c:v>
                </c:pt>
                <c:pt idx="296">
                  <c:v>29.670932999999877</c:v>
                </c:pt>
                <c:pt idx="297">
                  <c:v>29.70309599999996</c:v>
                </c:pt>
                <c:pt idx="298">
                  <c:v>29.783987999999908</c:v>
                </c:pt>
                <c:pt idx="299">
                  <c:v>30.10632099999998</c:v>
                </c:pt>
                <c:pt idx="300">
                  <c:v>30.086411999999882</c:v>
                </c:pt>
                <c:pt idx="301">
                  <c:v>30.590982999999824</c:v>
                </c:pt>
                <c:pt idx="302">
                  <c:v>31.249465999999984</c:v>
                </c:pt>
                <c:pt idx="303">
                  <c:v>32.014730999999983</c:v>
                </c:pt>
                <c:pt idx="304">
                  <c:v>32.701577999999927</c:v>
                </c:pt>
                <c:pt idx="305">
                  <c:v>33.299162999999908</c:v>
                </c:pt>
                <c:pt idx="306">
                  <c:v>33.918288999999959</c:v>
                </c:pt>
                <c:pt idx="307">
                  <c:v>34.532263999999941</c:v>
                </c:pt>
                <c:pt idx="308">
                  <c:v>35.118727999999919</c:v>
                </c:pt>
                <c:pt idx="309">
                  <c:v>35.685231999999814</c:v>
                </c:pt>
                <c:pt idx="310">
                  <c:v>36.472688999999946</c:v>
                </c:pt>
                <c:pt idx="311">
                  <c:v>37.361737999999832</c:v>
                </c:pt>
                <c:pt idx="312">
                  <c:v>37.219188999999915</c:v>
                </c:pt>
                <c:pt idx="313">
                  <c:v>37.042398999999932</c:v>
                </c:pt>
                <c:pt idx="314">
                  <c:v>36.663669999999911</c:v>
                </c:pt>
                <c:pt idx="315">
                  <c:v>36.610110999999961</c:v>
                </c:pt>
                <c:pt idx="316">
                  <c:v>36.531036999999969</c:v>
                </c:pt>
                <c:pt idx="317">
                  <c:v>36.448480999999902</c:v>
                </c:pt>
                <c:pt idx="318">
                  <c:v>36.466890999999805</c:v>
                </c:pt>
                <c:pt idx="319">
                  <c:v>36.17888999999991</c:v>
                </c:pt>
                <c:pt idx="320">
                  <c:v>35.435664999999972</c:v>
                </c:pt>
                <c:pt idx="321">
                  <c:v>35.246005999999852</c:v>
                </c:pt>
                <c:pt idx="322">
                  <c:v>35.089718999999832</c:v>
                </c:pt>
                <c:pt idx="323">
                  <c:v>35.053224999999884</c:v>
                </c:pt>
                <c:pt idx="324">
                  <c:v>34.801823999999897</c:v>
                </c:pt>
                <c:pt idx="325">
                  <c:v>34.639228000000003</c:v>
                </c:pt>
                <c:pt idx="326">
                  <c:v>34.124314999999797</c:v>
                </c:pt>
                <c:pt idx="327">
                  <c:v>33.74220299999979</c:v>
                </c:pt>
                <c:pt idx="328">
                  <c:v>33.987511999999924</c:v>
                </c:pt>
                <c:pt idx="329">
                  <c:v>34.055862999999817</c:v>
                </c:pt>
                <c:pt idx="330">
                  <c:v>33.785717999999861</c:v>
                </c:pt>
                <c:pt idx="331">
                  <c:v>33.497372999999925</c:v>
                </c:pt>
                <c:pt idx="332">
                  <c:v>33.353357999999844</c:v>
                </c:pt>
                <c:pt idx="333">
                  <c:v>33.374638999999888</c:v>
                </c:pt>
                <c:pt idx="334">
                  <c:v>33.545268999999962</c:v>
                </c:pt>
                <c:pt idx="335">
                  <c:v>33.785668999999871</c:v>
                </c:pt>
                <c:pt idx="336">
                  <c:v>33.899193999999852</c:v>
                </c:pt>
                <c:pt idx="337">
                  <c:v>34.252794999999878</c:v>
                </c:pt>
                <c:pt idx="338">
                  <c:v>34.770620999999892</c:v>
                </c:pt>
                <c:pt idx="339">
                  <c:v>35.112079999999878</c:v>
                </c:pt>
                <c:pt idx="340">
                  <c:v>35.580843999999843</c:v>
                </c:pt>
                <c:pt idx="341">
                  <c:v>36.366982999999891</c:v>
                </c:pt>
                <c:pt idx="342">
                  <c:v>37.352574000000004</c:v>
                </c:pt>
                <c:pt idx="343">
                  <c:v>38.051432999999861</c:v>
                </c:pt>
                <c:pt idx="344">
                  <c:v>38.99091999999996</c:v>
                </c:pt>
                <c:pt idx="345">
                  <c:v>40.140264999999999</c:v>
                </c:pt>
                <c:pt idx="346">
                  <c:v>41.106818999999859</c:v>
                </c:pt>
                <c:pt idx="347">
                  <c:v>41.719982999999957</c:v>
                </c:pt>
                <c:pt idx="348">
                  <c:v>41.773632999999791</c:v>
                </c:pt>
                <c:pt idx="349">
                  <c:v>41.459202999999889</c:v>
                </c:pt>
                <c:pt idx="350">
                  <c:v>41.045133999999962</c:v>
                </c:pt>
                <c:pt idx="351">
                  <c:v>40.3013219999998</c:v>
                </c:pt>
                <c:pt idx="352">
                  <c:v>38.895179999999982</c:v>
                </c:pt>
                <c:pt idx="353">
                  <c:v>37.907879999999977</c:v>
                </c:pt>
                <c:pt idx="354">
                  <c:v>36.84687299999996</c:v>
                </c:pt>
                <c:pt idx="355">
                  <c:v>35.379403999999795</c:v>
                </c:pt>
                <c:pt idx="356">
                  <c:v>33.659565999999813</c:v>
                </c:pt>
                <c:pt idx="357">
                  <c:v>32.08762999999999</c:v>
                </c:pt>
                <c:pt idx="358">
                  <c:v>31.22571599999992</c:v>
                </c:pt>
                <c:pt idx="359">
                  <c:v>30.582535999999891</c:v>
                </c:pt>
                <c:pt idx="360">
                  <c:v>30.219108000000006</c:v>
                </c:pt>
                <c:pt idx="361">
                  <c:v>30.39746799999989</c:v>
                </c:pt>
                <c:pt idx="362">
                  <c:v>30.614660999999842</c:v>
                </c:pt>
                <c:pt idx="363">
                  <c:v>30.832443000000012</c:v>
                </c:pt>
                <c:pt idx="364">
                  <c:v>31.052845999999818</c:v>
                </c:pt>
                <c:pt idx="365">
                  <c:v>31.757993999999826</c:v>
                </c:pt>
                <c:pt idx="366">
                  <c:v>32.864552000000003</c:v>
                </c:pt>
                <c:pt idx="367">
                  <c:v>34.208658999999898</c:v>
                </c:pt>
                <c:pt idx="368">
                  <c:v>35.384821999999986</c:v>
                </c:pt>
                <c:pt idx="369">
                  <c:v>36.823234999999841</c:v>
                </c:pt>
                <c:pt idx="370">
                  <c:v>38.17900799999984</c:v>
                </c:pt>
                <c:pt idx="371">
                  <c:v>39.30775699999981</c:v>
                </c:pt>
                <c:pt idx="372">
                  <c:v>40.256693999999925</c:v>
                </c:pt>
                <c:pt idx="373">
                  <c:v>40.833054999999831</c:v>
                </c:pt>
                <c:pt idx="374">
                  <c:v>40.548469999999952</c:v>
                </c:pt>
                <c:pt idx="375">
                  <c:v>40.562708999999813</c:v>
                </c:pt>
                <c:pt idx="376">
                  <c:v>40.392114999999876</c:v>
                </c:pt>
                <c:pt idx="377">
                  <c:v>39.799451999999974</c:v>
                </c:pt>
                <c:pt idx="378">
                  <c:v>38.724161999999978</c:v>
                </c:pt>
                <c:pt idx="379">
                  <c:v>37.589870999999903</c:v>
                </c:pt>
                <c:pt idx="380">
                  <c:v>36.009068999999954</c:v>
                </c:pt>
                <c:pt idx="381">
                  <c:v>34.632862999999816</c:v>
                </c:pt>
                <c:pt idx="382">
                  <c:v>33.124818999999889</c:v>
                </c:pt>
                <c:pt idx="383">
                  <c:v>31.518340999999964</c:v>
                </c:pt>
                <c:pt idx="384">
                  <c:v>30.730714999999918</c:v>
                </c:pt>
                <c:pt idx="385">
                  <c:v>30.287003999999797</c:v>
                </c:pt>
                <c:pt idx="386">
                  <c:v>29.994421999999986</c:v>
                </c:pt>
                <c:pt idx="387">
                  <c:v>30.075620999999956</c:v>
                </c:pt>
                <c:pt idx="388">
                  <c:v>31.048664999999801</c:v>
                </c:pt>
                <c:pt idx="389">
                  <c:v>32.459384</c:v>
                </c:pt>
                <c:pt idx="390">
                  <c:v>34.039343999999801</c:v>
                </c:pt>
                <c:pt idx="391">
                  <c:v>35.933291999999938</c:v>
                </c:pt>
                <c:pt idx="392">
                  <c:v>37.44489499999986</c:v>
                </c:pt>
                <c:pt idx="393">
                  <c:v>38.97277199999985</c:v>
                </c:pt>
                <c:pt idx="394">
                  <c:v>40.381774999999834</c:v>
                </c:pt>
                <c:pt idx="395">
                  <c:v>41.59755599999994</c:v>
                </c:pt>
                <c:pt idx="396">
                  <c:v>42.673440999999912</c:v>
                </c:pt>
                <c:pt idx="397">
                  <c:v>43.971391999999923</c:v>
                </c:pt>
                <c:pt idx="398">
                  <c:v>44.548343999999815</c:v>
                </c:pt>
                <c:pt idx="399">
                  <c:v>44.42174</c:v>
                </c:pt>
                <c:pt idx="400">
                  <c:v>43.591734999999971</c:v>
                </c:pt>
                <c:pt idx="401">
                  <c:v>42.392492999999831</c:v>
                </c:pt>
                <c:pt idx="402">
                  <c:v>40.812575999999808</c:v>
                </c:pt>
                <c:pt idx="403">
                  <c:v>38.672292999999854</c:v>
                </c:pt>
                <c:pt idx="404">
                  <c:v>36.263344999999845</c:v>
                </c:pt>
                <c:pt idx="405">
                  <c:v>34.061113999999861</c:v>
                </c:pt>
                <c:pt idx="406">
                  <c:v>32.14713399999982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A91-47F9-9BCF-5910B223358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96881344"/>
        <c:axId val="896882984"/>
      </c:scatterChart>
      <c:valAx>
        <c:axId val="8968813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2984"/>
        <c:crosses val="autoZero"/>
        <c:crossBetween val="midCat"/>
      </c:valAx>
      <c:valAx>
        <c:axId val="896882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968813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1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0.xml"/><Relationship Id="rId1" Type="http://schemas.openxmlformats.org/officeDocument/2006/relationships/chart" Target="../charts/chart19.xml"/></Relationships>
</file>

<file path=xl/drawings/_rels/drawing1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2.xml"/><Relationship Id="rId1" Type="http://schemas.openxmlformats.org/officeDocument/2006/relationships/chart" Target="../charts/chart21.xml"/></Relationships>
</file>

<file path=xl/drawings/_rels/drawing1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4.xml"/><Relationship Id="rId1" Type="http://schemas.openxmlformats.org/officeDocument/2006/relationships/chart" Target="../charts/chart23.xml"/></Relationships>
</file>

<file path=xl/drawings/_rels/drawing1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6.xml"/><Relationship Id="rId1" Type="http://schemas.openxmlformats.org/officeDocument/2006/relationships/chart" Target="../charts/chart25.xml"/></Relationships>
</file>

<file path=xl/drawings/_rels/drawing1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8.xml"/><Relationship Id="rId1" Type="http://schemas.openxmlformats.org/officeDocument/2006/relationships/chart" Target="../charts/chart27.xml"/></Relationships>
</file>

<file path=xl/drawings/_rels/drawing1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0.xml"/><Relationship Id="rId1" Type="http://schemas.openxmlformats.org/officeDocument/2006/relationships/chart" Target="../charts/chart29.xml"/></Relationships>
</file>

<file path=xl/drawings/_rels/drawing1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2.xml"/><Relationship Id="rId1" Type="http://schemas.openxmlformats.org/officeDocument/2006/relationships/chart" Target="../charts/chart31.xml"/></Relationships>
</file>

<file path=xl/drawings/_rels/drawing1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4.xml"/><Relationship Id="rId1" Type="http://schemas.openxmlformats.org/officeDocument/2006/relationships/chart" Target="../charts/chart33.xml"/></Relationships>
</file>

<file path=xl/drawings/_rels/drawing1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6.xml"/><Relationship Id="rId1" Type="http://schemas.openxmlformats.org/officeDocument/2006/relationships/chart" Target="../charts/chart35.xml"/></Relationships>
</file>

<file path=xl/drawings/_rels/drawing1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8.xml"/><Relationship Id="rId1" Type="http://schemas.openxmlformats.org/officeDocument/2006/relationships/chart" Target="../charts/chart37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2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0.xml"/><Relationship Id="rId1" Type="http://schemas.openxmlformats.org/officeDocument/2006/relationships/chart" Target="../charts/chart39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2.xml"/><Relationship Id="rId1" Type="http://schemas.openxmlformats.org/officeDocument/2006/relationships/chart" Target="../charts/chart11.xml"/></Relationships>
</file>

<file path=xl/drawings/_rels/drawing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4.xml"/><Relationship Id="rId1" Type="http://schemas.openxmlformats.org/officeDocument/2006/relationships/chart" Target="../charts/chart13.xml"/></Relationships>
</file>

<file path=xl/drawings/_rels/drawing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6.xml"/><Relationship Id="rId1" Type="http://schemas.openxmlformats.org/officeDocument/2006/relationships/chart" Target="../charts/chart15.xml"/></Relationships>
</file>

<file path=xl/drawings/_rels/drawing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8.xml"/><Relationship Id="rId1" Type="http://schemas.openxmlformats.org/officeDocument/2006/relationships/chart" Target="../charts/chart17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0</xdr:colOff>
      <xdr:row>3</xdr:row>
      <xdr:rowOff>14287</xdr:rowOff>
    </xdr:from>
    <xdr:to>
      <xdr:col>14</xdr:col>
      <xdr:colOff>457200</xdr:colOff>
      <xdr:row>18</xdr:row>
      <xdr:rowOff>52387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0</xdr:colOff>
      <xdr:row>20</xdr:row>
      <xdr:rowOff>14287</xdr:rowOff>
    </xdr:from>
    <xdr:to>
      <xdr:col>14</xdr:col>
      <xdr:colOff>457200</xdr:colOff>
      <xdr:row>35</xdr:row>
      <xdr:rowOff>42862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0062</xdr:colOff>
      <xdr:row>2</xdr:row>
      <xdr:rowOff>172580</xdr:rowOff>
    </xdr:from>
    <xdr:to>
      <xdr:col>14</xdr:col>
      <xdr:colOff>521350</xdr:colOff>
      <xdr:row>18</xdr:row>
      <xdr:rowOff>16801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682728</xdr:colOff>
      <xdr:row>19</xdr:row>
      <xdr:rowOff>21816</xdr:rowOff>
    </xdr:from>
    <xdr:to>
      <xdr:col>14</xdr:col>
      <xdr:colOff>415413</xdr:colOff>
      <xdr:row>33</xdr:row>
      <xdr:rowOff>180668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86</xdr:colOff>
      <xdr:row>3</xdr:row>
      <xdr:rowOff>31295</xdr:rowOff>
    </xdr:from>
    <xdr:to>
      <xdr:col>14</xdr:col>
      <xdr:colOff>511474</xdr:colOff>
      <xdr:row>18</xdr:row>
      <xdr:rowOff>59871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22498</xdr:colOff>
      <xdr:row>19</xdr:row>
      <xdr:rowOff>147374</xdr:rowOff>
    </xdr:from>
    <xdr:to>
      <xdr:col>14</xdr:col>
      <xdr:colOff>465194</xdr:colOff>
      <xdr:row>35</xdr:row>
      <xdr:rowOff>38486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3432</xdr:colOff>
      <xdr:row>3</xdr:row>
      <xdr:rowOff>16554</xdr:rowOff>
    </xdr:from>
    <xdr:to>
      <xdr:col>14</xdr:col>
      <xdr:colOff>528483</xdr:colOff>
      <xdr:row>18</xdr:row>
      <xdr:rowOff>45129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23529</xdr:colOff>
      <xdr:row>20</xdr:row>
      <xdr:rowOff>33053</xdr:rowOff>
    </xdr:from>
    <xdr:to>
      <xdr:col>14</xdr:col>
      <xdr:colOff>456123</xdr:colOff>
      <xdr:row>35</xdr:row>
      <xdr:rowOff>113222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8080</xdr:colOff>
      <xdr:row>3</xdr:row>
      <xdr:rowOff>1701</xdr:rowOff>
    </xdr:from>
    <xdr:to>
      <xdr:col>14</xdr:col>
      <xdr:colOff>536307</xdr:colOff>
      <xdr:row>16</xdr:row>
      <xdr:rowOff>0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18879</xdr:colOff>
      <xdr:row>17</xdr:row>
      <xdr:rowOff>19559</xdr:rowOff>
    </xdr:from>
    <xdr:to>
      <xdr:col>14</xdr:col>
      <xdr:colOff>457709</xdr:colOff>
      <xdr:row>32</xdr:row>
      <xdr:rowOff>86235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9031</xdr:colOff>
      <xdr:row>3</xdr:row>
      <xdr:rowOff>15988</xdr:rowOff>
    </xdr:from>
    <xdr:to>
      <xdr:col>14</xdr:col>
      <xdr:colOff>520320</xdr:colOff>
      <xdr:row>18</xdr:row>
      <xdr:rowOff>56471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30104</xdr:colOff>
      <xdr:row>20</xdr:row>
      <xdr:rowOff>11735</xdr:rowOff>
    </xdr:from>
    <xdr:to>
      <xdr:col>14</xdr:col>
      <xdr:colOff>468935</xdr:colOff>
      <xdr:row>35</xdr:row>
      <xdr:rowOff>76030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8010</xdr:colOff>
      <xdr:row>3</xdr:row>
      <xdr:rowOff>12586</xdr:rowOff>
    </xdr:from>
    <xdr:to>
      <xdr:col>14</xdr:col>
      <xdr:colOff>516237</xdr:colOff>
      <xdr:row>18</xdr:row>
      <xdr:rowOff>50687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13096</xdr:colOff>
      <xdr:row>18</xdr:row>
      <xdr:rowOff>177743</xdr:rowOff>
    </xdr:from>
    <xdr:to>
      <xdr:col>14</xdr:col>
      <xdr:colOff>448865</xdr:colOff>
      <xdr:row>34</xdr:row>
      <xdr:rowOff>61062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8010</xdr:colOff>
      <xdr:row>3</xdr:row>
      <xdr:rowOff>22110</xdr:rowOff>
    </xdr:from>
    <xdr:to>
      <xdr:col>14</xdr:col>
      <xdr:colOff>516237</xdr:colOff>
      <xdr:row>17</xdr:row>
      <xdr:rowOff>38099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684608</xdr:colOff>
      <xdr:row>18</xdr:row>
      <xdr:rowOff>36060</xdr:rowOff>
    </xdr:from>
    <xdr:to>
      <xdr:col>14</xdr:col>
      <xdr:colOff>434577</xdr:colOff>
      <xdr:row>35</xdr:row>
      <xdr:rowOff>53068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7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665235</xdr:colOff>
      <xdr:row>3</xdr:row>
      <xdr:rowOff>12585</xdr:rowOff>
    </xdr:from>
    <xdr:to>
      <xdr:col>14</xdr:col>
      <xdr:colOff>487662</xdr:colOff>
      <xdr:row>16</xdr:row>
      <xdr:rowOff>133349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2210</xdr:colOff>
      <xdr:row>18</xdr:row>
      <xdr:rowOff>39970</xdr:rowOff>
    </xdr:from>
    <xdr:to>
      <xdr:col>14</xdr:col>
      <xdr:colOff>437979</xdr:colOff>
      <xdr:row>33</xdr:row>
      <xdr:rowOff>104264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8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8010</xdr:colOff>
      <xdr:row>3</xdr:row>
      <xdr:rowOff>22110</xdr:rowOff>
    </xdr:from>
    <xdr:to>
      <xdr:col>14</xdr:col>
      <xdr:colOff>516237</xdr:colOff>
      <xdr:row>16</xdr:row>
      <xdr:rowOff>109351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5303</xdr:colOff>
      <xdr:row>18</xdr:row>
      <xdr:rowOff>13251</xdr:rowOff>
    </xdr:from>
    <xdr:to>
      <xdr:col>14</xdr:col>
      <xdr:colOff>435629</xdr:colOff>
      <xdr:row>33</xdr:row>
      <xdr:rowOff>77545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9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9525</xdr:colOff>
      <xdr:row>3</xdr:row>
      <xdr:rowOff>9525</xdr:rowOff>
    </xdr:from>
    <xdr:to>
      <xdr:col>14</xdr:col>
      <xdr:colOff>466725</xdr:colOff>
      <xdr:row>18</xdr:row>
      <xdr:rowOff>38100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42862</xdr:colOff>
      <xdr:row>20</xdr:row>
      <xdr:rowOff>0</xdr:rowOff>
    </xdr:from>
    <xdr:to>
      <xdr:col>14</xdr:col>
      <xdr:colOff>500062</xdr:colOff>
      <xdr:row>35</xdr:row>
      <xdr:rowOff>28575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1595</xdr:colOff>
      <xdr:row>1</xdr:row>
      <xdr:rowOff>176700</xdr:rowOff>
    </xdr:from>
    <xdr:to>
      <xdr:col>14</xdr:col>
      <xdr:colOff>522883</xdr:colOff>
      <xdr:row>17</xdr:row>
      <xdr:rowOff>19423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676042</xdr:colOff>
      <xdr:row>17</xdr:row>
      <xdr:rowOff>173310</xdr:rowOff>
    </xdr:from>
    <xdr:to>
      <xdr:col>14</xdr:col>
      <xdr:colOff>450695</xdr:colOff>
      <xdr:row>32</xdr:row>
      <xdr:rowOff>128705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0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3812</xdr:colOff>
      <xdr:row>4</xdr:row>
      <xdr:rowOff>9525</xdr:rowOff>
    </xdr:from>
    <xdr:to>
      <xdr:col>14</xdr:col>
      <xdr:colOff>481012</xdr:colOff>
      <xdr:row>19</xdr:row>
      <xdr:rowOff>38100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23812</xdr:colOff>
      <xdr:row>21</xdr:row>
      <xdr:rowOff>19050</xdr:rowOff>
    </xdr:from>
    <xdr:to>
      <xdr:col>14</xdr:col>
      <xdr:colOff>481012</xdr:colOff>
      <xdr:row>36</xdr:row>
      <xdr:rowOff>47625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6990</xdr:colOff>
      <xdr:row>2</xdr:row>
      <xdr:rowOff>175872</xdr:rowOff>
    </xdr:from>
    <xdr:to>
      <xdr:col>14</xdr:col>
      <xdr:colOff>519979</xdr:colOff>
      <xdr:row>18</xdr:row>
      <xdr:rowOff>25854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5953</xdr:colOff>
      <xdr:row>19</xdr:row>
      <xdr:rowOff>9525</xdr:rowOff>
    </xdr:from>
    <xdr:to>
      <xdr:col>14</xdr:col>
      <xdr:colOff>434578</xdr:colOff>
      <xdr:row>34</xdr:row>
      <xdr:rowOff>73819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3658</xdr:colOff>
      <xdr:row>3</xdr:row>
      <xdr:rowOff>14286</xdr:rowOff>
    </xdr:from>
    <xdr:to>
      <xdr:col>14</xdr:col>
      <xdr:colOff>540389</xdr:colOff>
      <xdr:row>18</xdr:row>
      <xdr:rowOff>42862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20410</xdr:colOff>
      <xdr:row>20</xdr:row>
      <xdr:rowOff>16329</xdr:rowOff>
    </xdr:from>
    <xdr:to>
      <xdr:col>14</xdr:col>
      <xdr:colOff>510267</xdr:colOff>
      <xdr:row>35</xdr:row>
      <xdr:rowOff>106136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669317</xdr:colOff>
      <xdr:row>3</xdr:row>
      <xdr:rowOff>1700</xdr:rowOff>
    </xdr:from>
    <xdr:to>
      <xdr:col>14</xdr:col>
      <xdr:colOff>494805</xdr:colOff>
      <xdr:row>18</xdr:row>
      <xdr:rowOff>30276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9524</xdr:colOff>
      <xdr:row>19</xdr:row>
      <xdr:rowOff>0</xdr:rowOff>
    </xdr:from>
    <xdr:to>
      <xdr:col>14</xdr:col>
      <xdr:colOff>466724</xdr:colOff>
      <xdr:row>33</xdr:row>
      <xdr:rowOff>76200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924</xdr:colOff>
      <xdr:row>3</xdr:row>
      <xdr:rowOff>17252</xdr:rowOff>
    </xdr:from>
    <xdr:to>
      <xdr:col>14</xdr:col>
      <xdr:colOff>526977</xdr:colOff>
      <xdr:row>18</xdr:row>
      <xdr:rowOff>45827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684933</xdr:colOff>
      <xdr:row>19</xdr:row>
      <xdr:rowOff>28575</xdr:rowOff>
    </xdr:from>
    <xdr:to>
      <xdr:col>14</xdr:col>
      <xdr:colOff>414770</xdr:colOff>
      <xdr:row>35</xdr:row>
      <xdr:rowOff>866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685207</xdr:colOff>
      <xdr:row>3</xdr:row>
      <xdr:rowOff>19224</xdr:rowOff>
    </xdr:from>
    <xdr:to>
      <xdr:col>14</xdr:col>
      <xdr:colOff>507634</xdr:colOff>
      <xdr:row>18</xdr:row>
      <xdr:rowOff>47800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9518</xdr:colOff>
      <xdr:row>19</xdr:row>
      <xdr:rowOff>8959</xdr:rowOff>
    </xdr:from>
    <xdr:to>
      <xdr:col>14</xdr:col>
      <xdr:colOff>450818</xdr:colOff>
      <xdr:row>34</xdr:row>
      <xdr:rowOff>73254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8305</xdr:colOff>
      <xdr:row>2</xdr:row>
      <xdr:rowOff>168847</xdr:rowOff>
    </xdr:from>
    <xdr:to>
      <xdr:col>14</xdr:col>
      <xdr:colOff>529594</xdr:colOff>
      <xdr:row>18</xdr:row>
      <xdr:rowOff>11063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6627</xdr:colOff>
      <xdr:row>19</xdr:row>
      <xdr:rowOff>7868</xdr:rowOff>
    </xdr:from>
    <xdr:to>
      <xdr:col>14</xdr:col>
      <xdr:colOff>481220</xdr:colOff>
      <xdr:row>33</xdr:row>
      <xdr:rowOff>142046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215</xdr:colOff>
      <xdr:row>3</xdr:row>
      <xdr:rowOff>27334</xdr:rowOff>
    </xdr:from>
    <xdr:to>
      <xdr:col>14</xdr:col>
      <xdr:colOff>469726</xdr:colOff>
      <xdr:row>18</xdr:row>
      <xdr:rowOff>55910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23487</xdr:colOff>
      <xdr:row>20</xdr:row>
      <xdr:rowOff>11482</xdr:rowOff>
    </xdr:from>
    <xdr:to>
      <xdr:col>14</xdr:col>
      <xdr:colOff>446240</xdr:colOff>
      <xdr:row>35</xdr:row>
      <xdr:rowOff>14614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queryTables/queryTable1.xml><?xml version="1.0" encoding="utf-8"?>
<queryTable xmlns="http://schemas.openxmlformats.org/spreadsheetml/2006/main" name="3c 5_2_5_20uN_7 LC" connectionId="3" autoFormatId="16" applyNumberFormats="0" applyBorderFormats="0" applyFontFormats="0" applyPatternFormats="0" applyAlignmentFormats="0" applyWidthHeightFormats="0"/>
</file>

<file path=xl/queryTables/queryTable10.xml><?xml version="1.0" encoding="utf-8"?>
<queryTable xmlns="http://schemas.openxmlformats.org/spreadsheetml/2006/main" name="3c 5_2_5_20uN_7 LC" connectionId="12" autoFormatId="16" applyNumberFormats="0" applyBorderFormats="0" applyFontFormats="0" applyPatternFormats="0" applyAlignmentFormats="0" applyWidthHeightFormats="0"/>
</file>

<file path=xl/queryTables/queryTable11.xml><?xml version="1.0" encoding="utf-8"?>
<queryTable xmlns="http://schemas.openxmlformats.org/spreadsheetml/2006/main" name="3c 5_2_5_20uN_7 LC" connectionId="14" autoFormatId="16" applyNumberFormats="0" applyBorderFormats="0" applyFontFormats="0" applyPatternFormats="0" applyAlignmentFormats="0" applyWidthHeightFormats="0"/>
</file>

<file path=xl/queryTables/queryTable12.xml><?xml version="1.0" encoding="utf-8"?>
<queryTable xmlns="http://schemas.openxmlformats.org/spreadsheetml/2006/main" name="3c 5_2_5_20uN_7 LC" connectionId="13" autoFormatId="16" applyNumberFormats="0" applyBorderFormats="0" applyFontFormats="0" applyPatternFormats="0" applyAlignmentFormats="0" applyWidthHeightFormats="0"/>
</file>

<file path=xl/queryTables/queryTable13.xml><?xml version="1.0" encoding="utf-8"?>
<queryTable xmlns="http://schemas.openxmlformats.org/spreadsheetml/2006/main" name="3c 5_2_5_20uN_7 LC" connectionId="15" autoFormatId="16" applyNumberFormats="0" applyBorderFormats="0" applyFontFormats="0" applyPatternFormats="0" applyAlignmentFormats="0" applyWidthHeightFormats="0"/>
</file>

<file path=xl/queryTables/queryTable14.xml><?xml version="1.0" encoding="utf-8"?>
<queryTable xmlns="http://schemas.openxmlformats.org/spreadsheetml/2006/main" name="3c 5_2_5_20uN_7 LC" connectionId="16" autoFormatId="16" applyNumberFormats="0" applyBorderFormats="0" applyFontFormats="0" applyPatternFormats="0" applyAlignmentFormats="0" applyWidthHeightFormats="0"/>
</file>

<file path=xl/queryTables/queryTable15.xml><?xml version="1.0" encoding="utf-8"?>
<queryTable xmlns="http://schemas.openxmlformats.org/spreadsheetml/2006/main" name="3c 5_2_5_20uN_7 LC" connectionId="17" autoFormatId="16" applyNumberFormats="0" applyBorderFormats="0" applyFontFormats="0" applyPatternFormats="0" applyAlignmentFormats="0" applyWidthHeightFormats="0"/>
</file>

<file path=xl/queryTables/queryTable16.xml><?xml version="1.0" encoding="utf-8"?>
<queryTable xmlns="http://schemas.openxmlformats.org/spreadsheetml/2006/main" name="3c 5_2_5_20uN_7 LC" connectionId="18" autoFormatId="16" applyNumberFormats="0" applyBorderFormats="0" applyFontFormats="0" applyPatternFormats="0" applyAlignmentFormats="0" applyWidthHeightFormats="0"/>
</file>

<file path=xl/queryTables/queryTable17.xml><?xml version="1.0" encoding="utf-8"?>
<queryTable xmlns="http://schemas.openxmlformats.org/spreadsheetml/2006/main" name="3c 5_2_5_20uN_7 LC" connectionId="19" autoFormatId="16" applyNumberFormats="0" applyBorderFormats="0" applyFontFormats="0" applyPatternFormats="0" applyAlignmentFormats="0" applyWidthHeightFormats="0"/>
</file>

<file path=xl/queryTables/queryTable18.xml><?xml version="1.0" encoding="utf-8"?>
<queryTable xmlns="http://schemas.openxmlformats.org/spreadsheetml/2006/main" name="3c 5_2_5_20uN_7 LC" connectionId="20" autoFormatId="16" applyNumberFormats="0" applyBorderFormats="0" applyFontFormats="0" applyPatternFormats="0" applyAlignmentFormats="0" applyWidthHeightFormats="0"/>
</file>

<file path=xl/queryTables/queryTable19.xml><?xml version="1.0" encoding="utf-8"?>
<queryTable xmlns="http://schemas.openxmlformats.org/spreadsheetml/2006/main" name="300_3s_4 5_2_5_30uN_TestB 07 LC" connectionId="1" autoFormatId="16" applyNumberFormats="0" applyBorderFormats="0" applyFontFormats="0" applyPatternFormats="0" applyAlignmentFormats="0" applyWidthHeightFormats="0"/>
</file>

<file path=xl/queryTables/queryTable2.xml><?xml version="1.0" encoding="utf-8"?>
<queryTable xmlns="http://schemas.openxmlformats.org/spreadsheetml/2006/main" name="3c 5_2_5_20uN_7 LC" connectionId="4" autoFormatId="16" applyNumberFormats="0" applyBorderFormats="0" applyFontFormats="0" applyPatternFormats="0" applyAlignmentFormats="0" applyWidthHeightFormats="0"/>
</file>

<file path=xl/queryTables/queryTable20.xml><?xml version="1.0" encoding="utf-8"?>
<queryTable xmlns="http://schemas.openxmlformats.org/spreadsheetml/2006/main" name="37-5_3s_32 5_2_5_20uN_TestB 08. LC" connectionId="2" autoFormatId="16" applyNumberFormats="0" applyBorderFormats="0" applyFontFormats="0" applyPatternFormats="0" applyAlignmentFormats="0" applyWidthHeightFormats="0"/>
</file>

<file path=xl/queryTables/queryTable3.xml><?xml version="1.0" encoding="utf-8"?>
<queryTable xmlns="http://schemas.openxmlformats.org/spreadsheetml/2006/main" name="3c 5_2_5_20uN_7 LC" connectionId="5" autoFormatId="16" applyNumberFormats="0" applyBorderFormats="0" applyFontFormats="0" applyPatternFormats="0" applyAlignmentFormats="0" applyWidthHeightFormats="0"/>
</file>

<file path=xl/queryTables/queryTable4.xml><?xml version="1.0" encoding="utf-8"?>
<queryTable xmlns="http://schemas.openxmlformats.org/spreadsheetml/2006/main" name="3c 5_2_5_20uN_7 LC" connectionId="6" autoFormatId="16" applyNumberFormats="0" applyBorderFormats="0" applyFontFormats="0" applyPatternFormats="0" applyAlignmentFormats="0" applyWidthHeightFormats="0"/>
</file>

<file path=xl/queryTables/queryTable5.xml><?xml version="1.0" encoding="utf-8"?>
<queryTable xmlns="http://schemas.openxmlformats.org/spreadsheetml/2006/main" name="3c 5_2_5_20uN_7 LC" connectionId="7" autoFormatId="16" applyNumberFormats="0" applyBorderFormats="0" applyFontFormats="0" applyPatternFormats="0" applyAlignmentFormats="0" applyWidthHeightFormats="0"/>
</file>

<file path=xl/queryTables/queryTable6.xml><?xml version="1.0" encoding="utf-8"?>
<queryTable xmlns="http://schemas.openxmlformats.org/spreadsheetml/2006/main" name="3c 5_2_5_20uN_7 LC" connectionId="8" autoFormatId="16" applyNumberFormats="0" applyBorderFormats="0" applyFontFormats="0" applyPatternFormats="0" applyAlignmentFormats="0" applyWidthHeightFormats="0"/>
</file>

<file path=xl/queryTables/queryTable7.xml><?xml version="1.0" encoding="utf-8"?>
<queryTable xmlns="http://schemas.openxmlformats.org/spreadsheetml/2006/main" name="3c 5_2_5_20uN_7 LC" connectionId="9" autoFormatId="16" applyNumberFormats="0" applyBorderFormats="0" applyFontFormats="0" applyPatternFormats="0" applyAlignmentFormats="0" applyWidthHeightFormats="0"/>
</file>

<file path=xl/queryTables/queryTable8.xml><?xml version="1.0" encoding="utf-8"?>
<queryTable xmlns="http://schemas.openxmlformats.org/spreadsheetml/2006/main" name="3c 5_2_5_20uN_7 LC" connectionId="10" autoFormatId="16" applyNumberFormats="0" applyBorderFormats="0" applyFontFormats="0" applyPatternFormats="0" applyAlignmentFormats="0" applyWidthHeightFormats="0"/>
</file>

<file path=xl/queryTables/queryTable9.xml><?xml version="1.0" encoding="utf-8"?>
<queryTable xmlns="http://schemas.openxmlformats.org/spreadsheetml/2006/main" name="3c 5_2_5_20uN_7 LC" connectionId="11" autoFormatId="16" applyNumberFormats="0" applyBorderFormats="0" applyFontFormats="0" applyPatternFormats="0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9.xml"/><Relationship Id="rId1" Type="http://schemas.openxmlformats.org/officeDocument/2006/relationships/drawing" Target="../drawings/drawing9.xml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0.xml"/><Relationship Id="rId1" Type="http://schemas.openxmlformats.org/officeDocument/2006/relationships/drawing" Target="../drawings/drawing10.xml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1.xml"/><Relationship Id="rId1" Type="http://schemas.openxmlformats.org/officeDocument/2006/relationships/drawing" Target="../drawings/drawing11.xml"/></Relationships>
</file>

<file path=xl/worksheets/_rels/sheet13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2.xml"/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2.bin"/></Relationships>
</file>

<file path=xl/worksheets/_rels/sheet14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3.xml"/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3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4.xml"/><Relationship Id="rId1" Type="http://schemas.openxmlformats.org/officeDocument/2006/relationships/drawing" Target="../drawings/drawing14.xml"/></Relationships>
</file>

<file path=xl/worksheets/_rels/sheet16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5.xml"/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4.bin"/></Relationships>
</file>

<file path=xl/worksheets/_rels/sheet17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6.xml"/><Relationship Id="rId2" Type="http://schemas.openxmlformats.org/officeDocument/2006/relationships/drawing" Target="../drawings/drawing16.xml"/><Relationship Id="rId1" Type="http://schemas.openxmlformats.org/officeDocument/2006/relationships/printerSettings" Target="../printerSettings/printerSettings5.bin"/></Relationships>
</file>

<file path=xl/worksheets/_rels/sheet18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7.xml"/><Relationship Id="rId2" Type="http://schemas.openxmlformats.org/officeDocument/2006/relationships/drawing" Target="../drawings/drawing17.xml"/><Relationship Id="rId1" Type="http://schemas.openxmlformats.org/officeDocument/2006/relationships/printerSettings" Target="../printerSettings/printerSettings6.bin"/></Relationships>
</file>

<file path=xl/worksheets/_rels/sheet19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8.xml"/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7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drawing" Target="../drawings/drawing1.xml"/></Relationships>
</file>

<file path=xl/worksheets/_rels/sheet20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9.xml"/><Relationship Id="rId2" Type="http://schemas.openxmlformats.org/officeDocument/2006/relationships/drawing" Target="../drawings/drawing19.xml"/><Relationship Id="rId1" Type="http://schemas.openxmlformats.org/officeDocument/2006/relationships/printerSettings" Target="../printerSettings/printerSettings8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20.xml"/><Relationship Id="rId1" Type="http://schemas.openxmlformats.org/officeDocument/2006/relationships/drawing" Target="../drawings/drawing20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2.xml"/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3.xml"/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4.xml"/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5.xml"/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1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6.xml"/><Relationship Id="rId1" Type="http://schemas.openxmlformats.org/officeDocument/2006/relationships/drawing" Target="../drawings/drawing6.xml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7.xml"/><Relationship Id="rId1" Type="http://schemas.openxmlformats.org/officeDocument/2006/relationships/drawing" Target="../drawings/drawing7.xml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8.xml"/><Relationship Id="rId1" Type="http://schemas.openxmlformats.org/officeDocument/2006/relationships/drawing" Target="../drawings/drawing8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0"/>
  <sheetViews>
    <sheetView workbookViewId="0">
      <selection activeCell="H13" sqref="H13"/>
    </sheetView>
  </sheetViews>
  <sheetFormatPr defaultRowHeight="14.25" x14ac:dyDescent="0.2"/>
  <cols>
    <col min="1" max="1" width="22.75" customWidth="1"/>
  </cols>
  <sheetData>
    <row r="1" spans="1:8" x14ac:dyDescent="0.2">
      <c r="B1" s="12" t="s">
        <v>19</v>
      </c>
      <c r="C1" s="12"/>
      <c r="D1" s="12"/>
      <c r="E1" s="12"/>
      <c r="F1" s="12"/>
    </row>
    <row r="2" spans="1:8" x14ac:dyDescent="0.2">
      <c r="B2">
        <v>1</v>
      </c>
      <c r="C2">
        <v>2</v>
      </c>
      <c r="D2">
        <v>3</v>
      </c>
      <c r="E2" t="s">
        <v>0</v>
      </c>
      <c r="F2" t="s">
        <v>1</v>
      </c>
    </row>
    <row r="3" spans="1:8" x14ac:dyDescent="0.2">
      <c r="A3" t="s">
        <v>2</v>
      </c>
      <c r="B3" s="2">
        <v>72.11</v>
      </c>
      <c r="C3" s="2">
        <v>65.260000000000005</v>
      </c>
      <c r="D3" s="2">
        <v>56.33</v>
      </c>
      <c r="E3" s="2">
        <f t="shared" ref="E3:E8" si="0">AVERAGE(B3:D3)</f>
        <v>64.566666666666663</v>
      </c>
      <c r="F3" s="2">
        <f t="shared" ref="F3:F8" si="1">_xlfn.STDEV.S(B3:D3)</f>
        <v>7.9128145013852906</v>
      </c>
    </row>
    <row r="4" spans="1:8" x14ac:dyDescent="0.2">
      <c r="A4" t="s">
        <v>3</v>
      </c>
      <c r="B4" s="2">
        <v>35.118000000000002</v>
      </c>
      <c r="C4" s="2">
        <v>29.501999999999999</v>
      </c>
      <c r="D4" s="2">
        <v>28.684999999999999</v>
      </c>
      <c r="E4" s="2">
        <f t="shared" si="0"/>
        <v>31.10166666666667</v>
      </c>
      <c r="F4" s="2">
        <f t="shared" si="1"/>
        <v>3.5021525285648747</v>
      </c>
    </row>
    <row r="5" spans="1:8" x14ac:dyDescent="0.2">
      <c r="A5" t="s">
        <v>4</v>
      </c>
      <c r="B5" s="2">
        <v>23.68</v>
      </c>
      <c r="C5" s="2">
        <v>22.154</v>
      </c>
      <c r="D5" s="2">
        <v>29.71</v>
      </c>
      <c r="E5" s="2">
        <f t="shared" si="0"/>
        <v>25.181333333333338</v>
      </c>
      <c r="F5" s="2">
        <f t="shared" si="1"/>
        <v>3.9954706022361148</v>
      </c>
    </row>
    <row r="6" spans="1:8" x14ac:dyDescent="0.2">
      <c r="A6" t="s">
        <v>5</v>
      </c>
      <c r="B6" s="2">
        <v>21.048999999999999</v>
      </c>
      <c r="C6" s="2">
        <v>14.679</v>
      </c>
      <c r="D6" s="2">
        <v>19.891999999999999</v>
      </c>
      <c r="E6" s="2">
        <f t="shared" si="0"/>
        <v>18.540000000000003</v>
      </c>
      <c r="F6" s="2">
        <f t="shared" si="1"/>
        <v>3.3933984440380454</v>
      </c>
    </row>
    <row r="7" spans="1:8" x14ac:dyDescent="0.2">
      <c r="A7" t="s">
        <v>6</v>
      </c>
      <c r="B7" s="2">
        <v>7.6449999999999996</v>
      </c>
      <c r="C7" s="2">
        <v>9.2370000000000001</v>
      </c>
      <c r="D7" s="2">
        <v>7.7946</v>
      </c>
      <c r="E7" s="2">
        <f t="shared" si="0"/>
        <v>8.2255333333333329</v>
      </c>
      <c r="F7" s="2">
        <f t="shared" si="1"/>
        <v>0.87914370459745295</v>
      </c>
    </row>
    <row r="8" spans="1:8" x14ac:dyDescent="0.2">
      <c r="A8" t="s">
        <v>7</v>
      </c>
      <c r="B8" s="2">
        <v>4.6779999999999999</v>
      </c>
      <c r="C8" s="2">
        <v>8.8728999999999996</v>
      </c>
      <c r="D8" s="2">
        <v>6.8906999999999998</v>
      </c>
      <c r="E8" s="2">
        <f t="shared" si="0"/>
        <v>6.8138666666666659</v>
      </c>
      <c r="F8" s="2">
        <f t="shared" si="1"/>
        <v>2.0985051878261709</v>
      </c>
    </row>
    <row r="11" spans="1:8" x14ac:dyDescent="0.2">
      <c r="B11" s="12" t="s">
        <v>14</v>
      </c>
      <c r="C11" s="12"/>
      <c r="D11" s="12"/>
      <c r="E11" s="12"/>
      <c r="F11" s="12"/>
    </row>
    <row r="12" spans="1:8" x14ac:dyDescent="0.2">
      <c r="B12">
        <v>1</v>
      </c>
      <c r="C12">
        <v>2</v>
      </c>
      <c r="D12">
        <v>3</v>
      </c>
      <c r="E12" t="s">
        <v>0</v>
      </c>
      <c r="F12" t="s">
        <v>1</v>
      </c>
      <c r="H12" t="s">
        <v>15</v>
      </c>
    </row>
    <row r="13" spans="1:8" x14ac:dyDescent="0.2">
      <c r="A13" t="s">
        <v>2</v>
      </c>
      <c r="B13" s="2">
        <v>5.3</v>
      </c>
      <c r="C13" s="2">
        <v>4.4000000000000004</v>
      </c>
      <c r="D13" s="2">
        <v>4.9000000000000004</v>
      </c>
      <c r="E13" s="8">
        <f t="shared" ref="E13:E18" si="2">AVERAGE(B13:D13)</f>
        <v>4.8666666666666663</v>
      </c>
      <c r="F13" s="8">
        <f t="shared" ref="F13:F18" si="3">_xlfn.STDEV.S(B13:D13)</f>
        <v>0.4509249752822892</v>
      </c>
      <c r="H13" s="7">
        <f>(E13-E14)/E13</f>
        <v>0.16438356164383561</v>
      </c>
    </row>
    <row r="14" spans="1:8" x14ac:dyDescent="0.2">
      <c r="A14" t="s">
        <v>3</v>
      </c>
      <c r="B14" s="2">
        <v>4.3</v>
      </c>
      <c r="C14" s="2">
        <v>4.2</v>
      </c>
      <c r="D14" s="2">
        <v>3.7</v>
      </c>
      <c r="E14" s="8">
        <f t="shared" si="2"/>
        <v>4.0666666666666664</v>
      </c>
      <c r="F14" s="8">
        <f t="shared" si="3"/>
        <v>0.32145502536643172</v>
      </c>
    </row>
    <row r="15" spans="1:8" x14ac:dyDescent="0.2">
      <c r="A15" t="s">
        <v>4</v>
      </c>
      <c r="B15" s="2">
        <v>3.3</v>
      </c>
      <c r="C15" s="2">
        <v>3.8</v>
      </c>
      <c r="D15" s="2">
        <v>4.0999999999999996</v>
      </c>
      <c r="E15" s="8">
        <f t="shared" si="2"/>
        <v>3.7333333333333329</v>
      </c>
      <c r="F15" s="8">
        <f t="shared" si="3"/>
        <v>0.40414518843273795</v>
      </c>
      <c r="H15" s="7">
        <f>(E15-E16)/E15</f>
        <v>0.16964285714285704</v>
      </c>
    </row>
    <row r="16" spans="1:8" x14ac:dyDescent="0.2">
      <c r="A16" t="s">
        <v>5</v>
      </c>
      <c r="B16" s="2">
        <v>3.5</v>
      </c>
      <c r="C16" s="2">
        <v>2.5</v>
      </c>
      <c r="D16" s="2">
        <v>3.3</v>
      </c>
      <c r="E16" s="8">
        <f t="shared" si="2"/>
        <v>3.1</v>
      </c>
      <c r="F16" s="8">
        <f t="shared" si="3"/>
        <v>0.5291502622129175</v>
      </c>
    </row>
    <row r="17" spans="1:8" x14ac:dyDescent="0.2">
      <c r="A17" t="s">
        <v>6</v>
      </c>
      <c r="B17" s="2">
        <v>2.7</v>
      </c>
      <c r="C17" s="2">
        <v>3</v>
      </c>
      <c r="D17" s="2">
        <v>2.5</v>
      </c>
      <c r="E17" s="8">
        <f t="shared" si="2"/>
        <v>2.7333333333333329</v>
      </c>
      <c r="F17" s="8">
        <f t="shared" si="3"/>
        <v>0.25166114784235832</v>
      </c>
      <c r="H17" s="7">
        <f>(E17-E18)/E17</f>
        <v>2.4390243902438942E-2</v>
      </c>
    </row>
    <row r="18" spans="1:8" x14ac:dyDescent="0.2">
      <c r="A18" t="s">
        <v>7</v>
      </c>
      <c r="B18" s="2">
        <v>2.6</v>
      </c>
      <c r="C18" s="2">
        <v>2.7</v>
      </c>
      <c r="D18" s="2">
        <v>2.7</v>
      </c>
      <c r="E18" s="8">
        <f t="shared" si="2"/>
        <v>2.6666666666666665</v>
      </c>
      <c r="F18" s="8">
        <f t="shared" si="3"/>
        <v>5.773502691896263E-2</v>
      </c>
    </row>
    <row r="20" spans="1:8" x14ac:dyDescent="0.2">
      <c r="B20" s="4"/>
      <c r="C20" s="4"/>
      <c r="D20" s="4"/>
    </row>
  </sheetData>
  <mergeCells count="2">
    <mergeCell ref="B1:F1"/>
    <mergeCell ref="B11:F11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19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1292.9610680000001</v>
      </c>
      <c r="B2" s="1">
        <v>19.919502999999999</v>
      </c>
      <c r="C2">
        <v>7.4052860000000003</v>
      </c>
      <c r="D2">
        <f>C2-$C$2</f>
        <v>0</v>
      </c>
      <c r="E2">
        <f>A2-$A$2</f>
        <v>0</v>
      </c>
      <c r="G2" s="3">
        <f>(A416-A417)/A416</f>
        <v>3.6957259022215319E-2</v>
      </c>
    </row>
    <row r="3" spans="1:7" x14ac:dyDescent="0.2">
      <c r="A3">
        <v>1293.7943319999999</v>
      </c>
      <c r="B3">
        <v>19.905677000000001</v>
      </c>
      <c r="C3">
        <v>7.410291</v>
      </c>
      <c r="D3">
        <f t="shared" ref="D3:D6" si="0">C3-$C$2</f>
        <v>5.0049999999997041E-3</v>
      </c>
      <c r="E3">
        <f t="shared" ref="E3:E6" si="1">A3-$A$2</f>
        <v>0.83326399999987188</v>
      </c>
      <c r="F3">
        <f t="shared" ref="F3:F66" si="2">(1/A3)*(E3/D3)</f>
        <v>0.12868066397302622</v>
      </c>
      <c r="G3" s="4">
        <f>G2*100</f>
        <v>3.6957259022215321</v>
      </c>
    </row>
    <row r="4" spans="1:7" x14ac:dyDescent="0.2">
      <c r="A4">
        <v>1294.54241</v>
      </c>
      <c r="B4">
        <v>19.942387</v>
      </c>
      <c r="C4">
        <v>7.4152959999999997</v>
      </c>
      <c r="D4">
        <f t="shared" si="0"/>
        <v>1.0009999999999408E-2</v>
      </c>
      <c r="E4">
        <f t="shared" si="1"/>
        <v>1.5813419999999496</v>
      </c>
      <c r="F4">
        <f t="shared" si="2"/>
        <v>0.12203248233190606</v>
      </c>
    </row>
    <row r="5" spans="1:7" x14ac:dyDescent="0.2">
      <c r="A5">
        <v>1294.960466</v>
      </c>
      <c r="B5">
        <v>19.987826999999999</v>
      </c>
      <c r="C5">
        <v>7.4203010000000003</v>
      </c>
      <c r="D5">
        <f t="shared" si="0"/>
        <v>1.5015000000000001E-2</v>
      </c>
      <c r="E5">
        <f t="shared" si="1"/>
        <v>1.9993979999999283</v>
      </c>
      <c r="F5">
        <f t="shared" si="2"/>
        <v>0.10282942487916476</v>
      </c>
    </row>
    <row r="6" spans="1:7" x14ac:dyDescent="0.2">
      <c r="A6">
        <v>1295.210311</v>
      </c>
      <c r="B6">
        <v>19.979227999999999</v>
      </c>
      <c r="C6">
        <v>7.425306</v>
      </c>
      <c r="D6">
        <f t="shared" si="0"/>
        <v>2.0019999999999705E-2</v>
      </c>
      <c r="E6">
        <f t="shared" si="1"/>
        <v>2.2492429999999786</v>
      </c>
      <c r="F6">
        <f t="shared" si="2"/>
        <v>8.6742515285458358E-2</v>
      </c>
    </row>
    <row r="7" spans="1:7" x14ac:dyDescent="0.2">
      <c r="A7">
        <v>1295.3126070000001</v>
      </c>
      <c r="B7">
        <v>19.999482</v>
      </c>
      <c r="C7">
        <v>7.4303100000000004</v>
      </c>
      <c r="D7">
        <f t="shared" ref="D7:D70" si="3">C7-$C$2</f>
        <v>2.5024000000000157E-2</v>
      </c>
      <c r="E7">
        <f t="shared" ref="E7:E70" si="4">A7-$A$2</f>
        <v>2.3515390000000025</v>
      </c>
      <c r="F7">
        <f t="shared" si="2"/>
        <v>7.2547234542891595E-2</v>
      </c>
    </row>
    <row r="8" spans="1:7" x14ac:dyDescent="0.2">
      <c r="A8">
        <v>1295.984739</v>
      </c>
      <c r="B8">
        <v>19.934835</v>
      </c>
      <c r="C8">
        <v>7.4353150000000001</v>
      </c>
      <c r="D8">
        <f t="shared" si="3"/>
        <v>3.0028999999999861E-2</v>
      </c>
      <c r="E8">
        <f t="shared" si="4"/>
        <v>3.0236709999999221</v>
      </c>
      <c r="F8">
        <f t="shared" si="2"/>
        <v>7.769512633531106E-2</v>
      </c>
    </row>
    <row r="9" spans="1:7" x14ac:dyDescent="0.2">
      <c r="A9">
        <v>1296.7545</v>
      </c>
      <c r="B9">
        <v>19.961839000000001</v>
      </c>
      <c r="C9">
        <v>7.4403199999999998</v>
      </c>
      <c r="D9">
        <f t="shared" si="3"/>
        <v>3.5033999999999565E-2</v>
      </c>
      <c r="E9">
        <f t="shared" si="4"/>
        <v>3.7934319999999389</v>
      </c>
      <c r="F9">
        <f t="shared" si="2"/>
        <v>8.3499680560935416E-2</v>
      </c>
    </row>
    <row r="10" spans="1:7" x14ac:dyDescent="0.2">
      <c r="A10">
        <v>1297.681288</v>
      </c>
      <c r="B10">
        <v>19.948702999999998</v>
      </c>
      <c r="C10">
        <v>7.4453250000000004</v>
      </c>
      <c r="D10">
        <f t="shared" si="3"/>
        <v>4.0039000000000158E-2</v>
      </c>
      <c r="E10">
        <f t="shared" si="4"/>
        <v>4.7202199999999266</v>
      </c>
      <c r="F10">
        <f t="shared" si="2"/>
        <v>9.0847080710320133E-2</v>
      </c>
    </row>
    <row r="11" spans="1:7" x14ac:dyDescent="0.2">
      <c r="A11">
        <v>1299.090725</v>
      </c>
      <c r="B11">
        <v>19.914235999999999</v>
      </c>
      <c r="C11">
        <v>7.4503300000000001</v>
      </c>
      <c r="D11">
        <f t="shared" si="3"/>
        <v>4.5043999999999862E-2</v>
      </c>
      <c r="E11">
        <f t="shared" si="4"/>
        <v>6.1296569999999519</v>
      </c>
      <c r="F11">
        <f t="shared" si="2"/>
        <v>0.10475137715403607</v>
      </c>
    </row>
    <row r="12" spans="1:7" x14ac:dyDescent="0.2">
      <c r="A12">
        <v>1300.6107199999999</v>
      </c>
      <c r="B12">
        <v>19.919044</v>
      </c>
      <c r="C12">
        <v>7.4553339999999997</v>
      </c>
      <c r="D12">
        <f t="shared" si="3"/>
        <v>5.0047999999999426E-2</v>
      </c>
      <c r="E12">
        <f t="shared" si="4"/>
        <v>7.6496519999998327</v>
      </c>
      <c r="F12">
        <f t="shared" si="2"/>
        <v>0.11751887416763369</v>
      </c>
    </row>
    <row r="13" spans="1:7" x14ac:dyDescent="0.2">
      <c r="A13">
        <v>1302.2647850000001</v>
      </c>
      <c r="B13">
        <v>19.930717000000001</v>
      </c>
      <c r="C13">
        <v>7.4603390000000003</v>
      </c>
      <c r="D13">
        <f t="shared" si="3"/>
        <v>5.5053000000000019E-2</v>
      </c>
      <c r="E13">
        <f t="shared" si="4"/>
        <v>9.303717000000006</v>
      </c>
      <c r="F13">
        <f t="shared" si="2"/>
        <v>0.1297705677916699</v>
      </c>
    </row>
    <row r="14" spans="1:7" x14ac:dyDescent="0.2">
      <c r="A14">
        <v>1303.524277</v>
      </c>
      <c r="B14">
        <v>19.938535999999999</v>
      </c>
      <c r="C14">
        <v>7.465344</v>
      </c>
      <c r="D14">
        <f t="shared" si="3"/>
        <v>6.0057999999999723E-2</v>
      </c>
      <c r="E14">
        <f t="shared" si="4"/>
        <v>10.563208999999915</v>
      </c>
      <c r="F14">
        <f t="shared" si="2"/>
        <v>0.1349291806498272</v>
      </c>
    </row>
    <row r="15" spans="1:7" x14ac:dyDescent="0.2">
      <c r="A15">
        <v>1303.987635</v>
      </c>
      <c r="B15">
        <v>19.978031999999999</v>
      </c>
      <c r="C15">
        <v>7.4703489999999997</v>
      </c>
      <c r="D15">
        <f t="shared" si="3"/>
        <v>6.5062999999999427E-2</v>
      </c>
      <c r="E15">
        <f t="shared" si="4"/>
        <v>11.026566999999886</v>
      </c>
      <c r="F15">
        <f t="shared" si="2"/>
        <v>0.12996690087364773</v>
      </c>
    </row>
    <row r="16" spans="1:7" x14ac:dyDescent="0.2">
      <c r="A16">
        <v>1304.7414120000001</v>
      </c>
      <c r="B16">
        <v>19.940159999999999</v>
      </c>
      <c r="C16">
        <v>7.4753540000000003</v>
      </c>
      <c r="D16">
        <f t="shared" si="3"/>
        <v>7.0068000000000019E-2</v>
      </c>
      <c r="E16">
        <f t="shared" si="4"/>
        <v>11.780344000000014</v>
      </c>
      <c r="F16">
        <f t="shared" si="2"/>
        <v>0.12885871741136079</v>
      </c>
    </row>
    <row r="17" spans="1:6" x14ac:dyDescent="0.2">
      <c r="A17">
        <v>1305.84554</v>
      </c>
      <c r="B17">
        <v>19.953047000000002</v>
      </c>
      <c r="C17">
        <v>7.4803579999999998</v>
      </c>
      <c r="D17">
        <f t="shared" si="3"/>
        <v>7.5071999999999584E-2</v>
      </c>
      <c r="E17">
        <f t="shared" si="4"/>
        <v>12.88447199999996</v>
      </c>
      <c r="F17">
        <f t="shared" si="2"/>
        <v>0.13143070269317356</v>
      </c>
    </row>
    <row r="18" spans="1:6" x14ac:dyDescent="0.2">
      <c r="A18">
        <v>1306.916473</v>
      </c>
      <c r="B18">
        <v>19.933291000000001</v>
      </c>
      <c r="C18">
        <v>7.4853630000000004</v>
      </c>
      <c r="D18">
        <f t="shared" si="3"/>
        <v>8.0077000000000176E-2</v>
      </c>
      <c r="E18">
        <f t="shared" si="4"/>
        <v>13.955404999999928</v>
      </c>
      <c r="F18">
        <f t="shared" si="2"/>
        <v>0.13334809575307702</v>
      </c>
    </row>
    <row r="19" spans="1:6" x14ac:dyDescent="0.2">
      <c r="A19">
        <v>1307.8388420000001</v>
      </c>
      <c r="B19">
        <v>19.95532</v>
      </c>
      <c r="C19">
        <v>7.4903680000000001</v>
      </c>
      <c r="D19">
        <f t="shared" si="3"/>
        <v>8.508199999999988E-2</v>
      </c>
      <c r="E19">
        <f t="shared" si="4"/>
        <v>14.877774000000045</v>
      </c>
      <c r="F19">
        <f t="shared" si="2"/>
        <v>0.13370450349392199</v>
      </c>
    </row>
    <row r="20" spans="1:6" x14ac:dyDescent="0.2">
      <c r="A20">
        <v>1308.626771</v>
      </c>
      <c r="B20">
        <v>19.961127999999999</v>
      </c>
      <c r="C20">
        <v>7.4953729999999998</v>
      </c>
      <c r="D20">
        <f t="shared" si="3"/>
        <v>9.0086999999999584E-2</v>
      </c>
      <c r="E20">
        <f t="shared" si="4"/>
        <v>15.665702999999894</v>
      </c>
      <c r="F20">
        <f t="shared" si="2"/>
        <v>0.13288377691891867</v>
      </c>
    </row>
    <row r="21" spans="1:6" x14ac:dyDescent="0.2">
      <c r="A21">
        <v>1309.015504</v>
      </c>
      <c r="B21">
        <v>20.000821999999999</v>
      </c>
      <c r="C21">
        <v>7.5003780000000004</v>
      </c>
      <c r="D21">
        <f t="shared" si="3"/>
        <v>9.5092000000000176E-2</v>
      </c>
      <c r="E21">
        <f t="shared" si="4"/>
        <v>16.054435999999896</v>
      </c>
      <c r="F21">
        <f t="shared" si="2"/>
        <v>0.12897522112565096</v>
      </c>
    </row>
    <row r="22" spans="1:6" x14ac:dyDescent="0.2">
      <c r="A22">
        <v>1309.5611859999999</v>
      </c>
      <c r="B22">
        <v>19.952855</v>
      </c>
      <c r="C22">
        <v>7.505382</v>
      </c>
      <c r="D22">
        <f t="shared" si="3"/>
        <v>0.10009599999999974</v>
      </c>
      <c r="E22">
        <f t="shared" si="4"/>
        <v>16.600117999999839</v>
      </c>
      <c r="F22">
        <f t="shared" si="2"/>
        <v>0.1266393456679312</v>
      </c>
    </row>
    <row r="23" spans="1:6" x14ac:dyDescent="0.2">
      <c r="A23">
        <v>1309.896561</v>
      </c>
      <c r="B23">
        <v>19.991837</v>
      </c>
      <c r="C23">
        <v>7.5103869999999997</v>
      </c>
      <c r="D23">
        <f t="shared" si="3"/>
        <v>0.10510099999999944</v>
      </c>
      <c r="E23">
        <f t="shared" si="4"/>
        <v>16.935492999999951</v>
      </c>
      <c r="F23">
        <f t="shared" si="2"/>
        <v>0.12301384506277475</v>
      </c>
    </row>
    <row r="24" spans="1:6" x14ac:dyDescent="0.2">
      <c r="A24">
        <v>1309.5152230000001</v>
      </c>
      <c r="B24">
        <v>20.034109000000001</v>
      </c>
      <c r="C24">
        <v>7.5153920000000003</v>
      </c>
      <c r="D24">
        <f t="shared" si="3"/>
        <v>0.11010600000000004</v>
      </c>
      <c r="E24">
        <f t="shared" si="4"/>
        <v>16.554155000000037</v>
      </c>
      <c r="F24">
        <f t="shared" si="2"/>
        <v>0.11481152359498446</v>
      </c>
    </row>
    <row r="25" spans="1:6" x14ac:dyDescent="0.2">
      <c r="A25">
        <v>1308.9959899999999</v>
      </c>
      <c r="B25">
        <v>20.024141</v>
      </c>
      <c r="C25">
        <v>7.520397</v>
      </c>
      <c r="D25">
        <f t="shared" si="3"/>
        <v>0.11511099999999974</v>
      </c>
      <c r="E25">
        <f t="shared" si="4"/>
        <v>16.034921999999824</v>
      </c>
      <c r="F25">
        <f t="shared" si="2"/>
        <v>0.10641717084491281</v>
      </c>
    </row>
    <row r="26" spans="1:6" x14ac:dyDescent="0.2">
      <c r="A26">
        <v>1308.2764790000001</v>
      </c>
      <c r="B26">
        <v>20.02739</v>
      </c>
      <c r="C26">
        <v>7.5254019999999997</v>
      </c>
      <c r="D26">
        <f t="shared" si="3"/>
        <v>0.12011599999999945</v>
      </c>
      <c r="E26">
        <f t="shared" si="4"/>
        <v>15.31541100000004</v>
      </c>
      <c r="F26">
        <f t="shared" si="2"/>
        <v>9.7460416088648485E-2</v>
      </c>
    </row>
    <row r="27" spans="1:6" x14ac:dyDescent="0.2">
      <c r="A27">
        <v>1307.863807</v>
      </c>
      <c r="B27">
        <v>20.001536000000002</v>
      </c>
      <c r="C27">
        <v>7.5304060000000002</v>
      </c>
      <c r="D27">
        <f t="shared" si="3"/>
        <v>0.1251199999999999</v>
      </c>
      <c r="E27">
        <f t="shared" si="4"/>
        <v>14.902738999999883</v>
      </c>
      <c r="F27">
        <f t="shared" si="2"/>
        <v>9.1070314887928161E-2</v>
      </c>
    </row>
    <row r="28" spans="1:6" x14ac:dyDescent="0.2">
      <c r="A28">
        <v>1307.82377</v>
      </c>
      <c r="B28">
        <v>20.012584</v>
      </c>
      <c r="C28">
        <v>7.5354109999999999</v>
      </c>
      <c r="D28">
        <f t="shared" si="3"/>
        <v>0.1301249999999996</v>
      </c>
      <c r="E28">
        <f t="shared" si="4"/>
        <v>14.862701999999899</v>
      </c>
      <c r="F28">
        <f t="shared" si="2"/>
        <v>8.7334894744136318E-2</v>
      </c>
    </row>
    <row r="29" spans="1:6" x14ac:dyDescent="0.2">
      <c r="A29">
        <v>1307.734166</v>
      </c>
      <c r="B29">
        <v>20.002701999999999</v>
      </c>
      <c r="C29">
        <v>7.5404159999999996</v>
      </c>
      <c r="D29">
        <f t="shared" si="3"/>
        <v>0.13512999999999931</v>
      </c>
      <c r="E29">
        <f t="shared" si="4"/>
        <v>14.773097999999891</v>
      </c>
      <c r="F29">
        <f t="shared" si="2"/>
        <v>8.3598855482546724E-2</v>
      </c>
    </row>
    <row r="30" spans="1:6" x14ac:dyDescent="0.2">
      <c r="A30">
        <v>1307.5039690000001</v>
      </c>
      <c r="B30">
        <v>19.996585</v>
      </c>
      <c r="C30">
        <v>7.5454210000000002</v>
      </c>
      <c r="D30">
        <f t="shared" si="3"/>
        <v>0.1401349999999999</v>
      </c>
      <c r="E30">
        <f t="shared" si="4"/>
        <v>14.542901000000029</v>
      </c>
      <c r="F30">
        <f t="shared" si="2"/>
        <v>7.9370919938382481E-2</v>
      </c>
    </row>
    <row r="31" spans="1:6" x14ac:dyDescent="0.2">
      <c r="A31">
        <v>1307.264688</v>
      </c>
      <c r="B31">
        <v>20.000934000000001</v>
      </c>
      <c r="C31">
        <v>7.5504259999999999</v>
      </c>
      <c r="D31">
        <f t="shared" si="3"/>
        <v>0.1451399999999996</v>
      </c>
      <c r="E31">
        <f t="shared" si="4"/>
        <v>14.30361999999991</v>
      </c>
      <c r="F31">
        <f t="shared" si="2"/>
        <v>7.5386801056662817E-2</v>
      </c>
    </row>
    <row r="32" spans="1:6" x14ac:dyDescent="0.2">
      <c r="A32">
        <v>1307.2241320000001</v>
      </c>
      <c r="B32">
        <v>19.983121000000001</v>
      </c>
      <c r="C32">
        <v>7.5554300000000003</v>
      </c>
      <c r="D32">
        <f t="shared" si="3"/>
        <v>0.15014400000000006</v>
      </c>
      <c r="E32">
        <f t="shared" si="4"/>
        <v>14.263063999999986</v>
      </c>
      <c r="F32">
        <f t="shared" si="2"/>
        <v>7.2669938495254258E-2</v>
      </c>
    </row>
    <row r="33" spans="1:6" x14ac:dyDescent="0.2">
      <c r="A33">
        <v>1307.3728980000001</v>
      </c>
      <c r="B33">
        <v>20.002296000000001</v>
      </c>
      <c r="C33">
        <v>7.560435</v>
      </c>
      <c r="D33">
        <f t="shared" si="3"/>
        <v>0.15514899999999976</v>
      </c>
      <c r="E33">
        <f t="shared" si="4"/>
        <v>14.411830000000009</v>
      </c>
      <c r="F33">
        <f t="shared" si="2"/>
        <v>7.1051078102565418E-2</v>
      </c>
    </row>
    <row r="34" spans="1:6" x14ac:dyDescent="0.2">
      <c r="A34">
        <v>1307.9431870000001</v>
      </c>
      <c r="B34">
        <v>19.956557</v>
      </c>
      <c r="C34">
        <v>7.5654399999999997</v>
      </c>
      <c r="D34">
        <f t="shared" si="3"/>
        <v>0.16015399999999946</v>
      </c>
      <c r="E34">
        <f t="shared" si="4"/>
        <v>14.982119000000012</v>
      </c>
      <c r="F34">
        <f t="shared" si="2"/>
        <v>7.1523139945092656E-2</v>
      </c>
    </row>
    <row r="35" spans="1:6" x14ac:dyDescent="0.2">
      <c r="A35">
        <v>1308.7313140000001</v>
      </c>
      <c r="B35">
        <v>19.961981000000002</v>
      </c>
      <c r="C35">
        <v>7.5704450000000003</v>
      </c>
      <c r="D35">
        <f t="shared" si="3"/>
        <v>0.16515900000000006</v>
      </c>
      <c r="E35">
        <f t="shared" si="4"/>
        <v>15.770246000000043</v>
      </c>
      <c r="F35">
        <f t="shared" si="2"/>
        <v>7.2960151880180762E-2</v>
      </c>
    </row>
    <row r="36" spans="1:6" x14ac:dyDescent="0.2">
      <c r="A36">
        <v>1308.9462100000001</v>
      </c>
      <c r="B36">
        <v>19.992182</v>
      </c>
      <c r="C36">
        <v>7.57545</v>
      </c>
      <c r="D36">
        <f t="shared" si="3"/>
        <v>0.17016399999999976</v>
      </c>
      <c r="E36">
        <f t="shared" si="4"/>
        <v>15.985141999999996</v>
      </c>
      <c r="F36">
        <f t="shared" si="2"/>
        <v>7.1767366935556381E-2</v>
      </c>
    </row>
    <row r="37" spans="1:6" x14ac:dyDescent="0.2">
      <c r="A37">
        <v>1309.1999639999999</v>
      </c>
      <c r="B37">
        <v>19.994693000000002</v>
      </c>
      <c r="C37">
        <v>7.5804539999999996</v>
      </c>
      <c r="D37">
        <f t="shared" si="3"/>
        <v>0.17516799999999932</v>
      </c>
      <c r="E37">
        <f t="shared" si="4"/>
        <v>16.238895999999841</v>
      </c>
      <c r="F37">
        <f t="shared" si="2"/>
        <v>7.0810187496649135E-2</v>
      </c>
    </row>
    <row r="38" spans="1:6" x14ac:dyDescent="0.2">
      <c r="A38">
        <v>1309.4453129999999</v>
      </c>
      <c r="B38">
        <v>19.972767999999999</v>
      </c>
      <c r="C38">
        <v>7.5854590000000002</v>
      </c>
      <c r="D38">
        <f t="shared" si="3"/>
        <v>0.18017299999999992</v>
      </c>
      <c r="E38">
        <f t="shared" si="4"/>
        <v>16.484244999999873</v>
      </c>
      <c r="F38">
        <f t="shared" si="2"/>
        <v>6.9870199821430404E-2</v>
      </c>
    </row>
    <row r="39" spans="1:6" x14ac:dyDescent="0.2">
      <c r="A39">
        <v>1309.9839999999999</v>
      </c>
      <c r="B39">
        <v>19.966401999999999</v>
      </c>
      <c r="C39">
        <v>7.5904639999999999</v>
      </c>
      <c r="D39">
        <f t="shared" si="3"/>
        <v>0.18517799999999962</v>
      </c>
      <c r="E39">
        <f t="shared" si="4"/>
        <v>17.022931999999855</v>
      </c>
      <c r="F39">
        <f t="shared" si="2"/>
        <v>7.0174444560470381E-2</v>
      </c>
    </row>
    <row r="40" spans="1:6" x14ac:dyDescent="0.2">
      <c r="A40">
        <v>1310.8227589999999</v>
      </c>
      <c r="B40">
        <v>19.959714000000002</v>
      </c>
      <c r="C40">
        <v>7.5954689999999996</v>
      </c>
      <c r="D40">
        <f t="shared" si="3"/>
        <v>0.19018299999999932</v>
      </c>
      <c r="E40">
        <f t="shared" si="4"/>
        <v>17.861690999999837</v>
      </c>
      <c r="F40">
        <f t="shared" si="2"/>
        <v>7.164846739695932E-2</v>
      </c>
    </row>
    <row r="41" spans="1:6" x14ac:dyDescent="0.2">
      <c r="A41">
        <v>1311.4207120000001</v>
      </c>
      <c r="B41">
        <v>19.953537000000001</v>
      </c>
      <c r="C41">
        <v>7.6004740000000002</v>
      </c>
      <c r="D41">
        <f t="shared" si="3"/>
        <v>0.19518799999999992</v>
      </c>
      <c r="E41">
        <f t="shared" si="4"/>
        <v>18.459644000000026</v>
      </c>
      <c r="F41">
        <f t="shared" si="2"/>
        <v>7.2115425240673214E-2</v>
      </c>
    </row>
    <row r="42" spans="1:6" x14ac:dyDescent="0.2">
      <c r="A42">
        <v>1311.8639840000001</v>
      </c>
      <c r="B42">
        <v>19.993783000000001</v>
      </c>
      <c r="C42">
        <v>7.6054779999999997</v>
      </c>
      <c r="D42">
        <f t="shared" si="3"/>
        <v>0.20019199999999948</v>
      </c>
      <c r="E42">
        <f t="shared" si="4"/>
        <v>18.902916000000005</v>
      </c>
      <c r="F42">
        <f t="shared" si="2"/>
        <v>7.1976923046846095E-2</v>
      </c>
    </row>
    <row r="43" spans="1:6" x14ac:dyDescent="0.2">
      <c r="A43">
        <v>1312.6747009999999</v>
      </c>
      <c r="B43">
        <v>19.941272999999999</v>
      </c>
      <c r="C43">
        <v>7.6104830000000003</v>
      </c>
      <c r="D43">
        <f t="shared" si="3"/>
        <v>0.20519700000000007</v>
      </c>
      <c r="E43">
        <f t="shared" si="4"/>
        <v>19.713632999999845</v>
      </c>
      <c r="F43">
        <f t="shared" si="2"/>
        <v>7.318777511422718E-2</v>
      </c>
    </row>
    <row r="44" spans="1:6" x14ac:dyDescent="0.2">
      <c r="A44">
        <v>1313.5314840000001</v>
      </c>
      <c r="B44">
        <v>19.971160999999999</v>
      </c>
      <c r="C44">
        <v>7.615488</v>
      </c>
      <c r="D44">
        <f t="shared" si="3"/>
        <v>0.21020199999999978</v>
      </c>
      <c r="E44">
        <f t="shared" si="4"/>
        <v>20.570416000000023</v>
      </c>
      <c r="F44">
        <f t="shared" si="2"/>
        <v>7.4501624723772614E-2</v>
      </c>
    </row>
    <row r="45" spans="1:6" x14ac:dyDescent="0.2">
      <c r="A45">
        <v>1313.9108120000001</v>
      </c>
      <c r="B45">
        <v>19.992293</v>
      </c>
      <c r="C45">
        <v>7.6204929999999997</v>
      </c>
      <c r="D45">
        <f t="shared" si="3"/>
        <v>0.21520699999999948</v>
      </c>
      <c r="E45">
        <f t="shared" si="4"/>
        <v>20.94974400000001</v>
      </c>
      <c r="F45">
        <f t="shared" si="2"/>
        <v>7.4089461891357108E-2</v>
      </c>
    </row>
    <row r="46" spans="1:6" x14ac:dyDescent="0.2">
      <c r="A46">
        <v>1314.321604</v>
      </c>
      <c r="B46">
        <v>19.950696000000001</v>
      </c>
      <c r="C46">
        <v>7.6254980000000003</v>
      </c>
      <c r="D46">
        <f t="shared" si="3"/>
        <v>0.22021200000000007</v>
      </c>
      <c r="E46">
        <f t="shared" si="4"/>
        <v>21.360535999999911</v>
      </c>
      <c r="F46">
        <f t="shared" si="2"/>
        <v>7.3802235734838337E-2</v>
      </c>
    </row>
    <row r="47" spans="1:6" x14ac:dyDescent="0.2">
      <c r="A47">
        <v>1314.6686179999999</v>
      </c>
      <c r="B47">
        <v>19.980916000000001</v>
      </c>
      <c r="C47">
        <v>7.6305019999999999</v>
      </c>
      <c r="D47">
        <f t="shared" si="3"/>
        <v>0.22521599999999964</v>
      </c>
      <c r="E47">
        <f t="shared" si="4"/>
        <v>21.707549999999856</v>
      </c>
      <c r="F47">
        <f t="shared" si="2"/>
        <v>7.3315410917375853E-2</v>
      </c>
    </row>
    <row r="48" spans="1:6" x14ac:dyDescent="0.2">
      <c r="A48">
        <v>1315.209869</v>
      </c>
      <c r="B48">
        <v>19.972905999999998</v>
      </c>
      <c r="C48">
        <v>7.6355069999999996</v>
      </c>
      <c r="D48">
        <f t="shared" si="3"/>
        <v>0.23022099999999934</v>
      </c>
      <c r="E48">
        <f t="shared" si="4"/>
        <v>22.248800999999958</v>
      </c>
      <c r="F48">
        <f t="shared" si="2"/>
        <v>7.3479571753410786E-2</v>
      </c>
    </row>
    <row r="49" spans="1:6" x14ac:dyDescent="0.2">
      <c r="A49">
        <v>1315.11562</v>
      </c>
      <c r="B49">
        <v>20.009843</v>
      </c>
      <c r="C49">
        <v>7.6405120000000002</v>
      </c>
      <c r="D49">
        <f t="shared" si="3"/>
        <v>0.23522599999999994</v>
      </c>
      <c r="E49">
        <f t="shared" si="4"/>
        <v>22.154551999999967</v>
      </c>
      <c r="F49">
        <f t="shared" si="2"/>
        <v>7.1616602272970412E-2</v>
      </c>
    </row>
    <row r="50" spans="1:6" x14ac:dyDescent="0.2">
      <c r="A50">
        <v>1314.9202190000001</v>
      </c>
      <c r="B50">
        <v>20.025478</v>
      </c>
      <c r="C50">
        <v>7.6455169999999999</v>
      </c>
      <c r="D50">
        <f t="shared" si="3"/>
        <v>0.24023099999999964</v>
      </c>
      <c r="E50">
        <f t="shared" si="4"/>
        <v>21.95915100000002</v>
      </c>
      <c r="F50">
        <f t="shared" si="2"/>
        <v>6.951637104321752E-2</v>
      </c>
    </row>
    <row r="51" spans="1:6" x14ac:dyDescent="0.2">
      <c r="A51">
        <v>1314.569358</v>
      </c>
      <c r="B51">
        <v>20.005417000000001</v>
      </c>
      <c r="C51">
        <v>7.6505219999999996</v>
      </c>
      <c r="D51">
        <f t="shared" si="3"/>
        <v>0.24523599999999934</v>
      </c>
      <c r="E51">
        <f t="shared" si="4"/>
        <v>21.608289999999897</v>
      </c>
      <c r="F51">
        <f t="shared" si="2"/>
        <v>6.7027445949258843E-2</v>
      </c>
    </row>
    <row r="52" spans="1:6" x14ac:dyDescent="0.2">
      <c r="A52">
        <v>1314.643564</v>
      </c>
      <c r="B52">
        <v>19.999461</v>
      </c>
      <c r="C52">
        <v>7.6555260000000001</v>
      </c>
      <c r="D52">
        <f t="shared" si="3"/>
        <v>0.2502399999999998</v>
      </c>
      <c r="E52">
        <f t="shared" si="4"/>
        <v>21.682495999999901</v>
      </c>
      <c r="F52">
        <f t="shared" si="2"/>
        <v>6.5908969884899832E-2</v>
      </c>
    </row>
    <row r="53" spans="1:6" x14ac:dyDescent="0.2">
      <c r="A53">
        <v>1314.311334</v>
      </c>
      <c r="B53">
        <v>20.009128</v>
      </c>
      <c r="C53">
        <v>7.6605309999999998</v>
      </c>
      <c r="D53">
        <f t="shared" si="3"/>
        <v>0.2552449999999995</v>
      </c>
      <c r="E53">
        <f t="shared" si="4"/>
        <v>21.35026599999992</v>
      </c>
      <c r="F53">
        <f t="shared" si="2"/>
        <v>6.3642582426200495E-2</v>
      </c>
    </row>
    <row r="54" spans="1:6" x14ac:dyDescent="0.2">
      <c r="A54">
        <v>1313.6002350000001</v>
      </c>
      <c r="B54">
        <v>20.034205</v>
      </c>
      <c r="C54">
        <v>7.6655360000000003</v>
      </c>
      <c r="D54">
        <f t="shared" si="3"/>
        <v>0.26025000000000009</v>
      </c>
      <c r="E54">
        <f t="shared" si="4"/>
        <v>20.639167000000043</v>
      </c>
      <c r="F54">
        <f t="shared" si="2"/>
        <v>6.0372367838539151E-2</v>
      </c>
    </row>
    <row r="55" spans="1:6" x14ac:dyDescent="0.2">
      <c r="A55">
        <v>1313.4244550000001</v>
      </c>
      <c r="B55">
        <v>19.998636000000001</v>
      </c>
      <c r="C55">
        <v>7.6705410000000001</v>
      </c>
      <c r="D55">
        <f t="shared" si="3"/>
        <v>0.2652549999999998</v>
      </c>
      <c r="E55">
        <f t="shared" si="4"/>
        <v>20.463387000000012</v>
      </c>
      <c r="F55">
        <f t="shared" si="2"/>
        <v>5.8736604978045885E-2</v>
      </c>
    </row>
    <row r="56" spans="1:6" x14ac:dyDescent="0.2">
      <c r="A56">
        <v>1313.3572710000001</v>
      </c>
      <c r="B56">
        <v>19.999431000000001</v>
      </c>
      <c r="C56">
        <v>7.6755459999999998</v>
      </c>
      <c r="D56">
        <f t="shared" si="3"/>
        <v>0.2702599999999995</v>
      </c>
      <c r="E56">
        <f t="shared" si="4"/>
        <v>20.396203000000014</v>
      </c>
      <c r="F56">
        <f t="shared" si="2"/>
        <v>5.7462520352635223E-2</v>
      </c>
    </row>
    <row r="57" spans="1:6" x14ac:dyDescent="0.2">
      <c r="A57">
        <v>1313.3607609999999</v>
      </c>
      <c r="B57">
        <v>20.005126000000001</v>
      </c>
      <c r="C57">
        <v>7.6805500000000002</v>
      </c>
      <c r="D57">
        <f t="shared" si="3"/>
        <v>0.27526399999999995</v>
      </c>
      <c r="E57">
        <f t="shared" si="4"/>
        <v>20.399692999999843</v>
      </c>
      <c r="F57">
        <f t="shared" si="2"/>
        <v>5.6427417998521433E-2</v>
      </c>
    </row>
    <row r="58" spans="1:6" x14ac:dyDescent="0.2">
      <c r="A58">
        <v>1313.1798020000001</v>
      </c>
      <c r="B58">
        <v>19.993283999999999</v>
      </c>
      <c r="C58">
        <v>7.6855549999999999</v>
      </c>
      <c r="D58">
        <f t="shared" si="3"/>
        <v>0.28026899999999966</v>
      </c>
      <c r="E58">
        <f t="shared" si="4"/>
        <v>20.21873400000004</v>
      </c>
      <c r="F58">
        <f t="shared" si="2"/>
        <v>5.4935704773515448E-2</v>
      </c>
    </row>
    <row r="59" spans="1:6" x14ac:dyDescent="0.2">
      <c r="A59">
        <v>1313.331586</v>
      </c>
      <c r="B59">
        <v>19.986967</v>
      </c>
      <c r="C59">
        <v>7.6905599999999996</v>
      </c>
      <c r="D59">
        <f t="shared" si="3"/>
        <v>0.28527399999999936</v>
      </c>
      <c r="E59">
        <f t="shared" si="4"/>
        <v>20.370517999999947</v>
      </c>
      <c r="F59">
        <f t="shared" si="2"/>
        <v>5.4370771036435894E-2</v>
      </c>
    </row>
    <row r="60" spans="1:6" x14ac:dyDescent="0.2">
      <c r="A60">
        <v>1313.346098</v>
      </c>
      <c r="B60">
        <v>19.994403999999999</v>
      </c>
      <c r="C60">
        <v>7.6955650000000002</v>
      </c>
      <c r="D60">
        <f t="shared" si="3"/>
        <v>0.29027899999999995</v>
      </c>
      <c r="E60">
        <f t="shared" si="4"/>
        <v>20.385029999999915</v>
      </c>
      <c r="F60">
        <f t="shared" si="2"/>
        <v>5.3470783588477941E-2</v>
      </c>
    </row>
    <row r="61" spans="1:6" x14ac:dyDescent="0.2">
      <c r="A61">
        <v>1313.7310359999999</v>
      </c>
      <c r="B61">
        <v>19.976928000000001</v>
      </c>
      <c r="C61">
        <v>7.7005699999999999</v>
      </c>
      <c r="D61">
        <f t="shared" si="3"/>
        <v>0.29528399999999966</v>
      </c>
      <c r="E61">
        <f t="shared" si="4"/>
        <v>20.769967999999835</v>
      </c>
      <c r="F61">
        <f t="shared" si="2"/>
        <v>5.3541366621023732E-2</v>
      </c>
    </row>
    <row r="62" spans="1:6" x14ac:dyDescent="0.2">
      <c r="A62">
        <v>1314.0692429999999</v>
      </c>
      <c r="B62">
        <v>19.986028999999998</v>
      </c>
      <c r="C62">
        <v>7.7055740000000004</v>
      </c>
      <c r="D62">
        <f t="shared" si="3"/>
        <v>0.30028800000000011</v>
      </c>
      <c r="E62">
        <f t="shared" si="4"/>
        <v>21.108174999999846</v>
      </c>
      <c r="F62">
        <f t="shared" si="2"/>
        <v>5.3492692512136938E-2</v>
      </c>
    </row>
    <row r="63" spans="1:6" x14ac:dyDescent="0.2">
      <c r="A63">
        <v>1314.4848999999999</v>
      </c>
      <c r="B63">
        <v>19.967136</v>
      </c>
      <c r="C63">
        <v>7.7105790000000001</v>
      </c>
      <c r="D63">
        <f t="shared" si="3"/>
        <v>0.30529299999999981</v>
      </c>
      <c r="E63">
        <f t="shared" si="4"/>
        <v>21.523831999999857</v>
      </c>
      <c r="F63">
        <f t="shared" si="2"/>
        <v>5.363485927341094E-2</v>
      </c>
    </row>
    <row r="64" spans="1:6" x14ac:dyDescent="0.2">
      <c r="A64">
        <v>1315.035979</v>
      </c>
      <c r="B64">
        <v>19.965762000000002</v>
      </c>
      <c r="C64">
        <v>7.7155839999999998</v>
      </c>
      <c r="D64">
        <f t="shared" si="3"/>
        <v>0.31029799999999952</v>
      </c>
      <c r="E64">
        <f t="shared" si="4"/>
        <v>22.074910999999929</v>
      </c>
      <c r="F64">
        <f t="shared" si="2"/>
        <v>5.4098142028629337E-2</v>
      </c>
    </row>
    <row r="65" spans="1:6" x14ac:dyDescent="0.2">
      <c r="A65">
        <v>1315.4578590000001</v>
      </c>
      <c r="B65">
        <v>19.978235000000002</v>
      </c>
      <c r="C65">
        <v>7.7205890000000004</v>
      </c>
      <c r="D65">
        <f t="shared" si="3"/>
        <v>0.31530300000000011</v>
      </c>
      <c r="E65">
        <f t="shared" si="4"/>
        <v>22.49679100000003</v>
      </c>
      <c r="F65">
        <f t="shared" si="2"/>
        <v>5.4239481692383032E-2</v>
      </c>
    </row>
    <row r="66" spans="1:6" x14ac:dyDescent="0.2">
      <c r="A66">
        <v>1316.026147</v>
      </c>
      <c r="B66">
        <v>19.945367000000001</v>
      </c>
      <c r="C66">
        <v>7.7255940000000001</v>
      </c>
      <c r="D66">
        <f t="shared" si="3"/>
        <v>0.32030799999999982</v>
      </c>
      <c r="E66">
        <f t="shared" si="4"/>
        <v>23.065078999999969</v>
      </c>
      <c r="F66">
        <f t="shared" si="2"/>
        <v>5.4717045946136827E-2</v>
      </c>
    </row>
    <row r="67" spans="1:6" x14ac:dyDescent="0.2">
      <c r="A67">
        <v>1316.6726200000001</v>
      </c>
      <c r="B67">
        <v>19.984414000000001</v>
      </c>
      <c r="C67">
        <v>7.7305979999999996</v>
      </c>
      <c r="D67">
        <f t="shared" si="3"/>
        <v>0.32531199999999938</v>
      </c>
      <c r="E67">
        <f t="shared" si="4"/>
        <v>23.711551999999983</v>
      </c>
      <c r="F67">
        <f t="shared" ref="F67:F130" si="5">(1/A67)*(E67/D67)</f>
        <v>5.53582168633256E-2</v>
      </c>
    </row>
    <row r="68" spans="1:6" x14ac:dyDescent="0.2">
      <c r="A68">
        <v>1317.141631</v>
      </c>
      <c r="B68">
        <v>19.967869</v>
      </c>
      <c r="C68">
        <v>7.7356030000000002</v>
      </c>
      <c r="D68">
        <f t="shared" si="3"/>
        <v>0.33031699999999997</v>
      </c>
      <c r="E68">
        <f t="shared" si="4"/>
        <v>24.180562999999893</v>
      </c>
      <c r="F68">
        <f t="shared" si="5"/>
        <v>5.5578011730695917E-2</v>
      </c>
    </row>
    <row r="69" spans="1:6" x14ac:dyDescent="0.2">
      <c r="A69">
        <v>1317.854194</v>
      </c>
      <c r="B69">
        <v>19.955238000000001</v>
      </c>
      <c r="C69">
        <v>7.7406079999999999</v>
      </c>
      <c r="D69">
        <f t="shared" si="3"/>
        <v>0.33532199999999968</v>
      </c>
      <c r="E69">
        <f t="shared" si="4"/>
        <v>24.893125999999938</v>
      </c>
      <c r="F69">
        <f t="shared" si="5"/>
        <v>5.6331332767741098E-2</v>
      </c>
    </row>
    <row r="70" spans="1:6" x14ac:dyDescent="0.2">
      <c r="A70">
        <v>1318.289217</v>
      </c>
      <c r="B70">
        <v>19.986967</v>
      </c>
      <c r="C70">
        <v>7.7456129999999996</v>
      </c>
      <c r="D70">
        <f t="shared" si="3"/>
        <v>0.34032699999999938</v>
      </c>
      <c r="E70">
        <f t="shared" si="4"/>
        <v>25.328148999999939</v>
      </c>
      <c r="F70">
        <f t="shared" si="5"/>
        <v>5.6454211662065178E-2</v>
      </c>
    </row>
    <row r="71" spans="1:6" x14ac:dyDescent="0.2">
      <c r="A71">
        <v>1318.748366</v>
      </c>
      <c r="B71">
        <v>19.977499999999999</v>
      </c>
      <c r="C71">
        <v>7.7506180000000002</v>
      </c>
      <c r="D71">
        <f t="shared" ref="D71:D134" si="6">C71-$C$2</f>
        <v>0.34533199999999997</v>
      </c>
      <c r="E71">
        <f t="shared" ref="E71:E134" si="7">A71-$A$2</f>
        <v>25.787297999999964</v>
      </c>
      <c r="F71">
        <f t="shared" si="5"/>
        <v>5.6624852093639919E-2</v>
      </c>
    </row>
    <row r="72" spans="1:6" x14ac:dyDescent="0.2">
      <c r="A72">
        <v>1318.868011</v>
      </c>
      <c r="B72">
        <v>19.988668000000001</v>
      </c>
      <c r="C72">
        <v>7.7556219999999998</v>
      </c>
      <c r="D72">
        <f t="shared" si="6"/>
        <v>0.35033599999999954</v>
      </c>
      <c r="E72">
        <f t="shared" si="7"/>
        <v>25.906942999999956</v>
      </c>
      <c r="F72">
        <f t="shared" si="5"/>
        <v>5.6069936971468996E-2</v>
      </c>
    </row>
    <row r="73" spans="1:6" x14ac:dyDescent="0.2">
      <c r="A73">
        <v>1318.5361109999999</v>
      </c>
      <c r="B73">
        <v>20.024229999999999</v>
      </c>
      <c r="C73">
        <v>7.7606270000000004</v>
      </c>
      <c r="D73">
        <f t="shared" si="6"/>
        <v>0.35534100000000013</v>
      </c>
      <c r="E73">
        <f t="shared" si="7"/>
        <v>25.575042999999823</v>
      </c>
      <c r="F73">
        <f t="shared" si="5"/>
        <v>5.4585717591609351E-2</v>
      </c>
    </row>
    <row r="74" spans="1:6" x14ac:dyDescent="0.2">
      <c r="A74">
        <v>1317.8716669999999</v>
      </c>
      <c r="B74">
        <v>20.053191000000002</v>
      </c>
      <c r="C74">
        <v>7.7656320000000001</v>
      </c>
      <c r="D74">
        <f t="shared" si="6"/>
        <v>0.36034599999999983</v>
      </c>
      <c r="E74">
        <f t="shared" si="7"/>
        <v>24.91059899999982</v>
      </c>
      <c r="F74">
        <f t="shared" si="5"/>
        <v>5.2455537798758348E-2</v>
      </c>
    </row>
    <row r="75" spans="1:6" x14ac:dyDescent="0.2">
      <c r="A75">
        <v>1316.8175040000001</v>
      </c>
      <c r="B75">
        <v>20.027350999999999</v>
      </c>
      <c r="C75">
        <v>7.7706369999999998</v>
      </c>
      <c r="D75">
        <f t="shared" si="6"/>
        <v>0.36535099999999954</v>
      </c>
      <c r="E75">
        <f t="shared" si="7"/>
        <v>23.856436000000031</v>
      </c>
      <c r="F75">
        <f t="shared" si="5"/>
        <v>4.9587209829841966E-2</v>
      </c>
    </row>
    <row r="76" spans="1:6" x14ac:dyDescent="0.2">
      <c r="A76">
        <v>1316.1911299999999</v>
      </c>
      <c r="B76">
        <v>20.028974999999999</v>
      </c>
      <c r="C76">
        <v>7.7756420000000004</v>
      </c>
      <c r="D76">
        <f t="shared" si="6"/>
        <v>0.37035600000000013</v>
      </c>
      <c r="E76">
        <f t="shared" si="7"/>
        <v>23.230061999999862</v>
      </c>
      <c r="F76">
        <f t="shared" si="5"/>
        <v>4.7655389590508287E-2</v>
      </c>
    </row>
    <row r="77" spans="1:6" x14ac:dyDescent="0.2">
      <c r="A77">
        <v>1315.956226</v>
      </c>
      <c r="B77">
        <v>20.015283</v>
      </c>
      <c r="C77">
        <v>7.780646</v>
      </c>
      <c r="D77">
        <f t="shared" si="6"/>
        <v>0.37535999999999969</v>
      </c>
      <c r="E77">
        <f t="shared" si="7"/>
        <v>22.995157999999947</v>
      </c>
      <c r="F77">
        <f t="shared" si="5"/>
        <v>4.6552924008547679E-2</v>
      </c>
    </row>
    <row r="78" spans="1:6" x14ac:dyDescent="0.2">
      <c r="A78">
        <v>1315.846356</v>
      </c>
      <c r="B78">
        <v>19.999775</v>
      </c>
      <c r="C78">
        <v>7.7856509999999997</v>
      </c>
      <c r="D78">
        <f t="shared" si="6"/>
        <v>0.3803649999999994</v>
      </c>
      <c r="E78">
        <f t="shared" si="7"/>
        <v>22.885287999999946</v>
      </c>
      <c r="F78">
        <f t="shared" si="5"/>
        <v>4.5724677641748146E-2</v>
      </c>
    </row>
    <row r="79" spans="1:6" x14ac:dyDescent="0.2">
      <c r="A79">
        <v>1315.8506560000001</v>
      </c>
      <c r="B79">
        <v>19.996409</v>
      </c>
      <c r="C79">
        <v>7.7906560000000002</v>
      </c>
      <c r="D79">
        <f t="shared" si="6"/>
        <v>0.38536999999999999</v>
      </c>
      <c r="E79">
        <f t="shared" si="7"/>
        <v>22.889588000000003</v>
      </c>
      <c r="F79">
        <f t="shared" si="5"/>
        <v>4.5139159832423531E-2</v>
      </c>
    </row>
    <row r="80" spans="1:6" x14ac:dyDescent="0.2">
      <c r="A80">
        <v>1315.851418</v>
      </c>
      <c r="B80">
        <v>19.990613</v>
      </c>
      <c r="C80">
        <v>7.795661</v>
      </c>
      <c r="D80">
        <f t="shared" si="6"/>
        <v>0.39037499999999969</v>
      </c>
      <c r="E80">
        <f t="shared" si="7"/>
        <v>22.890349999999899</v>
      </c>
      <c r="F80">
        <f t="shared" si="5"/>
        <v>4.4561888040677497E-2</v>
      </c>
    </row>
    <row r="81" spans="1:6" x14ac:dyDescent="0.2">
      <c r="A81">
        <v>1316.0892899999999</v>
      </c>
      <c r="B81">
        <v>19.966616999999999</v>
      </c>
      <c r="C81">
        <v>7.8006659999999997</v>
      </c>
      <c r="D81">
        <f t="shared" si="6"/>
        <v>0.3953799999999994</v>
      </c>
      <c r="E81">
        <f t="shared" si="7"/>
        <v>23.128221999999823</v>
      </c>
      <c r="F81">
        <f t="shared" si="5"/>
        <v>4.4446973615061884E-2</v>
      </c>
    </row>
    <row r="82" spans="1:6" x14ac:dyDescent="0.2">
      <c r="A82">
        <v>1316.405219</v>
      </c>
      <c r="B82">
        <v>19.987234999999998</v>
      </c>
      <c r="C82">
        <v>7.8056700000000001</v>
      </c>
      <c r="D82">
        <f t="shared" si="6"/>
        <v>0.40038399999999985</v>
      </c>
      <c r="E82">
        <f t="shared" si="7"/>
        <v>23.44415099999992</v>
      </c>
      <c r="F82">
        <f t="shared" si="5"/>
        <v>4.4480350469591035E-2</v>
      </c>
    </row>
    <row r="83" spans="1:6" x14ac:dyDescent="0.2">
      <c r="A83">
        <v>1317.1516799999999</v>
      </c>
      <c r="B83">
        <v>19.961974999999999</v>
      </c>
      <c r="C83">
        <v>7.8106749999999998</v>
      </c>
      <c r="D83">
        <f t="shared" si="6"/>
        <v>0.40538899999999956</v>
      </c>
      <c r="E83">
        <f t="shared" si="7"/>
        <v>24.190611999999874</v>
      </c>
      <c r="F83">
        <f t="shared" si="5"/>
        <v>4.5304266717039202E-2</v>
      </c>
    </row>
    <row r="84" spans="1:6" x14ac:dyDescent="0.2">
      <c r="A84">
        <v>1317.658827</v>
      </c>
      <c r="B84">
        <v>19.970155999999999</v>
      </c>
      <c r="C84">
        <v>7.8156800000000004</v>
      </c>
      <c r="D84">
        <f t="shared" si="6"/>
        <v>0.41039400000000015</v>
      </c>
      <c r="E84">
        <f t="shared" si="7"/>
        <v>24.697758999999905</v>
      </c>
      <c r="F84">
        <f t="shared" si="5"/>
        <v>4.5672372285688906E-2</v>
      </c>
    </row>
    <row r="85" spans="1:6" x14ac:dyDescent="0.2">
      <c r="A85">
        <v>1318.3079680000001</v>
      </c>
      <c r="B85">
        <v>19.965868</v>
      </c>
      <c r="C85">
        <v>7.8206850000000001</v>
      </c>
      <c r="D85">
        <f t="shared" si="6"/>
        <v>0.41539899999999985</v>
      </c>
      <c r="E85">
        <f t="shared" si="7"/>
        <v>25.346900000000005</v>
      </c>
      <c r="F85">
        <f t="shared" si="5"/>
        <v>4.6285240822489394E-2</v>
      </c>
    </row>
    <row r="86" spans="1:6" x14ac:dyDescent="0.2">
      <c r="A86">
        <v>1318.6384579999999</v>
      </c>
      <c r="B86">
        <v>19.989972999999999</v>
      </c>
      <c r="C86">
        <v>7.8256899999999998</v>
      </c>
      <c r="D86">
        <f t="shared" si="6"/>
        <v>0.42040399999999956</v>
      </c>
      <c r="E86">
        <f t="shared" si="7"/>
        <v>25.677389999999832</v>
      </c>
      <c r="F86">
        <f t="shared" si="5"/>
        <v>4.6318906726614352E-2</v>
      </c>
    </row>
    <row r="87" spans="1:6" x14ac:dyDescent="0.2">
      <c r="A87">
        <v>1319.0171359999999</v>
      </c>
      <c r="B87">
        <v>19.956213999999999</v>
      </c>
      <c r="C87">
        <v>7.8306940000000003</v>
      </c>
      <c r="D87">
        <f t="shared" si="6"/>
        <v>0.42540800000000001</v>
      </c>
      <c r="E87">
        <f t="shared" si="7"/>
        <v>26.056067999999868</v>
      </c>
      <c r="F87">
        <f t="shared" si="5"/>
        <v>4.6435784654023149E-2</v>
      </c>
    </row>
    <row r="88" spans="1:6" x14ac:dyDescent="0.2">
      <c r="A88">
        <v>1319.7158750000001</v>
      </c>
      <c r="B88">
        <v>19.960114000000001</v>
      </c>
      <c r="C88">
        <v>7.835699</v>
      </c>
      <c r="D88">
        <f t="shared" si="6"/>
        <v>0.43041299999999971</v>
      </c>
      <c r="E88">
        <f t="shared" si="7"/>
        <v>26.754807000000028</v>
      </c>
      <c r="F88">
        <f t="shared" si="5"/>
        <v>4.7101637037099527E-2</v>
      </c>
    </row>
    <row r="89" spans="1:6" x14ac:dyDescent="0.2">
      <c r="A89">
        <v>1320.251544</v>
      </c>
      <c r="B89">
        <v>19.979665000000001</v>
      </c>
      <c r="C89">
        <v>7.8407039999999997</v>
      </c>
      <c r="D89">
        <f t="shared" si="6"/>
        <v>0.43541799999999942</v>
      </c>
      <c r="E89">
        <f t="shared" si="7"/>
        <v>27.290475999999899</v>
      </c>
      <c r="F89">
        <f t="shared" si="5"/>
        <v>4.7473149831688093E-2</v>
      </c>
    </row>
    <row r="90" spans="1:6" x14ac:dyDescent="0.2">
      <c r="A90">
        <v>1320.442413</v>
      </c>
      <c r="B90">
        <v>20.012232999999998</v>
      </c>
      <c r="C90">
        <v>7.8457090000000003</v>
      </c>
      <c r="D90">
        <f t="shared" si="6"/>
        <v>0.44042300000000001</v>
      </c>
      <c r="E90">
        <f t="shared" si="7"/>
        <v>27.481344999999919</v>
      </c>
      <c r="F90">
        <f t="shared" si="5"/>
        <v>4.7255082735830282E-2</v>
      </c>
    </row>
    <row r="91" spans="1:6" x14ac:dyDescent="0.2">
      <c r="A91">
        <v>1319.9073860000001</v>
      </c>
      <c r="B91">
        <v>20.019213000000001</v>
      </c>
      <c r="C91">
        <v>7.850714</v>
      </c>
      <c r="D91">
        <f t="shared" si="6"/>
        <v>0.44542799999999971</v>
      </c>
      <c r="E91">
        <f t="shared" si="7"/>
        <v>26.946318000000019</v>
      </c>
      <c r="F91">
        <f t="shared" si="5"/>
        <v>4.5833018252462436E-2</v>
      </c>
    </row>
    <row r="92" spans="1:6" x14ac:dyDescent="0.2">
      <c r="A92">
        <v>1319.2973340000001</v>
      </c>
      <c r="B92">
        <v>20.028713</v>
      </c>
      <c r="C92">
        <v>7.8557180000000004</v>
      </c>
      <c r="D92">
        <f t="shared" si="6"/>
        <v>0.45043200000000017</v>
      </c>
      <c r="E92">
        <f t="shared" si="7"/>
        <v>26.336266000000023</v>
      </c>
      <c r="F92">
        <f t="shared" si="5"/>
        <v>4.4318216901941737E-2</v>
      </c>
    </row>
    <row r="93" spans="1:6" x14ac:dyDescent="0.2">
      <c r="A93">
        <v>1318.6383249999999</v>
      </c>
      <c r="B93">
        <v>20.010341</v>
      </c>
      <c r="C93">
        <v>7.8607230000000001</v>
      </c>
      <c r="D93">
        <f t="shared" si="6"/>
        <v>0.45543699999999987</v>
      </c>
      <c r="E93">
        <f t="shared" si="7"/>
        <v>25.677256999999827</v>
      </c>
      <c r="F93">
        <f t="shared" si="5"/>
        <v>4.2755759338651028E-2</v>
      </c>
    </row>
    <row r="94" spans="1:6" x14ac:dyDescent="0.2">
      <c r="A94">
        <v>1318.7068549999999</v>
      </c>
      <c r="B94">
        <v>19.990473000000001</v>
      </c>
      <c r="C94">
        <v>7.8657279999999998</v>
      </c>
      <c r="D94">
        <f t="shared" si="6"/>
        <v>0.46044199999999957</v>
      </c>
      <c r="E94">
        <f t="shared" si="7"/>
        <v>25.745786999999837</v>
      </c>
      <c r="F94">
        <f t="shared" si="5"/>
        <v>4.240167144050172E-2</v>
      </c>
    </row>
    <row r="95" spans="1:6" x14ac:dyDescent="0.2">
      <c r="A95">
        <v>1318.928907</v>
      </c>
      <c r="B95">
        <v>19.994026999999999</v>
      </c>
      <c r="C95">
        <v>7.8707330000000004</v>
      </c>
      <c r="D95">
        <f t="shared" si="6"/>
        <v>0.46544700000000017</v>
      </c>
      <c r="E95">
        <f t="shared" si="7"/>
        <v>25.967838999999913</v>
      </c>
      <c r="F95">
        <f t="shared" si="5"/>
        <v>4.2300372091967145E-2</v>
      </c>
    </row>
    <row r="96" spans="1:6" x14ac:dyDescent="0.2">
      <c r="A96">
        <v>1318.3766450000001</v>
      </c>
      <c r="B96">
        <v>20.042845</v>
      </c>
      <c r="C96">
        <v>7.8757380000000001</v>
      </c>
      <c r="D96">
        <f t="shared" si="6"/>
        <v>0.47045199999999987</v>
      </c>
      <c r="E96">
        <f t="shared" si="7"/>
        <v>25.415576999999985</v>
      </c>
      <c r="F96">
        <f t="shared" si="5"/>
        <v>4.0977471197556674E-2</v>
      </c>
    </row>
    <row r="97" spans="1:6" x14ac:dyDescent="0.2">
      <c r="A97">
        <v>1318.0713310000001</v>
      </c>
      <c r="B97">
        <v>19.997259</v>
      </c>
      <c r="C97">
        <v>7.8807419999999997</v>
      </c>
      <c r="D97">
        <f t="shared" si="6"/>
        <v>0.47545599999999943</v>
      </c>
      <c r="E97">
        <f t="shared" si="7"/>
        <v>25.110263000000032</v>
      </c>
      <c r="F97">
        <f t="shared" si="5"/>
        <v>4.0068401342311516E-2</v>
      </c>
    </row>
    <row r="98" spans="1:6" x14ac:dyDescent="0.2">
      <c r="A98">
        <v>1317.974598</v>
      </c>
      <c r="B98">
        <v>20.00403</v>
      </c>
      <c r="C98">
        <v>7.8857470000000003</v>
      </c>
      <c r="D98">
        <f t="shared" si="6"/>
        <v>0.48046100000000003</v>
      </c>
      <c r="E98">
        <f t="shared" si="7"/>
        <v>25.013529999999946</v>
      </c>
      <c r="F98">
        <f t="shared" si="5"/>
        <v>3.9501155910559284E-2</v>
      </c>
    </row>
    <row r="99" spans="1:6" x14ac:dyDescent="0.2">
      <c r="A99">
        <v>1318.2448099999999</v>
      </c>
      <c r="B99">
        <v>19.960681000000001</v>
      </c>
      <c r="C99">
        <v>7.890752</v>
      </c>
      <c r="D99">
        <f t="shared" si="6"/>
        <v>0.48546599999999973</v>
      </c>
      <c r="E99">
        <f t="shared" si="7"/>
        <v>25.283741999999847</v>
      </c>
      <c r="F99">
        <f t="shared" si="5"/>
        <v>3.9508128782325298E-2</v>
      </c>
    </row>
    <row r="100" spans="1:6" x14ac:dyDescent="0.2">
      <c r="A100">
        <v>1318.861815</v>
      </c>
      <c r="B100">
        <v>19.973057000000001</v>
      </c>
      <c r="C100">
        <v>7.8957569999999997</v>
      </c>
      <c r="D100">
        <f t="shared" si="6"/>
        <v>0.49047099999999944</v>
      </c>
      <c r="E100">
        <f t="shared" si="7"/>
        <v>25.90074699999991</v>
      </c>
      <c r="F100">
        <f t="shared" si="5"/>
        <v>4.0040515611854018E-2</v>
      </c>
    </row>
    <row r="101" spans="1:6" x14ac:dyDescent="0.2">
      <c r="A101">
        <v>1319.6401450000001</v>
      </c>
      <c r="B101">
        <v>19.958974999999999</v>
      </c>
      <c r="C101">
        <v>7.9007620000000003</v>
      </c>
      <c r="D101">
        <f t="shared" si="6"/>
        <v>0.49547600000000003</v>
      </c>
      <c r="E101">
        <f t="shared" si="7"/>
        <v>26.679077000000007</v>
      </c>
      <c r="F101">
        <f t="shared" si="5"/>
        <v>4.0803052939037167E-2</v>
      </c>
    </row>
    <row r="102" spans="1:6" x14ac:dyDescent="0.2">
      <c r="A102">
        <v>1320.395984</v>
      </c>
      <c r="B102">
        <v>19.963003</v>
      </c>
      <c r="C102">
        <v>7.9057659999999998</v>
      </c>
      <c r="D102">
        <f t="shared" si="6"/>
        <v>0.50047999999999959</v>
      </c>
      <c r="E102">
        <f t="shared" si="7"/>
        <v>27.43491599999993</v>
      </c>
      <c r="F102">
        <f t="shared" si="5"/>
        <v>4.1515733268708818E-2</v>
      </c>
    </row>
    <row r="103" spans="1:6" x14ac:dyDescent="0.2">
      <c r="A103">
        <v>1320.8432700000001</v>
      </c>
      <c r="B103">
        <v>19.972490000000001</v>
      </c>
      <c r="C103">
        <v>7.9107710000000004</v>
      </c>
      <c r="D103">
        <f t="shared" si="6"/>
        <v>0.50548500000000018</v>
      </c>
      <c r="E103">
        <f t="shared" si="7"/>
        <v>27.882202000000007</v>
      </c>
      <c r="F103">
        <f t="shared" si="5"/>
        <v>4.1760674912396378E-2</v>
      </c>
    </row>
    <row r="104" spans="1:6" x14ac:dyDescent="0.2">
      <c r="A104">
        <v>1321.0832250000001</v>
      </c>
      <c r="B104">
        <v>19.981824</v>
      </c>
      <c r="C104">
        <v>7.9157760000000001</v>
      </c>
      <c r="D104">
        <f t="shared" si="6"/>
        <v>0.51048999999999989</v>
      </c>
      <c r="E104">
        <f t="shared" si="7"/>
        <v>28.122157000000016</v>
      </c>
      <c r="F104">
        <f t="shared" si="5"/>
        <v>4.1699534935178237E-2</v>
      </c>
    </row>
    <row r="105" spans="1:6" x14ac:dyDescent="0.2">
      <c r="A105">
        <v>1321.3503860000001</v>
      </c>
      <c r="B105">
        <v>19.977505000000001</v>
      </c>
      <c r="C105">
        <v>7.9207809999999998</v>
      </c>
      <c r="D105">
        <f t="shared" si="6"/>
        <v>0.51549499999999959</v>
      </c>
      <c r="E105">
        <f t="shared" si="7"/>
        <v>28.389318000000003</v>
      </c>
      <c r="F105">
        <f t="shared" si="5"/>
        <v>4.1678540881016829E-2</v>
      </c>
    </row>
    <row r="106" spans="1:6" x14ac:dyDescent="0.2">
      <c r="A106">
        <v>1322.483207</v>
      </c>
      <c r="B106">
        <v>19.933029000000001</v>
      </c>
      <c r="C106">
        <v>7.9257860000000004</v>
      </c>
      <c r="D106">
        <f t="shared" si="6"/>
        <v>0.52050000000000018</v>
      </c>
      <c r="E106">
        <f t="shared" si="7"/>
        <v>29.522138999999925</v>
      </c>
      <c r="F106">
        <f t="shared" si="5"/>
        <v>4.2888111256316579E-2</v>
      </c>
    </row>
    <row r="107" spans="1:6" x14ac:dyDescent="0.2">
      <c r="A107">
        <v>1322.788931</v>
      </c>
      <c r="B107">
        <v>20.018688000000001</v>
      </c>
      <c r="C107">
        <v>7.93079</v>
      </c>
      <c r="D107">
        <f t="shared" si="6"/>
        <v>0.52550399999999975</v>
      </c>
      <c r="E107">
        <f t="shared" si="7"/>
        <v>29.827862999999979</v>
      </c>
      <c r="F107">
        <f t="shared" si="5"/>
        <v>4.2909708227113125E-2</v>
      </c>
    </row>
    <row r="108" spans="1:6" x14ac:dyDescent="0.2">
      <c r="A108">
        <v>1322.908727</v>
      </c>
      <c r="B108">
        <v>19.969944000000002</v>
      </c>
      <c r="C108">
        <v>7.9357949999999997</v>
      </c>
      <c r="D108">
        <f t="shared" si="6"/>
        <v>0.53050899999999945</v>
      </c>
      <c r="E108">
        <f t="shared" si="7"/>
        <v>29.947658999999931</v>
      </c>
      <c r="F108">
        <f t="shared" si="5"/>
        <v>4.2671729164691197E-2</v>
      </c>
    </row>
    <row r="109" spans="1:6" x14ac:dyDescent="0.2">
      <c r="A109">
        <v>1323.2630569999999</v>
      </c>
      <c r="B109">
        <v>19.987946999999998</v>
      </c>
      <c r="C109">
        <v>7.9408000000000003</v>
      </c>
      <c r="D109">
        <f t="shared" si="6"/>
        <v>0.53551400000000005</v>
      </c>
      <c r="E109">
        <f t="shared" si="7"/>
        <v>30.301988999999821</v>
      </c>
      <c r="F109">
        <f t="shared" si="5"/>
        <v>4.2761616971508258E-2</v>
      </c>
    </row>
    <row r="110" spans="1:6" x14ac:dyDescent="0.2">
      <c r="A110">
        <v>1323.4622469999999</v>
      </c>
      <c r="B110">
        <v>19.999855</v>
      </c>
      <c r="C110">
        <v>7.945805</v>
      </c>
      <c r="D110">
        <f t="shared" si="6"/>
        <v>0.54051899999999975</v>
      </c>
      <c r="E110">
        <f t="shared" si="7"/>
        <v>30.501178999999865</v>
      </c>
      <c r="F110">
        <f t="shared" si="5"/>
        <v>4.2637732954372523E-2</v>
      </c>
    </row>
    <row r="111" spans="1:6" x14ac:dyDescent="0.2">
      <c r="A111">
        <v>1323.7086280000001</v>
      </c>
      <c r="B111">
        <v>19.958818999999998</v>
      </c>
      <c r="C111">
        <v>7.9508099999999997</v>
      </c>
      <c r="D111">
        <f t="shared" si="6"/>
        <v>0.54552399999999945</v>
      </c>
      <c r="E111">
        <f t="shared" si="7"/>
        <v>30.747560000000021</v>
      </c>
      <c r="F111">
        <f t="shared" si="5"/>
        <v>4.257987637251192E-2</v>
      </c>
    </row>
    <row r="112" spans="1:6" x14ac:dyDescent="0.2">
      <c r="A112">
        <v>1324.445003</v>
      </c>
      <c r="B112">
        <v>19.951115000000001</v>
      </c>
      <c r="C112">
        <v>7.9558140000000002</v>
      </c>
      <c r="D112">
        <f t="shared" si="6"/>
        <v>0.55052799999999991</v>
      </c>
      <c r="E112">
        <f t="shared" si="7"/>
        <v>31.483934999999974</v>
      </c>
      <c r="F112">
        <f t="shared" si="5"/>
        <v>4.3179306788772055E-2</v>
      </c>
    </row>
    <row r="113" spans="1:6" x14ac:dyDescent="0.2">
      <c r="A113">
        <v>1325.2370539999999</v>
      </c>
      <c r="B113">
        <v>19.962069</v>
      </c>
      <c r="C113">
        <v>7.9608189999999999</v>
      </c>
      <c r="D113">
        <f t="shared" si="6"/>
        <v>0.55553299999999961</v>
      </c>
      <c r="E113">
        <f t="shared" si="7"/>
        <v>32.275985999999875</v>
      </c>
      <c r="F113">
        <f t="shared" si="5"/>
        <v>4.3840559279158961E-2</v>
      </c>
    </row>
    <row r="114" spans="1:6" x14ac:dyDescent="0.2">
      <c r="A114">
        <v>1325.980888</v>
      </c>
      <c r="B114">
        <v>19.963431</v>
      </c>
      <c r="C114">
        <v>7.9658239999999996</v>
      </c>
      <c r="D114">
        <f t="shared" si="6"/>
        <v>0.56053799999999931</v>
      </c>
      <c r="E114">
        <f t="shared" si="7"/>
        <v>33.019819999999982</v>
      </c>
      <c r="F114">
        <f t="shared" si="5"/>
        <v>4.4425505424579868E-2</v>
      </c>
    </row>
    <row r="115" spans="1:6" x14ac:dyDescent="0.2">
      <c r="A115">
        <v>1326.435459</v>
      </c>
      <c r="B115">
        <v>19.973452000000002</v>
      </c>
      <c r="C115">
        <v>7.9708290000000002</v>
      </c>
      <c r="D115">
        <f t="shared" si="6"/>
        <v>0.56554299999999991</v>
      </c>
      <c r="E115">
        <f t="shared" si="7"/>
        <v>33.474390999999969</v>
      </c>
      <c r="F115">
        <f t="shared" si="5"/>
        <v>4.4623222520773796E-2</v>
      </c>
    </row>
    <row r="116" spans="1:6" x14ac:dyDescent="0.2">
      <c r="A116">
        <v>1326.1958500000001</v>
      </c>
      <c r="B116">
        <v>20.030359000000001</v>
      </c>
      <c r="C116">
        <v>7.9758339999999999</v>
      </c>
      <c r="D116">
        <f t="shared" si="6"/>
        <v>0.57054799999999961</v>
      </c>
      <c r="E116">
        <f t="shared" si="7"/>
        <v>33.234781999999996</v>
      </c>
      <c r="F116">
        <f t="shared" si="5"/>
        <v>4.3923099838556502E-2</v>
      </c>
    </row>
    <row r="117" spans="1:6" x14ac:dyDescent="0.2">
      <c r="A117">
        <v>1325.5153359999999</v>
      </c>
      <c r="B117">
        <v>20.029133000000002</v>
      </c>
      <c r="C117">
        <v>7.9808380000000003</v>
      </c>
      <c r="D117">
        <f t="shared" si="6"/>
        <v>0.57555200000000006</v>
      </c>
      <c r="E117">
        <f t="shared" si="7"/>
        <v>32.554267999999865</v>
      </c>
      <c r="F117">
        <f t="shared" si="5"/>
        <v>4.2671568844610645E-2</v>
      </c>
    </row>
    <row r="118" spans="1:6" x14ac:dyDescent="0.2">
      <c r="A118">
        <v>1325.0541940000001</v>
      </c>
      <c r="B118">
        <v>20.016587999999999</v>
      </c>
      <c r="C118">
        <v>7.985843</v>
      </c>
      <c r="D118">
        <f t="shared" si="6"/>
        <v>0.58055699999999977</v>
      </c>
      <c r="E118">
        <f t="shared" si="7"/>
        <v>32.093125999999984</v>
      </c>
      <c r="F118">
        <f t="shared" si="5"/>
        <v>4.1718963916924458E-2</v>
      </c>
    </row>
    <row r="119" spans="1:6" x14ac:dyDescent="0.2">
      <c r="A119">
        <v>1325.06485</v>
      </c>
      <c r="B119">
        <v>19.991239</v>
      </c>
      <c r="C119">
        <v>7.9908479999999997</v>
      </c>
      <c r="D119">
        <f t="shared" si="6"/>
        <v>0.58556199999999947</v>
      </c>
      <c r="E119">
        <f t="shared" si="7"/>
        <v>32.10378199999991</v>
      </c>
      <c r="F119">
        <f t="shared" si="5"/>
        <v>4.1375778532871575E-2</v>
      </c>
    </row>
    <row r="120" spans="1:6" x14ac:dyDescent="0.2">
      <c r="A120">
        <v>1324.998237</v>
      </c>
      <c r="B120">
        <v>20.000214</v>
      </c>
      <c r="C120">
        <v>7.9958530000000003</v>
      </c>
      <c r="D120">
        <f t="shared" si="6"/>
        <v>0.59056700000000006</v>
      </c>
      <c r="E120">
        <f t="shared" si="7"/>
        <v>32.037168999999949</v>
      </c>
      <c r="F120">
        <f t="shared" si="5"/>
        <v>4.0942056775084078E-2</v>
      </c>
    </row>
    <row r="121" spans="1:6" x14ac:dyDescent="0.2">
      <c r="A121">
        <v>1324.7918239999999</v>
      </c>
      <c r="B121">
        <v>20.010144</v>
      </c>
      <c r="C121">
        <v>8.0008579999999991</v>
      </c>
      <c r="D121">
        <f t="shared" si="6"/>
        <v>0.59557199999999888</v>
      </c>
      <c r="E121">
        <f t="shared" si="7"/>
        <v>31.830755999999838</v>
      </c>
      <c r="F121">
        <f t="shared" si="5"/>
        <v>4.0342707599766964E-2</v>
      </c>
    </row>
    <row r="122" spans="1:6" x14ac:dyDescent="0.2">
      <c r="A122">
        <v>1324.4477999999999</v>
      </c>
      <c r="B122">
        <v>20.011787000000002</v>
      </c>
      <c r="C122">
        <v>8.0058620000000005</v>
      </c>
      <c r="D122">
        <f t="shared" si="6"/>
        <v>0.60057600000000022</v>
      </c>
      <c r="E122">
        <f t="shared" si="7"/>
        <v>31.486731999999847</v>
      </c>
      <c r="F122">
        <f t="shared" si="5"/>
        <v>3.9584463965059408E-2</v>
      </c>
    </row>
    <row r="123" spans="1:6" x14ac:dyDescent="0.2">
      <c r="A123">
        <v>1324.1780209999999</v>
      </c>
      <c r="B123">
        <v>20.007885999999999</v>
      </c>
      <c r="C123">
        <v>8.0108669999999993</v>
      </c>
      <c r="D123">
        <f t="shared" si="6"/>
        <v>0.60558099999999904</v>
      </c>
      <c r="E123">
        <f t="shared" si="7"/>
        <v>31.216952999999876</v>
      </c>
      <c r="F123">
        <f t="shared" si="5"/>
        <v>3.8928878706732624E-2</v>
      </c>
    </row>
    <row r="124" spans="1:6" x14ac:dyDescent="0.2">
      <c r="A124">
        <v>1324.3969729999999</v>
      </c>
      <c r="B124">
        <v>19.991038</v>
      </c>
      <c r="C124">
        <v>8.0158719999999999</v>
      </c>
      <c r="D124">
        <f t="shared" si="6"/>
        <v>0.61058599999999963</v>
      </c>
      <c r="E124">
        <f t="shared" si="7"/>
        <v>31.435904999999821</v>
      </c>
      <c r="F124">
        <f t="shared" si="5"/>
        <v>3.887415356725607E-2</v>
      </c>
    </row>
    <row r="125" spans="1:6" x14ac:dyDescent="0.2">
      <c r="A125">
        <v>1324.2058589999999</v>
      </c>
      <c r="B125">
        <v>20.024695999999999</v>
      </c>
      <c r="C125">
        <v>8.0208770000000005</v>
      </c>
      <c r="D125">
        <f t="shared" si="6"/>
        <v>0.61559100000000022</v>
      </c>
      <c r="E125">
        <f t="shared" si="7"/>
        <v>31.24479099999985</v>
      </c>
      <c r="F125">
        <f t="shared" si="5"/>
        <v>3.832920902438753E-2</v>
      </c>
    </row>
    <row r="126" spans="1:6" x14ac:dyDescent="0.2">
      <c r="A126">
        <v>1323.6192679999999</v>
      </c>
      <c r="B126">
        <v>20.022234000000001</v>
      </c>
      <c r="C126">
        <v>8.0258819999999993</v>
      </c>
      <c r="D126">
        <f t="shared" si="6"/>
        <v>0.62059599999999904</v>
      </c>
      <c r="E126">
        <f t="shared" si="7"/>
        <v>30.658199999999852</v>
      </c>
      <c r="F126">
        <f t="shared" si="5"/>
        <v>3.7322832899390097E-2</v>
      </c>
    </row>
    <row r="127" spans="1:6" x14ac:dyDescent="0.2">
      <c r="A127">
        <v>1323.3550270000001</v>
      </c>
      <c r="B127">
        <v>20.008413000000001</v>
      </c>
      <c r="C127">
        <v>8.0308860000000006</v>
      </c>
      <c r="D127">
        <f t="shared" si="6"/>
        <v>0.62560000000000038</v>
      </c>
      <c r="E127">
        <f t="shared" si="7"/>
        <v>30.393958999999995</v>
      </c>
      <c r="F127">
        <f t="shared" si="5"/>
        <v>3.6712517096675071E-2</v>
      </c>
    </row>
    <row r="128" spans="1:6" x14ac:dyDescent="0.2">
      <c r="A128">
        <v>1323.5444930000001</v>
      </c>
      <c r="B128">
        <v>19.972087999999999</v>
      </c>
      <c r="C128">
        <v>8.0358909999999995</v>
      </c>
      <c r="D128">
        <f t="shared" si="6"/>
        <v>0.63060499999999919</v>
      </c>
      <c r="E128">
        <f t="shared" si="7"/>
        <v>30.583425000000034</v>
      </c>
      <c r="F128">
        <f t="shared" si="5"/>
        <v>3.6642927611810601E-2</v>
      </c>
    </row>
    <row r="129" spans="1:6" x14ac:dyDescent="0.2">
      <c r="A129">
        <v>1323.386037</v>
      </c>
      <c r="B129">
        <v>20.016390000000001</v>
      </c>
      <c r="C129">
        <v>8.040896</v>
      </c>
      <c r="D129">
        <f t="shared" si="6"/>
        <v>0.63560999999999979</v>
      </c>
      <c r="E129">
        <f t="shared" si="7"/>
        <v>30.424968999999919</v>
      </c>
      <c r="F129">
        <f t="shared" si="5"/>
        <v>3.6170363640599959E-2</v>
      </c>
    </row>
    <row r="130" spans="1:6" x14ac:dyDescent="0.2">
      <c r="A130">
        <v>1323.199361</v>
      </c>
      <c r="B130">
        <v>20.007137</v>
      </c>
      <c r="C130">
        <v>8.0459010000000006</v>
      </c>
      <c r="D130">
        <f t="shared" si="6"/>
        <v>0.64061500000000038</v>
      </c>
      <c r="E130">
        <f t="shared" si="7"/>
        <v>30.238292999999885</v>
      </c>
      <c r="F130">
        <f t="shared" si="5"/>
        <v>3.5672609930296195E-2</v>
      </c>
    </row>
    <row r="131" spans="1:6" x14ac:dyDescent="0.2">
      <c r="A131">
        <v>1322.9232669999999</v>
      </c>
      <c r="B131">
        <v>20.008880999999999</v>
      </c>
      <c r="C131">
        <v>8.0509059999999995</v>
      </c>
      <c r="D131">
        <f t="shared" si="6"/>
        <v>0.64561999999999919</v>
      </c>
      <c r="E131">
        <f t="shared" si="7"/>
        <v>29.962198999999828</v>
      </c>
      <c r="F131">
        <f t="shared" ref="F131:F194" si="8">(1/A131)*(E131/D131)</f>
        <v>3.5080199454242969E-2</v>
      </c>
    </row>
    <row r="132" spans="1:6" x14ac:dyDescent="0.2">
      <c r="A132">
        <v>1322.4620520000001</v>
      </c>
      <c r="B132">
        <v>20.025839999999999</v>
      </c>
      <c r="C132">
        <v>8.0559100000000008</v>
      </c>
      <c r="D132">
        <f t="shared" si="6"/>
        <v>0.65062400000000054</v>
      </c>
      <c r="E132">
        <f t="shared" si="7"/>
        <v>29.500984000000017</v>
      </c>
      <c r="F132">
        <f t="shared" si="8"/>
        <v>3.4286503923401913E-2</v>
      </c>
    </row>
    <row r="133" spans="1:6" x14ac:dyDescent="0.2">
      <c r="A133">
        <v>1322.319565</v>
      </c>
      <c r="B133">
        <v>19.983198999999999</v>
      </c>
      <c r="C133">
        <v>8.0609149999999996</v>
      </c>
      <c r="D133">
        <f t="shared" si="6"/>
        <v>0.65562899999999935</v>
      </c>
      <c r="E133">
        <f t="shared" si="7"/>
        <v>29.358496999999943</v>
      </c>
      <c r="F133">
        <f t="shared" si="8"/>
        <v>3.3864076710891158E-2</v>
      </c>
    </row>
    <row r="134" spans="1:6" x14ac:dyDescent="0.2">
      <c r="A134">
        <v>1322.232448</v>
      </c>
      <c r="B134">
        <v>20.002458000000001</v>
      </c>
      <c r="C134">
        <v>8.0659200000000002</v>
      </c>
      <c r="D134">
        <f t="shared" si="6"/>
        <v>0.66063399999999994</v>
      </c>
      <c r="E134">
        <f t="shared" si="7"/>
        <v>29.271379999999908</v>
      </c>
      <c r="F134">
        <f t="shared" si="8"/>
        <v>3.3510002933728633E-2</v>
      </c>
    </row>
    <row r="135" spans="1:6" x14ac:dyDescent="0.2">
      <c r="A135">
        <v>1322.22297</v>
      </c>
      <c r="B135">
        <v>19.997451000000002</v>
      </c>
      <c r="C135">
        <v>8.0709250000000008</v>
      </c>
      <c r="D135">
        <f t="shared" ref="D135:D198" si="9">C135-$C$2</f>
        <v>0.66563900000000054</v>
      </c>
      <c r="E135">
        <f t="shared" ref="E135:E198" si="10">A135-$A$2</f>
        <v>29.261901999999964</v>
      </c>
      <c r="F135">
        <f t="shared" si="8"/>
        <v>3.3247507637156476E-2</v>
      </c>
    </row>
    <row r="136" spans="1:6" x14ac:dyDescent="0.2">
      <c r="A136">
        <v>1322.8143620000001</v>
      </c>
      <c r="B136">
        <v>19.937712000000001</v>
      </c>
      <c r="C136">
        <v>8.0759299999999996</v>
      </c>
      <c r="D136">
        <f t="shared" si="9"/>
        <v>0.67064399999999935</v>
      </c>
      <c r="E136">
        <f t="shared" si="10"/>
        <v>29.853294000000005</v>
      </c>
      <c r="F136">
        <f t="shared" si="8"/>
        <v>3.3651258678160947E-2</v>
      </c>
    </row>
    <row r="137" spans="1:6" x14ac:dyDescent="0.2">
      <c r="A137">
        <v>1323.975398</v>
      </c>
      <c r="B137">
        <v>19.948568000000002</v>
      </c>
      <c r="C137">
        <v>8.0809339999999992</v>
      </c>
      <c r="D137">
        <f t="shared" si="9"/>
        <v>0.67564799999999892</v>
      </c>
      <c r="E137">
        <f t="shared" si="10"/>
        <v>31.014329999999973</v>
      </c>
      <c r="F137">
        <f t="shared" si="8"/>
        <v>3.4670650723457555E-2</v>
      </c>
    </row>
    <row r="138" spans="1:6" x14ac:dyDescent="0.2">
      <c r="A138">
        <v>1325.632977</v>
      </c>
      <c r="B138">
        <v>19.893476</v>
      </c>
      <c r="C138">
        <v>8.0859389999999998</v>
      </c>
      <c r="D138">
        <f t="shared" si="9"/>
        <v>0.68065299999999951</v>
      </c>
      <c r="E138">
        <f t="shared" si="10"/>
        <v>32.671908999999914</v>
      </c>
      <c r="F138">
        <f t="shared" si="8"/>
        <v>3.6209743509742882E-2</v>
      </c>
    </row>
    <row r="139" spans="1:6" x14ac:dyDescent="0.2">
      <c r="A139">
        <v>1327.0579499999999</v>
      </c>
      <c r="B139">
        <v>19.945118000000001</v>
      </c>
      <c r="C139">
        <v>8.0909440000000004</v>
      </c>
      <c r="D139">
        <f t="shared" si="9"/>
        <v>0.6856580000000001</v>
      </c>
      <c r="E139">
        <f t="shared" si="10"/>
        <v>34.096881999999823</v>
      </c>
      <c r="F139">
        <f t="shared" si="8"/>
        <v>3.7472893690070549E-2</v>
      </c>
    </row>
    <row r="140" spans="1:6" x14ac:dyDescent="0.2">
      <c r="A140">
        <v>1327.595127</v>
      </c>
      <c r="B140">
        <v>19.991592000000001</v>
      </c>
      <c r="C140">
        <v>8.0959489999999992</v>
      </c>
      <c r="D140">
        <f t="shared" si="9"/>
        <v>0.69066299999999892</v>
      </c>
      <c r="E140">
        <f t="shared" si="10"/>
        <v>34.634058999999979</v>
      </c>
      <c r="F140">
        <f t="shared" si="8"/>
        <v>3.7772136640367715E-2</v>
      </c>
    </row>
    <row r="141" spans="1:6" x14ac:dyDescent="0.2">
      <c r="A141">
        <v>1328.0519569999999</v>
      </c>
      <c r="B141">
        <v>19.964269999999999</v>
      </c>
      <c r="C141">
        <v>8.1009539999999998</v>
      </c>
      <c r="D141">
        <f t="shared" si="9"/>
        <v>0.69566799999999951</v>
      </c>
      <c r="E141">
        <f t="shared" si="10"/>
        <v>35.090888999999834</v>
      </c>
      <c r="F141">
        <f t="shared" si="8"/>
        <v>3.7981951772296033E-2</v>
      </c>
    </row>
    <row r="142" spans="1:6" x14ac:dyDescent="0.2">
      <c r="A142">
        <v>1328.576644</v>
      </c>
      <c r="B142">
        <v>19.965952999999999</v>
      </c>
      <c r="C142">
        <v>8.1059579999999993</v>
      </c>
      <c r="D142">
        <f t="shared" si="9"/>
        <v>0.70067199999999907</v>
      </c>
      <c r="E142">
        <f t="shared" si="10"/>
        <v>35.615575999999919</v>
      </c>
      <c r="F142">
        <f t="shared" si="8"/>
        <v>3.82594388831346E-2</v>
      </c>
    </row>
    <row r="143" spans="1:6" x14ac:dyDescent="0.2">
      <c r="A143">
        <v>1328.6875580000001</v>
      </c>
      <c r="B143">
        <v>20.00441</v>
      </c>
      <c r="C143">
        <v>8.1109629999999999</v>
      </c>
      <c r="D143">
        <f t="shared" si="9"/>
        <v>0.70567699999999967</v>
      </c>
      <c r="E143">
        <f t="shared" si="10"/>
        <v>35.726490000000013</v>
      </c>
      <c r="F143">
        <f t="shared" si="8"/>
        <v>3.8103206060505226E-2</v>
      </c>
    </row>
    <row r="144" spans="1:6" x14ac:dyDescent="0.2">
      <c r="A144">
        <v>1328.4862479999999</v>
      </c>
      <c r="B144">
        <v>20.020928000000001</v>
      </c>
      <c r="C144">
        <v>8.1159680000000005</v>
      </c>
      <c r="D144">
        <f t="shared" si="9"/>
        <v>0.71068200000000026</v>
      </c>
      <c r="E144">
        <f t="shared" si="10"/>
        <v>35.525179999999864</v>
      </c>
      <c r="F144">
        <f t="shared" si="8"/>
        <v>3.762737382589771E-2</v>
      </c>
    </row>
    <row r="145" spans="1:6" x14ac:dyDescent="0.2">
      <c r="A145">
        <v>1327.9977160000001</v>
      </c>
      <c r="B145">
        <v>20.016718999999998</v>
      </c>
      <c r="C145">
        <v>8.1209729999999993</v>
      </c>
      <c r="D145">
        <f t="shared" si="9"/>
        <v>0.71568699999999907</v>
      </c>
      <c r="E145">
        <f t="shared" si="10"/>
        <v>35.036648000000014</v>
      </c>
      <c r="F145">
        <f t="shared" si="8"/>
        <v>3.6863969092605635E-2</v>
      </c>
    </row>
    <row r="146" spans="1:6" x14ac:dyDescent="0.2">
      <c r="A146">
        <v>1326.983338</v>
      </c>
      <c r="B146">
        <v>20.064981</v>
      </c>
      <c r="C146">
        <v>8.1259779999999999</v>
      </c>
      <c r="D146">
        <f t="shared" si="9"/>
        <v>0.72069199999999967</v>
      </c>
      <c r="E146">
        <f t="shared" si="10"/>
        <v>34.022269999999935</v>
      </c>
      <c r="F146">
        <f t="shared" si="8"/>
        <v>3.5575262705421405E-2</v>
      </c>
    </row>
    <row r="147" spans="1:6" x14ac:dyDescent="0.2">
      <c r="A147">
        <v>1326.211362</v>
      </c>
      <c r="B147">
        <v>20.025884999999999</v>
      </c>
      <c r="C147">
        <v>8.1309819999999995</v>
      </c>
      <c r="D147">
        <f t="shared" si="9"/>
        <v>0.72569599999999923</v>
      </c>
      <c r="E147">
        <f t="shared" si="10"/>
        <v>33.25029399999994</v>
      </c>
      <c r="F147">
        <f t="shared" si="8"/>
        <v>3.4548406118672922E-2</v>
      </c>
    </row>
    <row r="148" spans="1:6" x14ac:dyDescent="0.2">
      <c r="A148">
        <v>1325.707711</v>
      </c>
      <c r="B148">
        <v>20.004957999999998</v>
      </c>
      <c r="C148">
        <v>8.1359870000000001</v>
      </c>
      <c r="D148">
        <f t="shared" si="9"/>
        <v>0.73070099999999982</v>
      </c>
      <c r="E148">
        <f t="shared" si="10"/>
        <v>32.746642999999949</v>
      </c>
      <c r="F148">
        <f t="shared" si="8"/>
        <v>3.380487241164E-2</v>
      </c>
    </row>
    <row r="149" spans="1:6" x14ac:dyDescent="0.2">
      <c r="A149">
        <v>1325.2581150000001</v>
      </c>
      <c r="B149">
        <v>20.020713000000001</v>
      </c>
      <c r="C149">
        <v>8.1409920000000007</v>
      </c>
      <c r="D149">
        <f t="shared" si="9"/>
        <v>0.73570600000000042</v>
      </c>
      <c r="E149">
        <f t="shared" si="10"/>
        <v>32.29704700000002</v>
      </c>
      <c r="F149">
        <f t="shared" si="8"/>
        <v>3.3125164629446535E-2</v>
      </c>
    </row>
    <row r="150" spans="1:6" x14ac:dyDescent="0.2">
      <c r="A150">
        <v>1325.2589539999999</v>
      </c>
      <c r="B150">
        <v>19.98413</v>
      </c>
      <c r="C150">
        <v>8.1459969999999995</v>
      </c>
      <c r="D150">
        <f t="shared" si="9"/>
        <v>0.74071099999999923</v>
      </c>
      <c r="E150">
        <f t="shared" si="10"/>
        <v>32.297885999999835</v>
      </c>
      <c r="F150">
        <f t="shared" si="8"/>
        <v>3.2902171054832355E-2</v>
      </c>
    </row>
    <row r="151" spans="1:6" x14ac:dyDescent="0.2">
      <c r="A151">
        <v>1325.1773020000001</v>
      </c>
      <c r="B151">
        <v>20.023115000000001</v>
      </c>
      <c r="C151">
        <v>8.1510020000000001</v>
      </c>
      <c r="D151">
        <f t="shared" si="9"/>
        <v>0.74571599999999982</v>
      </c>
      <c r="E151">
        <f t="shared" si="10"/>
        <v>32.216233999999986</v>
      </c>
      <c r="F151">
        <f t="shared" si="8"/>
        <v>3.2600729714122603E-2</v>
      </c>
    </row>
    <row r="152" spans="1:6" x14ac:dyDescent="0.2">
      <c r="A152">
        <v>1324.980601</v>
      </c>
      <c r="B152">
        <v>20.007062999999999</v>
      </c>
      <c r="C152">
        <v>8.1560059999999996</v>
      </c>
      <c r="D152">
        <f t="shared" si="9"/>
        <v>0.75071999999999939</v>
      </c>
      <c r="E152">
        <f t="shared" si="10"/>
        <v>32.01953299999991</v>
      </c>
      <c r="F152">
        <f t="shared" si="8"/>
        <v>3.2190482592803771E-2</v>
      </c>
    </row>
    <row r="153" spans="1:6" x14ac:dyDescent="0.2">
      <c r="A153">
        <v>1325.0871990000001</v>
      </c>
      <c r="B153">
        <v>19.960628</v>
      </c>
      <c r="C153">
        <v>8.1610110000000002</v>
      </c>
      <c r="D153">
        <f t="shared" si="9"/>
        <v>0.75572499999999998</v>
      </c>
      <c r="E153">
        <f t="shared" si="10"/>
        <v>32.126130999999987</v>
      </c>
      <c r="F153">
        <f t="shared" si="8"/>
        <v>3.2081168489600451E-2</v>
      </c>
    </row>
    <row r="154" spans="1:6" x14ac:dyDescent="0.2">
      <c r="A154">
        <v>1325.489507</v>
      </c>
      <c r="B154">
        <v>20.004648</v>
      </c>
      <c r="C154">
        <v>8.1660160000000008</v>
      </c>
      <c r="D154">
        <f t="shared" si="9"/>
        <v>0.76073000000000057</v>
      </c>
      <c r="E154">
        <f t="shared" si="10"/>
        <v>32.528438999999935</v>
      </c>
      <c r="F154">
        <f t="shared" si="8"/>
        <v>3.2259407392513512E-2</v>
      </c>
    </row>
    <row r="155" spans="1:6" x14ac:dyDescent="0.2">
      <c r="A155">
        <v>1325.693495</v>
      </c>
      <c r="B155">
        <v>19.987627</v>
      </c>
      <c r="C155">
        <v>8.1710209999999996</v>
      </c>
      <c r="D155">
        <f t="shared" si="9"/>
        <v>0.76573499999999939</v>
      </c>
      <c r="E155">
        <f t="shared" si="10"/>
        <v>32.732426999999916</v>
      </c>
      <c r="F155">
        <f t="shared" si="8"/>
        <v>3.2244569615518831E-2</v>
      </c>
    </row>
    <row r="156" spans="1:6" x14ac:dyDescent="0.2">
      <c r="A156">
        <v>1325.900568</v>
      </c>
      <c r="B156">
        <v>19.997056000000001</v>
      </c>
      <c r="C156">
        <v>8.1760260000000002</v>
      </c>
      <c r="D156">
        <f t="shared" si="9"/>
        <v>0.77073999999999998</v>
      </c>
      <c r="E156">
        <f t="shared" si="10"/>
        <v>32.939499999999953</v>
      </c>
      <c r="F156">
        <f t="shared" si="8"/>
        <v>3.2232808446092422E-2</v>
      </c>
    </row>
    <row r="157" spans="1:6" x14ac:dyDescent="0.2">
      <c r="A157">
        <v>1325.7918259999999</v>
      </c>
      <c r="B157">
        <v>20.003018000000001</v>
      </c>
      <c r="C157">
        <v>8.1810299999999998</v>
      </c>
      <c r="D157">
        <f t="shared" si="9"/>
        <v>0.77574399999999955</v>
      </c>
      <c r="E157">
        <f t="shared" si="10"/>
        <v>32.830757999999832</v>
      </c>
      <c r="F157">
        <f t="shared" si="8"/>
        <v>3.1921783482973469E-2</v>
      </c>
    </row>
    <row r="158" spans="1:6" x14ac:dyDescent="0.2">
      <c r="A158">
        <v>1325.696725</v>
      </c>
      <c r="B158">
        <v>19.986916000000001</v>
      </c>
      <c r="C158">
        <v>8.1860350000000004</v>
      </c>
      <c r="D158">
        <f t="shared" si="9"/>
        <v>0.78074900000000014</v>
      </c>
      <c r="E158">
        <f t="shared" si="10"/>
        <v>32.735656999999946</v>
      </c>
      <c r="F158">
        <f t="shared" si="8"/>
        <v>3.1627542028516802E-2</v>
      </c>
    </row>
    <row r="159" spans="1:6" x14ac:dyDescent="0.2">
      <c r="A159">
        <v>1325.9393110000001</v>
      </c>
      <c r="B159">
        <v>19.967472999999998</v>
      </c>
      <c r="C159">
        <v>8.1910399999999992</v>
      </c>
      <c r="D159">
        <f t="shared" si="9"/>
        <v>0.78575399999999895</v>
      </c>
      <c r="E159">
        <f t="shared" si="10"/>
        <v>32.97824300000002</v>
      </c>
      <c r="F159">
        <f t="shared" si="8"/>
        <v>3.1653174110096265E-2</v>
      </c>
    </row>
    <row r="160" spans="1:6" x14ac:dyDescent="0.2">
      <c r="A160">
        <v>1326.1469179999999</v>
      </c>
      <c r="B160">
        <v>19.999538000000001</v>
      </c>
      <c r="C160">
        <v>8.1960449999999998</v>
      </c>
      <c r="D160">
        <f t="shared" si="9"/>
        <v>0.79075899999999955</v>
      </c>
      <c r="E160">
        <f t="shared" si="10"/>
        <v>33.185849999999846</v>
      </c>
      <c r="F160">
        <f t="shared" si="8"/>
        <v>3.1645878913213341E-2</v>
      </c>
    </row>
    <row r="161" spans="1:6" x14ac:dyDescent="0.2">
      <c r="A161">
        <v>1326.3570070000001</v>
      </c>
      <c r="B161">
        <v>19.983598000000001</v>
      </c>
      <c r="C161">
        <v>8.2010500000000004</v>
      </c>
      <c r="D161">
        <f t="shared" si="9"/>
        <v>0.79576400000000014</v>
      </c>
      <c r="E161">
        <f t="shared" si="10"/>
        <v>33.395938999999998</v>
      </c>
      <c r="F161">
        <f t="shared" si="8"/>
        <v>3.1640907789921097E-2</v>
      </c>
    </row>
    <row r="162" spans="1:6" x14ac:dyDescent="0.2">
      <c r="A162">
        <v>1326.6137180000001</v>
      </c>
      <c r="B162">
        <v>19.984981000000001</v>
      </c>
      <c r="C162">
        <v>8.206054</v>
      </c>
      <c r="D162">
        <f t="shared" si="9"/>
        <v>0.8007679999999997</v>
      </c>
      <c r="E162">
        <f t="shared" si="10"/>
        <v>33.652649999999994</v>
      </c>
      <c r="F162">
        <f t="shared" si="8"/>
        <v>3.1678752812860152E-2</v>
      </c>
    </row>
    <row r="163" spans="1:6" x14ac:dyDescent="0.2">
      <c r="A163">
        <v>1326.6058190000001</v>
      </c>
      <c r="B163">
        <v>19.978190000000001</v>
      </c>
      <c r="C163">
        <v>8.2110590000000006</v>
      </c>
      <c r="D163">
        <f t="shared" si="9"/>
        <v>0.80577300000000029</v>
      </c>
      <c r="E163">
        <f t="shared" si="10"/>
        <v>33.644751000000042</v>
      </c>
      <c r="F163">
        <f t="shared" si="8"/>
        <v>3.1474780470161341E-2</v>
      </c>
    </row>
    <row r="164" spans="1:6" x14ac:dyDescent="0.2">
      <c r="A164">
        <v>1326.898717</v>
      </c>
      <c r="B164">
        <v>19.996110000000002</v>
      </c>
      <c r="C164">
        <v>8.2160639999999994</v>
      </c>
      <c r="D164">
        <f t="shared" si="9"/>
        <v>0.81077799999999911</v>
      </c>
      <c r="E164">
        <f t="shared" si="10"/>
        <v>33.937648999999965</v>
      </c>
      <c r="F164">
        <f t="shared" si="8"/>
        <v>3.1545834726709271E-2</v>
      </c>
    </row>
    <row r="165" spans="1:6" x14ac:dyDescent="0.2">
      <c r="A165">
        <v>1327.4053739999999</v>
      </c>
      <c r="B165">
        <v>19.964085000000001</v>
      </c>
      <c r="C165">
        <v>8.221069</v>
      </c>
      <c r="D165">
        <f t="shared" si="9"/>
        <v>0.8157829999999997</v>
      </c>
      <c r="E165">
        <f t="shared" si="10"/>
        <v>34.44430599999987</v>
      </c>
      <c r="F165">
        <f t="shared" si="8"/>
        <v>3.1808209005491375E-2</v>
      </c>
    </row>
    <row r="166" spans="1:6" x14ac:dyDescent="0.2">
      <c r="A166">
        <v>1327.7478639999999</v>
      </c>
      <c r="B166">
        <v>19.992816999999999</v>
      </c>
      <c r="C166">
        <v>8.2260740000000006</v>
      </c>
      <c r="D166">
        <f t="shared" si="9"/>
        <v>0.8207880000000003</v>
      </c>
      <c r="E166">
        <f t="shared" si="10"/>
        <v>34.786795999999867</v>
      </c>
      <c r="F166">
        <f t="shared" si="8"/>
        <v>3.1920362928777236E-2</v>
      </c>
    </row>
    <row r="167" spans="1:6" x14ac:dyDescent="0.2">
      <c r="A167">
        <v>1327.994956</v>
      </c>
      <c r="B167">
        <v>19.982326</v>
      </c>
      <c r="C167">
        <v>8.2310780000000001</v>
      </c>
      <c r="D167">
        <f t="shared" si="9"/>
        <v>0.82579199999999986</v>
      </c>
      <c r="E167">
        <f t="shared" si="10"/>
        <v>35.033887999999934</v>
      </c>
      <c r="F167">
        <f t="shared" si="8"/>
        <v>3.1946349636847247E-2</v>
      </c>
    </row>
    <row r="168" spans="1:6" x14ac:dyDescent="0.2">
      <c r="A168">
        <v>1328.1711439999999</v>
      </c>
      <c r="B168">
        <v>19.980478999999999</v>
      </c>
      <c r="C168">
        <v>8.2360830000000007</v>
      </c>
      <c r="D168">
        <f t="shared" si="9"/>
        <v>0.83079700000000045</v>
      </c>
      <c r="E168">
        <f t="shared" si="10"/>
        <v>35.210075999999844</v>
      </c>
      <c r="F168">
        <f t="shared" si="8"/>
        <v>3.190935328886526E-2</v>
      </c>
    </row>
    <row r="169" spans="1:6" x14ac:dyDescent="0.2">
      <c r="A169">
        <v>1328.2264</v>
      </c>
      <c r="B169">
        <v>19.993286999999999</v>
      </c>
      <c r="C169">
        <v>8.2410879999999995</v>
      </c>
      <c r="D169">
        <f t="shared" si="9"/>
        <v>0.83580199999999927</v>
      </c>
      <c r="E169">
        <f t="shared" si="10"/>
        <v>35.265331999999944</v>
      </c>
      <c r="F169">
        <f t="shared" si="8"/>
        <v>3.1766726409022582E-2</v>
      </c>
    </row>
    <row r="170" spans="1:6" x14ac:dyDescent="0.2">
      <c r="A170">
        <v>1328.4478879999999</v>
      </c>
      <c r="B170">
        <v>19.985849000000002</v>
      </c>
      <c r="C170">
        <v>8.2460930000000001</v>
      </c>
      <c r="D170">
        <f t="shared" si="9"/>
        <v>0.84080699999999986</v>
      </c>
      <c r="E170">
        <f t="shared" si="10"/>
        <v>35.486819999999852</v>
      </c>
      <c r="F170">
        <f t="shared" si="8"/>
        <v>3.1770660392497464E-2</v>
      </c>
    </row>
    <row r="171" spans="1:6" x14ac:dyDescent="0.2">
      <c r="A171">
        <v>1328.664203</v>
      </c>
      <c r="B171">
        <v>20.000046000000001</v>
      </c>
      <c r="C171">
        <v>8.2510980000000007</v>
      </c>
      <c r="D171">
        <f t="shared" si="9"/>
        <v>0.84581200000000045</v>
      </c>
      <c r="E171">
        <f t="shared" si="10"/>
        <v>35.703134999999975</v>
      </c>
      <c r="F171">
        <f t="shared" si="8"/>
        <v>3.1770004421968534E-2</v>
      </c>
    </row>
    <row r="172" spans="1:6" x14ac:dyDescent="0.2">
      <c r="A172">
        <v>1328.8429699999999</v>
      </c>
      <c r="B172">
        <v>19.990414999999999</v>
      </c>
      <c r="C172">
        <v>8.2561020000000003</v>
      </c>
      <c r="D172">
        <f t="shared" si="9"/>
        <v>0.85081600000000002</v>
      </c>
      <c r="E172">
        <f t="shared" si="10"/>
        <v>35.881901999999855</v>
      </c>
      <c r="F172">
        <f t="shared" si="8"/>
        <v>3.1737019896184063E-2</v>
      </c>
    </row>
    <row r="173" spans="1:6" x14ac:dyDescent="0.2">
      <c r="A173">
        <v>1329.0134860000001</v>
      </c>
      <c r="B173">
        <v>19.973341000000001</v>
      </c>
      <c r="C173">
        <v>8.2611070000000009</v>
      </c>
      <c r="D173">
        <f t="shared" si="9"/>
        <v>0.85582100000000061</v>
      </c>
      <c r="E173">
        <f t="shared" si="10"/>
        <v>36.052417999999989</v>
      </c>
      <c r="F173">
        <f t="shared" si="8"/>
        <v>3.1697285448864791E-2</v>
      </c>
    </row>
    <row r="174" spans="1:6" x14ac:dyDescent="0.2">
      <c r="A174">
        <v>1329.2101150000001</v>
      </c>
      <c r="B174">
        <v>19.985710000000001</v>
      </c>
      <c r="C174">
        <v>8.2661119999999997</v>
      </c>
      <c r="D174">
        <f t="shared" si="9"/>
        <v>0.86082599999999942</v>
      </c>
      <c r="E174">
        <f t="shared" si="10"/>
        <v>36.249047000000019</v>
      </c>
      <c r="F174">
        <f t="shared" si="8"/>
        <v>3.1680175590487095E-2</v>
      </c>
    </row>
    <row r="175" spans="1:6" x14ac:dyDescent="0.2">
      <c r="A175">
        <v>1329.1255679999999</v>
      </c>
      <c r="B175">
        <v>20.000993000000001</v>
      </c>
      <c r="C175">
        <v>8.2711170000000003</v>
      </c>
      <c r="D175">
        <f t="shared" si="9"/>
        <v>0.86583100000000002</v>
      </c>
      <c r="E175">
        <f t="shared" si="10"/>
        <v>36.164499999999862</v>
      </c>
      <c r="F175">
        <f t="shared" si="8"/>
        <v>3.1425581413414484E-2</v>
      </c>
    </row>
    <row r="176" spans="1:6" x14ac:dyDescent="0.2">
      <c r="A176">
        <v>1329.1612009999999</v>
      </c>
      <c r="B176">
        <v>19.987296000000001</v>
      </c>
      <c r="C176">
        <v>8.2761220000000009</v>
      </c>
      <c r="D176">
        <f t="shared" si="9"/>
        <v>0.87083600000000061</v>
      </c>
      <c r="E176">
        <f t="shared" si="10"/>
        <v>36.200132999999823</v>
      </c>
      <c r="F176">
        <f t="shared" si="8"/>
        <v>3.1274914880573747E-2</v>
      </c>
    </row>
    <row r="177" spans="1:6" x14ac:dyDescent="0.2">
      <c r="A177">
        <v>1329.4846689999999</v>
      </c>
      <c r="B177">
        <v>19.985174000000001</v>
      </c>
      <c r="C177">
        <v>8.2811260000000004</v>
      </c>
      <c r="D177">
        <f t="shared" si="9"/>
        <v>0.87584000000000017</v>
      </c>
      <c r="E177">
        <f t="shared" si="10"/>
        <v>36.523600999999871</v>
      </c>
      <c r="F177">
        <f t="shared" si="8"/>
        <v>3.1366458058501238E-2</v>
      </c>
    </row>
    <row r="178" spans="1:6" x14ac:dyDescent="0.2">
      <c r="A178">
        <v>1329.8008789999999</v>
      </c>
      <c r="B178">
        <v>19.972027000000001</v>
      </c>
      <c r="C178">
        <v>8.2861309999999992</v>
      </c>
      <c r="D178">
        <f t="shared" si="9"/>
        <v>0.88084499999999899</v>
      </c>
      <c r="E178">
        <f t="shared" si="10"/>
        <v>36.839810999999827</v>
      </c>
      <c r="F178">
        <f t="shared" si="8"/>
        <v>3.1450770122658352E-2</v>
      </c>
    </row>
    <row r="179" spans="1:6" x14ac:dyDescent="0.2">
      <c r="A179">
        <v>1330.2653029999999</v>
      </c>
      <c r="B179">
        <v>19.978677999999999</v>
      </c>
      <c r="C179">
        <v>8.2911359999999998</v>
      </c>
      <c r="D179">
        <f t="shared" si="9"/>
        <v>0.88584999999999958</v>
      </c>
      <c r="E179">
        <f t="shared" si="10"/>
        <v>37.304234999999835</v>
      </c>
      <c r="F179">
        <f t="shared" si="8"/>
        <v>3.1656265900451251E-2</v>
      </c>
    </row>
    <row r="180" spans="1:6" x14ac:dyDescent="0.2">
      <c r="A180">
        <v>1330.988689</v>
      </c>
      <c r="B180">
        <v>19.968589000000001</v>
      </c>
      <c r="C180">
        <v>8.2961410000000004</v>
      </c>
      <c r="D180">
        <f t="shared" si="9"/>
        <v>0.89085500000000017</v>
      </c>
      <c r="E180">
        <f t="shared" si="10"/>
        <v>38.027620999999954</v>
      </c>
      <c r="F180">
        <f t="shared" si="8"/>
        <v>3.2071389058655121E-2</v>
      </c>
    </row>
    <row r="181" spans="1:6" x14ac:dyDescent="0.2">
      <c r="A181">
        <v>1331.418081</v>
      </c>
      <c r="B181">
        <v>19.968927999999998</v>
      </c>
      <c r="C181">
        <v>8.3011459999999992</v>
      </c>
      <c r="D181">
        <f t="shared" si="9"/>
        <v>0.89585999999999899</v>
      </c>
      <c r="E181">
        <f t="shared" si="10"/>
        <v>38.457012999999961</v>
      </c>
      <c r="F181">
        <f t="shared" si="8"/>
        <v>3.224192420771535E-2</v>
      </c>
    </row>
    <row r="182" spans="1:6" x14ac:dyDescent="0.2">
      <c r="A182">
        <v>1331.9680000000001</v>
      </c>
      <c r="B182">
        <v>19.959046000000001</v>
      </c>
      <c r="C182">
        <v>8.3061500000000006</v>
      </c>
      <c r="D182">
        <f t="shared" si="9"/>
        <v>0.90086400000000033</v>
      </c>
      <c r="E182">
        <f t="shared" si="10"/>
        <v>39.006932000000006</v>
      </c>
      <c r="F182">
        <f t="shared" si="8"/>
        <v>3.2507889128126188E-2</v>
      </c>
    </row>
    <row r="183" spans="1:6" x14ac:dyDescent="0.2">
      <c r="A183">
        <v>1332.9296119999999</v>
      </c>
      <c r="B183">
        <v>19.956593000000002</v>
      </c>
      <c r="C183">
        <v>8.3111549999999994</v>
      </c>
      <c r="D183">
        <f t="shared" si="9"/>
        <v>0.90586899999999915</v>
      </c>
      <c r="E183">
        <f t="shared" si="10"/>
        <v>39.968543999999838</v>
      </c>
      <c r="F183">
        <f t="shared" si="8"/>
        <v>3.3101350565805619E-2</v>
      </c>
    </row>
    <row r="184" spans="1:6" x14ac:dyDescent="0.2">
      <c r="A184">
        <v>1334.0198210000001</v>
      </c>
      <c r="B184">
        <v>19.945129000000001</v>
      </c>
      <c r="C184">
        <v>8.31616</v>
      </c>
      <c r="D184">
        <f t="shared" si="9"/>
        <v>0.91087399999999974</v>
      </c>
      <c r="E184">
        <f t="shared" si="10"/>
        <v>41.058753000000024</v>
      </c>
      <c r="F184">
        <f t="shared" si="8"/>
        <v>3.3789764665205599E-2</v>
      </c>
    </row>
    <row r="185" spans="1:6" x14ac:dyDescent="0.2">
      <c r="A185">
        <v>1334.3794089999999</v>
      </c>
      <c r="B185">
        <v>19.986512000000001</v>
      </c>
      <c r="C185">
        <v>8.3211650000000006</v>
      </c>
      <c r="D185">
        <f t="shared" si="9"/>
        <v>0.91587900000000033</v>
      </c>
      <c r="E185">
        <f t="shared" si="10"/>
        <v>41.418340999999828</v>
      </c>
      <c r="F185">
        <f t="shared" si="8"/>
        <v>3.3890288538560243E-2</v>
      </c>
    </row>
    <row r="186" spans="1:6" x14ac:dyDescent="0.2">
      <c r="A186">
        <v>1334.0289560000001</v>
      </c>
      <c r="B186">
        <v>20.039823999999999</v>
      </c>
      <c r="C186">
        <v>8.3261699999999994</v>
      </c>
      <c r="D186">
        <f t="shared" si="9"/>
        <v>0.92088399999999915</v>
      </c>
      <c r="E186">
        <f t="shared" si="10"/>
        <v>41.067888000000039</v>
      </c>
      <c r="F186">
        <f t="shared" si="8"/>
        <v>3.3429677372823E-2</v>
      </c>
    </row>
    <row r="187" spans="1:6" x14ac:dyDescent="0.2">
      <c r="A187">
        <v>1333.411298</v>
      </c>
      <c r="B187">
        <v>20.020099999999999</v>
      </c>
      <c r="C187">
        <v>8.3311740000000007</v>
      </c>
      <c r="D187">
        <f t="shared" si="9"/>
        <v>0.92588800000000049</v>
      </c>
      <c r="E187">
        <f t="shared" si="10"/>
        <v>40.45022999999992</v>
      </c>
      <c r="F187">
        <f t="shared" si="8"/>
        <v>3.2764112564187015E-2</v>
      </c>
    </row>
    <row r="188" spans="1:6" x14ac:dyDescent="0.2">
      <c r="A188">
        <v>1332.8615110000001</v>
      </c>
      <c r="B188">
        <v>20.024270000000001</v>
      </c>
      <c r="C188">
        <v>8.3361789999999996</v>
      </c>
      <c r="D188">
        <f t="shared" si="9"/>
        <v>0.9308929999999993</v>
      </c>
      <c r="E188">
        <f t="shared" si="10"/>
        <v>39.900442999999996</v>
      </c>
      <c r="F188">
        <f t="shared" si="8"/>
        <v>3.2158288416276402E-2</v>
      </c>
    </row>
    <row r="189" spans="1:6" x14ac:dyDescent="0.2">
      <c r="A189">
        <v>1332.1356619999999</v>
      </c>
      <c r="B189">
        <v>20.042801000000001</v>
      </c>
      <c r="C189">
        <v>8.3411840000000002</v>
      </c>
      <c r="D189">
        <f t="shared" si="9"/>
        <v>0.9358979999999999</v>
      </c>
      <c r="E189">
        <f t="shared" si="10"/>
        <v>39.174593999999843</v>
      </c>
      <c r="F189">
        <f t="shared" si="8"/>
        <v>3.142154461782435E-2</v>
      </c>
    </row>
    <row r="190" spans="1:6" x14ac:dyDescent="0.2">
      <c r="A190">
        <v>1331.248423</v>
      </c>
      <c r="B190">
        <v>20.034576000000001</v>
      </c>
      <c r="C190">
        <v>8.3461890000000007</v>
      </c>
      <c r="D190">
        <f t="shared" si="9"/>
        <v>0.94090300000000049</v>
      </c>
      <c r="E190">
        <f t="shared" si="10"/>
        <v>38.287354999999934</v>
      </c>
      <c r="F190">
        <f t="shared" si="8"/>
        <v>3.0566900657980206E-2</v>
      </c>
    </row>
    <row r="191" spans="1:6" x14ac:dyDescent="0.2">
      <c r="A191">
        <v>1330.4765669999999</v>
      </c>
      <c r="B191">
        <v>20.026368999999999</v>
      </c>
      <c r="C191">
        <v>8.3511939999999996</v>
      </c>
      <c r="D191">
        <f t="shared" si="9"/>
        <v>0.9459079999999993</v>
      </c>
      <c r="E191">
        <f t="shared" si="10"/>
        <v>37.515498999999863</v>
      </c>
      <c r="F191">
        <f t="shared" si="8"/>
        <v>2.9809493642872349E-2</v>
      </c>
    </row>
    <row r="192" spans="1:6" x14ac:dyDescent="0.2">
      <c r="A192">
        <v>1329.6827840000001</v>
      </c>
      <c r="B192">
        <v>20.046495</v>
      </c>
      <c r="C192">
        <v>8.3561979999999991</v>
      </c>
      <c r="D192">
        <f t="shared" si="9"/>
        <v>0.95091199999999887</v>
      </c>
      <c r="E192">
        <f t="shared" si="10"/>
        <v>36.721716000000015</v>
      </c>
      <c r="F192">
        <f t="shared" si="8"/>
        <v>2.9042539836419922E-2</v>
      </c>
    </row>
    <row r="193" spans="1:6" x14ac:dyDescent="0.2">
      <c r="A193">
        <v>1328.5834500000001</v>
      </c>
      <c r="B193">
        <v>20.052865000000001</v>
      </c>
      <c r="C193">
        <v>8.3612029999999997</v>
      </c>
      <c r="D193">
        <f t="shared" si="9"/>
        <v>0.95591699999999946</v>
      </c>
      <c r="E193">
        <f t="shared" si="10"/>
        <v>35.622382000000016</v>
      </c>
      <c r="F193">
        <f t="shared" si="8"/>
        <v>2.8048777229928459E-2</v>
      </c>
    </row>
    <row r="194" spans="1:6" x14ac:dyDescent="0.2">
      <c r="A194">
        <v>1328.080455</v>
      </c>
      <c r="B194">
        <v>20.006176</v>
      </c>
      <c r="C194">
        <v>8.3662080000000003</v>
      </c>
      <c r="D194">
        <f t="shared" si="9"/>
        <v>0.96092200000000005</v>
      </c>
      <c r="E194">
        <f t="shared" si="10"/>
        <v>35.119386999999961</v>
      </c>
      <c r="F194">
        <f t="shared" si="8"/>
        <v>2.7519111312713399E-2</v>
      </c>
    </row>
    <row r="195" spans="1:6" x14ac:dyDescent="0.2">
      <c r="A195">
        <v>1327.916819</v>
      </c>
      <c r="B195">
        <v>19.995754000000002</v>
      </c>
      <c r="C195">
        <v>8.3712129999999991</v>
      </c>
      <c r="D195">
        <f t="shared" si="9"/>
        <v>0.96592699999999887</v>
      </c>
      <c r="E195">
        <f t="shared" si="10"/>
        <v>34.955750999999964</v>
      </c>
      <c r="F195">
        <f t="shared" ref="F195:F258" si="11">(1/A195)*(E195/D195)</f>
        <v>2.7252318735092575E-2</v>
      </c>
    </row>
    <row r="196" spans="1:6" x14ac:dyDescent="0.2">
      <c r="A196">
        <v>1328.4236880000001</v>
      </c>
      <c r="B196">
        <v>19.957578999999999</v>
      </c>
      <c r="C196">
        <v>8.3762179999999997</v>
      </c>
      <c r="D196">
        <f t="shared" si="9"/>
        <v>0.97093199999999946</v>
      </c>
      <c r="E196">
        <f t="shared" si="10"/>
        <v>35.462620000000015</v>
      </c>
      <c r="F196">
        <f t="shared" si="11"/>
        <v>2.7494472533416782E-2</v>
      </c>
    </row>
    <row r="197" spans="1:6" x14ac:dyDescent="0.2">
      <c r="A197">
        <v>1328.258266</v>
      </c>
      <c r="B197">
        <v>20.031825999999999</v>
      </c>
      <c r="C197">
        <v>8.3812219999999993</v>
      </c>
      <c r="D197">
        <f t="shared" si="9"/>
        <v>0.97593599999999903</v>
      </c>
      <c r="E197">
        <f t="shared" si="10"/>
        <v>35.29719799999998</v>
      </c>
      <c r="F197">
        <f t="shared" si="11"/>
        <v>2.7229293016715665E-2</v>
      </c>
    </row>
    <row r="198" spans="1:6" x14ac:dyDescent="0.2">
      <c r="A198">
        <v>1327.8904660000001</v>
      </c>
      <c r="B198">
        <v>20.014125</v>
      </c>
      <c r="C198">
        <v>8.3862269999999999</v>
      </c>
      <c r="D198">
        <f t="shared" si="9"/>
        <v>0.98094099999999962</v>
      </c>
      <c r="E198">
        <f t="shared" si="10"/>
        <v>34.929397999999992</v>
      </c>
      <c r="F198">
        <f t="shared" si="11"/>
        <v>2.6815503817622491E-2</v>
      </c>
    </row>
    <row r="199" spans="1:6" x14ac:dyDescent="0.2">
      <c r="A199">
        <v>1327.2146190000001</v>
      </c>
      <c r="B199">
        <v>20.036740000000002</v>
      </c>
      <c r="C199">
        <v>8.3912320000000005</v>
      </c>
      <c r="D199">
        <f t="shared" ref="D199:D262" si="12">C199-$C$2</f>
        <v>0.98594600000000021</v>
      </c>
      <c r="E199">
        <f t="shared" ref="E199:E262" si="13">A199-$A$2</f>
        <v>34.253551000000016</v>
      </c>
      <c r="F199">
        <f t="shared" si="11"/>
        <v>2.6176484145491608E-2</v>
      </c>
    </row>
    <row r="200" spans="1:6" x14ac:dyDescent="0.2">
      <c r="A200">
        <v>1327.0378539999999</v>
      </c>
      <c r="B200">
        <v>20.001313</v>
      </c>
      <c r="C200">
        <v>8.3962369999999993</v>
      </c>
      <c r="D200">
        <f t="shared" si="12"/>
        <v>0.99095099999999903</v>
      </c>
      <c r="E200">
        <f t="shared" si="13"/>
        <v>34.076785999999856</v>
      </c>
      <c r="F200">
        <f t="shared" si="11"/>
        <v>2.5913324605312336E-2</v>
      </c>
    </row>
    <row r="201" spans="1:6" x14ac:dyDescent="0.2">
      <c r="A201">
        <v>1327.1542420000001</v>
      </c>
      <c r="B201">
        <v>19.976596000000001</v>
      </c>
      <c r="C201">
        <v>8.4012419999999999</v>
      </c>
      <c r="D201">
        <f t="shared" si="12"/>
        <v>0.99595599999999962</v>
      </c>
      <c r="E201">
        <f t="shared" si="13"/>
        <v>34.193173999999999</v>
      </c>
      <c r="F201">
        <f t="shared" si="11"/>
        <v>2.586889418931141E-2</v>
      </c>
    </row>
    <row r="202" spans="1:6" x14ac:dyDescent="0.2">
      <c r="A202">
        <v>1327.4521139999999</v>
      </c>
      <c r="B202">
        <v>19.974079</v>
      </c>
      <c r="C202">
        <v>8.4062459999999994</v>
      </c>
      <c r="D202">
        <f t="shared" si="12"/>
        <v>1.0009599999999992</v>
      </c>
      <c r="E202">
        <f t="shared" si="13"/>
        <v>34.491045999999869</v>
      </c>
      <c r="F202">
        <f t="shared" si="11"/>
        <v>2.5957973164447944E-2</v>
      </c>
    </row>
    <row r="203" spans="1:6" x14ac:dyDescent="0.2">
      <c r="A203">
        <v>1328.0678109999999</v>
      </c>
      <c r="B203">
        <v>19.958393000000001</v>
      </c>
      <c r="C203">
        <v>8.411251</v>
      </c>
      <c r="D203">
        <f t="shared" si="12"/>
        <v>1.0059649999999998</v>
      </c>
      <c r="E203">
        <f t="shared" si="13"/>
        <v>35.106742999999824</v>
      </c>
      <c r="F203">
        <f t="shared" si="11"/>
        <v>2.6277704137491031E-2</v>
      </c>
    </row>
    <row r="204" spans="1:6" x14ac:dyDescent="0.2">
      <c r="A204">
        <v>1328.6066060000001</v>
      </c>
      <c r="B204">
        <v>19.987556999999999</v>
      </c>
      <c r="C204">
        <v>8.4162560000000006</v>
      </c>
      <c r="D204">
        <f t="shared" si="12"/>
        <v>1.0109700000000004</v>
      </c>
      <c r="E204">
        <f t="shared" si="13"/>
        <v>35.645537999999988</v>
      </c>
      <c r="F204">
        <f t="shared" si="11"/>
        <v>2.6538141055870847E-2</v>
      </c>
    </row>
    <row r="205" spans="1:6" x14ac:dyDescent="0.2">
      <c r="A205">
        <v>1328.866059</v>
      </c>
      <c r="B205">
        <v>19.994658999999999</v>
      </c>
      <c r="C205">
        <v>8.4212609999999994</v>
      </c>
      <c r="D205">
        <f t="shared" si="12"/>
        <v>1.0159749999999992</v>
      </c>
      <c r="E205">
        <f t="shared" si="13"/>
        <v>35.904990999999882</v>
      </c>
      <c r="F205">
        <f t="shared" si="11"/>
        <v>2.659442419245622E-2</v>
      </c>
    </row>
    <row r="206" spans="1:6" x14ac:dyDescent="0.2">
      <c r="A206">
        <v>1328.7372559999999</v>
      </c>
      <c r="B206">
        <v>19.991675999999998</v>
      </c>
      <c r="C206">
        <v>8.426266</v>
      </c>
      <c r="D206">
        <f t="shared" si="12"/>
        <v>1.0209799999999998</v>
      </c>
      <c r="E206">
        <f t="shared" si="13"/>
        <v>35.77618799999982</v>
      </c>
      <c r="F206">
        <f t="shared" si="11"/>
        <v>2.6371675129977595E-2</v>
      </c>
    </row>
    <row r="207" spans="1:6" x14ac:dyDescent="0.2">
      <c r="A207">
        <v>1328.995208</v>
      </c>
      <c r="B207">
        <v>19.969087999999999</v>
      </c>
      <c r="C207">
        <v>8.4312699999999996</v>
      </c>
      <c r="D207">
        <f t="shared" si="12"/>
        <v>1.0259839999999993</v>
      </c>
      <c r="E207">
        <f t="shared" si="13"/>
        <v>36.034139999999979</v>
      </c>
      <c r="F207">
        <f t="shared" si="11"/>
        <v>2.6427139575060994E-2</v>
      </c>
    </row>
    <row r="208" spans="1:6" x14ac:dyDescent="0.2">
      <c r="A208">
        <v>1329.4899129999999</v>
      </c>
      <c r="B208">
        <v>19.992224</v>
      </c>
      <c r="C208">
        <v>8.4362750000000002</v>
      </c>
      <c r="D208">
        <f t="shared" si="12"/>
        <v>1.0309889999999999</v>
      </c>
      <c r="E208">
        <f t="shared" si="13"/>
        <v>36.528844999999819</v>
      </c>
      <c r="F208">
        <f t="shared" si="11"/>
        <v>2.6649978453830978E-2</v>
      </c>
    </row>
    <row r="209" spans="1:6" x14ac:dyDescent="0.2">
      <c r="A209">
        <v>1329.837835</v>
      </c>
      <c r="B209">
        <v>19.97437</v>
      </c>
      <c r="C209">
        <v>8.4412800000000008</v>
      </c>
      <c r="D209">
        <f t="shared" si="12"/>
        <v>1.0359940000000005</v>
      </c>
      <c r="E209">
        <f t="shared" si="13"/>
        <v>36.876766999999973</v>
      </c>
      <c r="F209">
        <f t="shared" si="11"/>
        <v>2.6766828373376288E-2</v>
      </c>
    </row>
    <row r="210" spans="1:6" x14ac:dyDescent="0.2">
      <c r="A210">
        <v>1329.903908</v>
      </c>
      <c r="B210">
        <v>19.992104999999999</v>
      </c>
      <c r="C210">
        <v>8.4462849999999996</v>
      </c>
      <c r="D210">
        <f t="shared" si="12"/>
        <v>1.0409989999999993</v>
      </c>
      <c r="E210">
        <f t="shared" si="13"/>
        <v>36.942839999999933</v>
      </c>
      <c r="F210">
        <f t="shared" si="11"/>
        <v>2.6684539005723536E-2</v>
      </c>
    </row>
    <row r="211" spans="1:6" x14ac:dyDescent="0.2">
      <c r="A211">
        <v>1330.3991120000001</v>
      </c>
      <c r="B211">
        <v>19.973196999999999</v>
      </c>
      <c r="C211">
        <v>8.4512900000000002</v>
      </c>
      <c r="D211">
        <f t="shared" si="12"/>
        <v>1.0460039999999999</v>
      </c>
      <c r="E211">
        <f t="shared" si="13"/>
        <v>37.438043999999991</v>
      </c>
      <c r="F211">
        <f t="shared" si="11"/>
        <v>2.6902823273341512E-2</v>
      </c>
    </row>
    <row r="212" spans="1:6" x14ac:dyDescent="0.2">
      <c r="A212">
        <v>1330.8383160000001</v>
      </c>
      <c r="B212">
        <v>19.98668</v>
      </c>
      <c r="C212">
        <v>8.4562939999999998</v>
      </c>
      <c r="D212">
        <f t="shared" si="12"/>
        <v>1.0510079999999995</v>
      </c>
      <c r="E212">
        <f t="shared" si="13"/>
        <v>37.877248000000009</v>
      </c>
      <c r="F212">
        <f t="shared" si="11"/>
        <v>2.7079902702909095E-2</v>
      </c>
    </row>
    <row r="213" spans="1:6" x14ac:dyDescent="0.2">
      <c r="A213">
        <v>1330.6978449999999</v>
      </c>
      <c r="B213">
        <v>20.004013</v>
      </c>
      <c r="C213">
        <v>8.4612990000000003</v>
      </c>
      <c r="D213">
        <f t="shared" si="12"/>
        <v>1.0560130000000001</v>
      </c>
      <c r="E213">
        <f t="shared" si="13"/>
        <v>37.736776999999847</v>
      </c>
      <c r="F213">
        <f t="shared" si="11"/>
        <v>2.6854439190151513E-2</v>
      </c>
    </row>
    <row r="214" spans="1:6" x14ac:dyDescent="0.2">
      <c r="A214">
        <v>1330.1062340000001</v>
      </c>
      <c r="B214">
        <v>20.040966000000001</v>
      </c>
      <c r="C214">
        <v>8.4663039999999992</v>
      </c>
      <c r="D214">
        <f t="shared" si="12"/>
        <v>1.0610179999999989</v>
      </c>
      <c r="E214">
        <f t="shared" si="13"/>
        <v>37.145166000000017</v>
      </c>
      <c r="F214">
        <f t="shared" si="11"/>
        <v>2.6320444713390057E-2</v>
      </c>
    </row>
    <row r="215" spans="1:6" x14ac:dyDescent="0.2">
      <c r="A215">
        <v>1329.0572990000001</v>
      </c>
      <c r="B215">
        <v>20.050436999999999</v>
      </c>
      <c r="C215">
        <v>8.4713089999999998</v>
      </c>
      <c r="D215">
        <f t="shared" si="12"/>
        <v>1.0660229999999995</v>
      </c>
      <c r="E215">
        <f t="shared" si="13"/>
        <v>36.096230999999989</v>
      </c>
      <c r="F215">
        <f t="shared" si="11"/>
        <v>2.5477193025137582E-2</v>
      </c>
    </row>
    <row r="216" spans="1:6" x14ac:dyDescent="0.2">
      <c r="A216">
        <v>1327.8224949999999</v>
      </c>
      <c r="B216">
        <v>20.058696000000001</v>
      </c>
      <c r="C216">
        <v>8.4763140000000003</v>
      </c>
      <c r="D216">
        <f t="shared" si="12"/>
        <v>1.0710280000000001</v>
      </c>
      <c r="E216">
        <f t="shared" si="13"/>
        <v>34.861426999999821</v>
      </c>
      <c r="F216">
        <f t="shared" si="11"/>
        <v>2.4513442996100195E-2</v>
      </c>
    </row>
    <row r="217" spans="1:6" x14ac:dyDescent="0.2">
      <c r="A217">
        <v>1326.733643</v>
      </c>
      <c r="B217">
        <v>20.046835999999999</v>
      </c>
      <c r="C217">
        <v>8.4813179999999999</v>
      </c>
      <c r="D217">
        <f t="shared" si="12"/>
        <v>1.0760319999999997</v>
      </c>
      <c r="E217">
        <f t="shared" si="13"/>
        <v>33.772574999999961</v>
      </c>
      <c r="F217">
        <f t="shared" si="11"/>
        <v>2.3656759013733798E-2</v>
      </c>
    </row>
    <row r="218" spans="1:6" x14ac:dyDescent="0.2">
      <c r="A218">
        <v>1325.2774669999999</v>
      </c>
      <c r="B218">
        <v>20.079364000000002</v>
      </c>
      <c r="C218">
        <v>8.4863230000000005</v>
      </c>
      <c r="D218">
        <f t="shared" si="12"/>
        <v>1.0810370000000002</v>
      </c>
      <c r="E218">
        <f t="shared" si="13"/>
        <v>32.316398999999819</v>
      </c>
      <c r="F218">
        <f t="shared" si="11"/>
        <v>2.2556701326819556E-2</v>
      </c>
    </row>
    <row r="219" spans="1:6" x14ac:dyDescent="0.2">
      <c r="A219">
        <v>1324.477179</v>
      </c>
      <c r="B219">
        <v>20.023482999999999</v>
      </c>
      <c r="C219">
        <v>8.4913279999999993</v>
      </c>
      <c r="D219">
        <f t="shared" si="12"/>
        <v>1.0860419999999991</v>
      </c>
      <c r="E219">
        <f t="shared" si="13"/>
        <v>31.51611099999991</v>
      </c>
      <c r="F219">
        <f t="shared" si="11"/>
        <v>2.1909956778401997E-2</v>
      </c>
    </row>
    <row r="220" spans="1:6" x14ac:dyDescent="0.2">
      <c r="A220">
        <v>1324.100144</v>
      </c>
      <c r="B220">
        <v>19.998398000000002</v>
      </c>
      <c r="C220">
        <v>8.4963329999999999</v>
      </c>
      <c r="D220">
        <f t="shared" si="12"/>
        <v>1.0910469999999997</v>
      </c>
      <c r="E220">
        <f t="shared" si="13"/>
        <v>31.139075999999932</v>
      </c>
      <c r="F220">
        <f t="shared" si="11"/>
        <v>2.1554672528935444E-2</v>
      </c>
    </row>
    <row r="221" spans="1:6" x14ac:dyDescent="0.2">
      <c r="A221">
        <v>1324.2706439999999</v>
      </c>
      <c r="B221">
        <v>19.987507999999998</v>
      </c>
      <c r="C221">
        <v>8.5013380000000005</v>
      </c>
      <c r="D221">
        <f t="shared" si="12"/>
        <v>1.0960520000000002</v>
      </c>
      <c r="E221">
        <f t="shared" si="13"/>
        <v>31.309575999999879</v>
      </c>
      <c r="F221">
        <f t="shared" si="11"/>
        <v>2.157095017226511E-2</v>
      </c>
    </row>
    <row r="222" spans="1:6" x14ac:dyDescent="0.2">
      <c r="A222">
        <v>1324.3579850000001</v>
      </c>
      <c r="B222">
        <v>20.004396</v>
      </c>
      <c r="C222">
        <v>8.5063420000000001</v>
      </c>
      <c r="D222">
        <f t="shared" si="12"/>
        <v>1.1010559999999998</v>
      </c>
      <c r="E222">
        <f t="shared" si="13"/>
        <v>31.39691700000003</v>
      </c>
      <c r="F222">
        <f t="shared" si="11"/>
        <v>2.1531396703222818E-2</v>
      </c>
    </row>
    <row r="223" spans="1:6" x14ac:dyDescent="0.2">
      <c r="A223">
        <v>1324.357205</v>
      </c>
      <c r="B223">
        <v>19.985458000000001</v>
      </c>
      <c r="C223">
        <v>8.5113470000000007</v>
      </c>
      <c r="D223">
        <f t="shared" si="12"/>
        <v>1.1060610000000004</v>
      </c>
      <c r="E223">
        <f t="shared" si="13"/>
        <v>31.396136999999953</v>
      </c>
      <c r="F223">
        <f t="shared" si="11"/>
        <v>2.1433445828257566E-2</v>
      </c>
    </row>
    <row r="224" spans="1:6" x14ac:dyDescent="0.2">
      <c r="A224">
        <v>1324.3149579999999</v>
      </c>
      <c r="B224">
        <v>20.013921</v>
      </c>
      <c r="C224">
        <v>8.5163519999999995</v>
      </c>
      <c r="D224">
        <f t="shared" si="12"/>
        <v>1.1110659999999992</v>
      </c>
      <c r="E224">
        <f t="shared" si="13"/>
        <v>31.353889999999865</v>
      </c>
      <c r="F224">
        <f t="shared" si="11"/>
        <v>2.1308863535207941E-2</v>
      </c>
    </row>
    <row r="225" spans="1:6" x14ac:dyDescent="0.2">
      <c r="A225">
        <v>1324.3189500000001</v>
      </c>
      <c r="B225">
        <v>19.976317999999999</v>
      </c>
      <c r="C225">
        <v>8.5213570000000001</v>
      </c>
      <c r="D225">
        <f t="shared" si="12"/>
        <v>1.1160709999999998</v>
      </c>
      <c r="E225">
        <f t="shared" si="13"/>
        <v>31.357882000000018</v>
      </c>
      <c r="F225">
        <f t="shared" si="11"/>
        <v>2.1215941266356172E-2</v>
      </c>
    </row>
    <row r="226" spans="1:6" x14ac:dyDescent="0.2">
      <c r="A226">
        <v>1324.678062</v>
      </c>
      <c r="B226">
        <v>19.971641999999999</v>
      </c>
      <c r="C226">
        <v>8.5263620000000007</v>
      </c>
      <c r="D226">
        <f t="shared" si="12"/>
        <v>1.1210760000000004</v>
      </c>
      <c r="E226">
        <f t="shared" si="13"/>
        <v>31.716993999999886</v>
      </c>
      <c r="F226">
        <f t="shared" si="11"/>
        <v>2.1357313406346206E-2</v>
      </c>
    </row>
    <row r="227" spans="1:6" x14ac:dyDescent="0.2">
      <c r="A227">
        <v>1325.166549</v>
      </c>
      <c r="B227">
        <v>19.961714000000001</v>
      </c>
      <c r="C227">
        <v>8.5313660000000002</v>
      </c>
      <c r="D227">
        <f t="shared" si="12"/>
        <v>1.12608</v>
      </c>
      <c r="E227">
        <f t="shared" si="13"/>
        <v>32.205480999999963</v>
      </c>
      <c r="F227">
        <f t="shared" si="11"/>
        <v>2.1581920092065169E-2</v>
      </c>
    </row>
    <row r="228" spans="1:6" x14ac:dyDescent="0.2">
      <c r="A228">
        <v>1326.1649970000001</v>
      </c>
      <c r="B228">
        <v>19.952915999999998</v>
      </c>
      <c r="C228">
        <v>8.5363710000000008</v>
      </c>
      <c r="D228">
        <f t="shared" si="12"/>
        <v>1.1310850000000006</v>
      </c>
      <c r="E228">
        <f t="shared" si="13"/>
        <v>33.203929000000016</v>
      </c>
      <c r="F228">
        <f t="shared" si="11"/>
        <v>2.2135873927418909E-2</v>
      </c>
    </row>
    <row r="229" spans="1:6" x14ac:dyDescent="0.2">
      <c r="A229">
        <v>1326.963735</v>
      </c>
      <c r="B229">
        <v>19.966694</v>
      </c>
      <c r="C229">
        <v>8.5413759999999996</v>
      </c>
      <c r="D229">
        <f t="shared" si="12"/>
        <v>1.1360899999999994</v>
      </c>
      <c r="E229">
        <f t="shared" si="13"/>
        <v>34.002666999999974</v>
      </c>
      <c r="F229">
        <f t="shared" si="11"/>
        <v>2.2554914808280254E-2</v>
      </c>
    </row>
    <row r="230" spans="1:6" x14ac:dyDescent="0.2">
      <c r="A230">
        <v>1327.406894</v>
      </c>
      <c r="B230">
        <v>19.973322</v>
      </c>
      <c r="C230">
        <v>8.5463810000000002</v>
      </c>
      <c r="D230">
        <f t="shared" si="12"/>
        <v>1.141095</v>
      </c>
      <c r="E230">
        <f t="shared" si="13"/>
        <v>34.445825999999897</v>
      </c>
      <c r="F230">
        <f t="shared" si="11"/>
        <v>2.2741061474622577E-2</v>
      </c>
    </row>
    <row r="231" spans="1:6" x14ac:dyDescent="0.2">
      <c r="A231">
        <v>1327.8323539999999</v>
      </c>
      <c r="B231">
        <v>19.971343000000001</v>
      </c>
      <c r="C231">
        <v>8.5513860000000008</v>
      </c>
      <c r="D231">
        <f t="shared" si="12"/>
        <v>1.1461000000000006</v>
      </c>
      <c r="E231">
        <f t="shared" si="13"/>
        <v>34.871285999999827</v>
      </c>
      <c r="F231">
        <f t="shared" si="11"/>
        <v>2.2914068380689202E-2</v>
      </c>
    </row>
    <row r="232" spans="1:6" x14ac:dyDescent="0.2">
      <c r="A232">
        <v>1328.761906</v>
      </c>
      <c r="B232">
        <v>19.955645000000001</v>
      </c>
      <c r="C232">
        <v>8.5563900000000004</v>
      </c>
      <c r="D232">
        <f t="shared" si="12"/>
        <v>1.1511040000000001</v>
      </c>
      <c r="E232">
        <f t="shared" si="13"/>
        <v>35.800837999999885</v>
      </c>
      <c r="F232">
        <f t="shared" si="11"/>
        <v>2.3406229576456154E-2</v>
      </c>
    </row>
    <row r="233" spans="1:6" x14ac:dyDescent="0.2">
      <c r="A233">
        <v>1329.580731</v>
      </c>
      <c r="B233">
        <v>19.967967999999999</v>
      </c>
      <c r="C233">
        <v>8.5613949999999992</v>
      </c>
      <c r="D233">
        <f t="shared" si="12"/>
        <v>1.1561089999999989</v>
      </c>
      <c r="E233">
        <f t="shared" si="13"/>
        <v>36.619662999999946</v>
      </c>
      <c r="F233">
        <f t="shared" si="11"/>
        <v>2.3823241253246905E-2</v>
      </c>
    </row>
    <row r="234" spans="1:6" x14ac:dyDescent="0.2">
      <c r="A234">
        <v>1330.245263</v>
      </c>
      <c r="B234">
        <v>19.950415</v>
      </c>
      <c r="C234">
        <v>8.5663999999999998</v>
      </c>
      <c r="D234">
        <f t="shared" si="12"/>
        <v>1.1611139999999995</v>
      </c>
      <c r="E234">
        <f t="shared" si="13"/>
        <v>37.284194999999954</v>
      </c>
      <c r="F234">
        <f t="shared" si="11"/>
        <v>2.4138939602055424E-2</v>
      </c>
    </row>
    <row r="235" spans="1:6" x14ac:dyDescent="0.2">
      <c r="A235">
        <v>1331.0326239999999</v>
      </c>
      <c r="B235">
        <v>19.946885000000002</v>
      </c>
      <c r="C235">
        <v>8.5714050000000004</v>
      </c>
      <c r="D235">
        <f t="shared" si="12"/>
        <v>1.1661190000000001</v>
      </c>
      <c r="E235">
        <f t="shared" si="13"/>
        <v>38.071555999999873</v>
      </c>
      <c r="F235">
        <f t="shared" si="11"/>
        <v>2.4528390696404442E-2</v>
      </c>
    </row>
    <row r="236" spans="1:6" x14ac:dyDescent="0.2">
      <c r="A236">
        <v>1331.614867</v>
      </c>
      <c r="B236">
        <v>20.002419</v>
      </c>
      <c r="C236">
        <v>8.5764099999999992</v>
      </c>
      <c r="D236">
        <f t="shared" si="12"/>
        <v>1.1711239999999989</v>
      </c>
      <c r="E236">
        <f t="shared" si="13"/>
        <v>38.653798999999935</v>
      </c>
      <c r="F236">
        <f t="shared" si="11"/>
        <v>2.4786240973095734E-2</v>
      </c>
    </row>
    <row r="237" spans="1:6" x14ac:dyDescent="0.2">
      <c r="A237">
        <v>1331.541618</v>
      </c>
      <c r="B237">
        <v>19.988077000000001</v>
      </c>
      <c r="C237">
        <v>8.5814140000000005</v>
      </c>
      <c r="D237">
        <f t="shared" si="12"/>
        <v>1.1761280000000003</v>
      </c>
      <c r="E237">
        <f t="shared" si="13"/>
        <v>38.580549999999903</v>
      </c>
      <c r="F237">
        <f t="shared" si="11"/>
        <v>2.4635369481442682E-2</v>
      </c>
    </row>
    <row r="238" spans="1:6" x14ac:dyDescent="0.2">
      <c r="A238">
        <v>1331.796574</v>
      </c>
      <c r="B238">
        <v>19.982222</v>
      </c>
      <c r="C238">
        <v>8.5864189999999994</v>
      </c>
      <c r="D238">
        <f t="shared" si="12"/>
        <v>1.1811329999999991</v>
      </c>
      <c r="E238">
        <f t="shared" si="13"/>
        <v>38.835505999999896</v>
      </c>
      <c r="F238">
        <f t="shared" si="11"/>
        <v>2.4688361684704677E-2</v>
      </c>
    </row>
    <row r="239" spans="1:6" x14ac:dyDescent="0.2">
      <c r="A239">
        <v>1332.2224699999999</v>
      </c>
      <c r="B239">
        <v>19.963647999999999</v>
      </c>
      <c r="C239">
        <v>8.5914239999999999</v>
      </c>
      <c r="D239">
        <f t="shared" si="12"/>
        <v>1.1861379999999997</v>
      </c>
      <c r="E239">
        <f t="shared" si="13"/>
        <v>39.261401999999862</v>
      </c>
      <c r="F239">
        <f t="shared" si="11"/>
        <v>2.4845848342067399E-2</v>
      </c>
    </row>
    <row r="240" spans="1:6" x14ac:dyDescent="0.2">
      <c r="A240">
        <v>1332.6728869999999</v>
      </c>
      <c r="B240">
        <v>19.981038000000002</v>
      </c>
      <c r="C240">
        <v>8.5964290000000005</v>
      </c>
      <c r="D240">
        <f t="shared" si="12"/>
        <v>1.1911430000000003</v>
      </c>
      <c r="E240">
        <f t="shared" si="13"/>
        <v>39.711818999999878</v>
      </c>
      <c r="F240">
        <f t="shared" si="11"/>
        <v>2.5016832189114879E-2</v>
      </c>
    </row>
    <row r="241" spans="1:6" x14ac:dyDescent="0.2">
      <c r="A241">
        <v>1333.0355070000001</v>
      </c>
      <c r="B241">
        <v>19.991251999999999</v>
      </c>
      <c r="C241">
        <v>8.6014339999999994</v>
      </c>
      <c r="D241">
        <f t="shared" si="12"/>
        <v>1.1961479999999991</v>
      </c>
      <c r="E241">
        <f t="shared" si="13"/>
        <v>40.074438999999984</v>
      </c>
      <c r="F241">
        <f t="shared" si="11"/>
        <v>2.5132796537725741E-2</v>
      </c>
    </row>
    <row r="242" spans="1:6" x14ac:dyDescent="0.2">
      <c r="A242">
        <v>1332.986588</v>
      </c>
      <c r="B242">
        <v>20.010718000000001</v>
      </c>
      <c r="C242">
        <v>8.6064380000000007</v>
      </c>
      <c r="D242">
        <f t="shared" si="12"/>
        <v>1.2011520000000004</v>
      </c>
      <c r="E242">
        <f t="shared" si="13"/>
        <v>40.025519999999915</v>
      </c>
      <c r="F242">
        <f t="shared" si="11"/>
        <v>2.4998458794783886E-2</v>
      </c>
    </row>
    <row r="243" spans="1:6" x14ac:dyDescent="0.2">
      <c r="A243">
        <v>1333.0809730000001</v>
      </c>
      <c r="B243">
        <v>19.966052999999999</v>
      </c>
      <c r="C243">
        <v>8.6114429999999995</v>
      </c>
      <c r="D243">
        <f t="shared" si="12"/>
        <v>1.2061569999999993</v>
      </c>
      <c r="E243">
        <f t="shared" si="13"/>
        <v>40.119905000000017</v>
      </c>
      <c r="F243">
        <f t="shared" si="11"/>
        <v>2.4951664631104774E-2</v>
      </c>
    </row>
    <row r="244" spans="1:6" x14ac:dyDescent="0.2">
      <c r="A244">
        <v>1333.1562160000001</v>
      </c>
      <c r="B244">
        <v>20.017700000000001</v>
      </c>
      <c r="C244">
        <v>8.6164480000000001</v>
      </c>
      <c r="D244">
        <f t="shared" si="12"/>
        <v>1.2111619999999998</v>
      </c>
      <c r="E244">
        <f t="shared" si="13"/>
        <v>40.195148000000017</v>
      </c>
      <c r="F244">
        <f t="shared" si="11"/>
        <v>2.4893751714744939E-2</v>
      </c>
    </row>
    <row r="245" spans="1:6" x14ac:dyDescent="0.2">
      <c r="A245">
        <v>1332.819708</v>
      </c>
      <c r="B245">
        <v>20.005973999999998</v>
      </c>
      <c r="C245">
        <v>8.6214530000000007</v>
      </c>
      <c r="D245">
        <f t="shared" si="12"/>
        <v>1.2161670000000004</v>
      </c>
      <c r="E245">
        <f t="shared" si="13"/>
        <v>39.858639999999923</v>
      </c>
      <c r="F245">
        <f t="shared" si="11"/>
        <v>2.4589961877660479E-2</v>
      </c>
    </row>
    <row r="246" spans="1:6" x14ac:dyDescent="0.2">
      <c r="A246">
        <v>1332.536846</v>
      </c>
      <c r="B246">
        <v>20.036875999999999</v>
      </c>
      <c r="C246">
        <v>8.6264579999999995</v>
      </c>
      <c r="D246">
        <f t="shared" si="12"/>
        <v>1.2211719999999993</v>
      </c>
      <c r="E246">
        <f t="shared" si="13"/>
        <v>39.5757779999999</v>
      </c>
      <c r="F246">
        <f t="shared" si="11"/>
        <v>2.4320550259480638E-2</v>
      </c>
    </row>
    <row r="247" spans="1:6" x14ac:dyDescent="0.2">
      <c r="A247">
        <v>1332.125957</v>
      </c>
      <c r="B247">
        <v>20.006983000000002</v>
      </c>
      <c r="C247">
        <v>8.6314620000000009</v>
      </c>
      <c r="D247">
        <f t="shared" si="12"/>
        <v>1.2261760000000006</v>
      </c>
      <c r="E247">
        <f t="shared" si="13"/>
        <v>39.164888999999903</v>
      </c>
      <c r="F247">
        <f t="shared" si="11"/>
        <v>2.3977218327912789E-2</v>
      </c>
    </row>
    <row r="248" spans="1:6" x14ac:dyDescent="0.2">
      <c r="A248">
        <v>1331.5223719999999</v>
      </c>
      <c r="B248">
        <v>20.028911000000001</v>
      </c>
      <c r="C248">
        <v>8.6364669999999997</v>
      </c>
      <c r="D248">
        <f t="shared" si="12"/>
        <v>1.2311809999999994</v>
      </c>
      <c r="E248">
        <f t="shared" si="13"/>
        <v>38.561303999999836</v>
      </c>
      <c r="F248">
        <f t="shared" si="11"/>
        <v>2.3522384202331111E-2</v>
      </c>
    </row>
    <row r="249" spans="1:6" x14ac:dyDescent="0.2">
      <c r="A249">
        <v>1330.8779099999999</v>
      </c>
      <c r="B249">
        <v>20.019613</v>
      </c>
      <c r="C249">
        <v>8.6414720000000003</v>
      </c>
      <c r="D249">
        <f t="shared" si="12"/>
        <v>1.236186</v>
      </c>
      <c r="E249">
        <f t="shared" si="13"/>
        <v>37.91684199999986</v>
      </c>
      <c r="F249">
        <f t="shared" si="11"/>
        <v>2.3046772846833031E-2</v>
      </c>
    </row>
    <row r="250" spans="1:6" x14ac:dyDescent="0.2">
      <c r="A250">
        <v>1330.6324079999999</v>
      </c>
      <c r="B250">
        <v>19.992422000000001</v>
      </c>
      <c r="C250">
        <v>8.6464770000000009</v>
      </c>
      <c r="D250">
        <f t="shared" si="12"/>
        <v>1.2411910000000006</v>
      </c>
      <c r="E250">
        <f t="shared" si="13"/>
        <v>37.671339999999873</v>
      </c>
      <c r="F250">
        <f t="shared" si="11"/>
        <v>2.2809425887990262E-2</v>
      </c>
    </row>
    <row r="251" spans="1:6" x14ac:dyDescent="0.2">
      <c r="A251">
        <v>1330.8786809999999</v>
      </c>
      <c r="B251">
        <v>19.994519</v>
      </c>
      <c r="C251">
        <v>8.6514819999999997</v>
      </c>
      <c r="D251">
        <f t="shared" si="12"/>
        <v>1.2461959999999994</v>
      </c>
      <c r="E251">
        <f t="shared" si="13"/>
        <v>37.917612999999847</v>
      </c>
      <c r="F251">
        <f t="shared" si="11"/>
        <v>2.2862102550615115E-2</v>
      </c>
    </row>
    <row r="252" spans="1:6" x14ac:dyDescent="0.2">
      <c r="A252">
        <v>1330.283723</v>
      </c>
      <c r="B252">
        <v>20.031041999999999</v>
      </c>
      <c r="C252">
        <v>8.6564859999999992</v>
      </c>
      <c r="D252">
        <f t="shared" si="12"/>
        <v>1.251199999999999</v>
      </c>
      <c r="E252">
        <f t="shared" si="13"/>
        <v>37.322654999999941</v>
      </c>
      <c r="F252">
        <f t="shared" si="11"/>
        <v>2.2423402749411701E-2</v>
      </c>
    </row>
    <row r="253" spans="1:6" x14ac:dyDescent="0.2">
      <c r="A253">
        <v>1330.537462</v>
      </c>
      <c r="B253">
        <v>19.961223</v>
      </c>
      <c r="C253">
        <v>8.6614909999999998</v>
      </c>
      <c r="D253">
        <f t="shared" si="12"/>
        <v>1.2562049999999996</v>
      </c>
      <c r="E253">
        <f t="shared" si="13"/>
        <v>37.576393999999937</v>
      </c>
      <c r="F253">
        <f t="shared" si="11"/>
        <v>2.248161345651031E-2</v>
      </c>
    </row>
    <row r="254" spans="1:6" x14ac:dyDescent="0.2">
      <c r="A254">
        <v>1331.204285</v>
      </c>
      <c r="B254">
        <v>19.972445</v>
      </c>
      <c r="C254">
        <v>8.6664960000000004</v>
      </c>
      <c r="D254">
        <f t="shared" si="12"/>
        <v>1.2612100000000002</v>
      </c>
      <c r="E254">
        <f t="shared" si="13"/>
        <v>38.243216999999959</v>
      </c>
      <c r="F254">
        <f t="shared" si="11"/>
        <v>2.2778352281985045E-2</v>
      </c>
    </row>
    <row r="255" spans="1:6" x14ac:dyDescent="0.2">
      <c r="A255">
        <v>1331.324488</v>
      </c>
      <c r="B255">
        <v>19.996941</v>
      </c>
      <c r="C255">
        <v>8.6715009999999992</v>
      </c>
      <c r="D255">
        <f t="shared" si="12"/>
        <v>1.266214999999999</v>
      </c>
      <c r="E255">
        <f t="shared" si="13"/>
        <v>38.363419999999905</v>
      </c>
      <c r="F255">
        <f t="shared" si="11"/>
        <v>2.2757572873023376E-2</v>
      </c>
    </row>
    <row r="256" spans="1:6" x14ac:dyDescent="0.2">
      <c r="A256">
        <v>1331.7054639999999</v>
      </c>
      <c r="B256">
        <v>19.989038999999998</v>
      </c>
      <c r="C256">
        <v>8.6765059999999998</v>
      </c>
      <c r="D256">
        <f t="shared" si="12"/>
        <v>1.2712199999999996</v>
      </c>
      <c r="E256">
        <f t="shared" si="13"/>
        <v>38.744395999999824</v>
      </c>
      <c r="F256">
        <f t="shared" si="11"/>
        <v>2.288653238638293E-2</v>
      </c>
    </row>
    <row r="257" spans="1:6" x14ac:dyDescent="0.2">
      <c r="A257">
        <v>1332.0404329999999</v>
      </c>
      <c r="B257">
        <v>19.954471000000002</v>
      </c>
      <c r="C257">
        <v>8.6815099999999994</v>
      </c>
      <c r="D257">
        <f t="shared" si="12"/>
        <v>1.2762239999999991</v>
      </c>
      <c r="E257">
        <f t="shared" si="13"/>
        <v>39.079364999999825</v>
      </c>
      <c r="F257">
        <f t="shared" si="11"/>
        <v>2.2988105579731452E-2</v>
      </c>
    </row>
    <row r="258" spans="1:6" x14ac:dyDescent="0.2">
      <c r="A258">
        <v>1332.0871070000001</v>
      </c>
      <c r="B258">
        <v>20.013282</v>
      </c>
      <c r="C258">
        <v>8.686515</v>
      </c>
      <c r="D258">
        <f t="shared" si="12"/>
        <v>1.2812289999999997</v>
      </c>
      <c r="E258">
        <f t="shared" si="13"/>
        <v>39.126038999999992</v>
      </c>
      <c r="F258">
        <f t="shared" si="11"/>
        <v>2.2924849775803748E-2</v>
      </c>
    </row>
    <row r="259" spans="1:6" x14ac:dyDescent="0.2">
      <c r="A259">
        <v>1332.1154759999999</v>
      </c>
      <c r="B259">
        <v>19.990985999999999</v>
      </c>
      <c r="C259">
        <v>8.6915200000000006</v>
      </c>
      <c r="D259">
        <f t="shared" si="12"/>
        <v>1.2862340000000003</v>
      </c>
      <c r="E259">
        <f t="shared" si="13"/>
        <v>39.154407999999876</v>
      </c>
      <c r="F259">
        <f t="shared" ref="F259:F322" si="14">(1/A259)*(E259/D259)</f>
        <v>2.285171519610063E-2</v>
      </c>
    </row>
    <row r="260" spans="1:6" x14ac:dyDescent="0.2">
      <c r="A260">
        <v>1332.264111</v>
      </c>
      <c r="B260">
        <v>19.984299</v>
      </c>
      <c r="C260">
        <v>8.6965249999999994</v>
      </c>
      <c r="D260">
        <f t="shared" si="12"/>
        <v>1.2912389999999991</v>
      </c>
      <c r="E260">
        <f t="shared" si="13"/>
        <v>39.303042999999889</v>
      </c>
      <c r="F260">
        <f t="shared" si="14"/>
        <v>2.2847001637623914E-2</v>
      </c>
    </row>
    <row r="261" spans="1:6" x14ac:dyDescent="0.2">
      <c r="A261">
        <v>1332.7078979999999</v>
      </c>
      <c r="B261">
        <v>19.975797</v>
      </c>
      <c r="C261">
        <v>8.70153</v>
      </c>
      <c r="D261">
        <f t="shared" si="12"/>
        <v>1.2962439999999997</v>
      </c>
      <c r="E261">
        <f t="shared" si="13"/>
        <v>39.746829999999818</v>
      </c>
      <c r="F261">
        <f t="shared" si="14"/>
        <v>2.3008100550674541E-2</v>
      </c>
    </row>
    <row r="262" spans="1:6" x14ac:dyDescent="0.2">
      <c r="A262">
        <v>1332.837743</v>
      </c>
      <c r="B262">
        <v>20.002856999999999</v>
      </c>
      <c r="C262">
        <v>8.7065339999999996</v>
      </c>
      <c r="D262">
        <f t="shared" si="12"/>
        <v>1.3012479999999993</v>
      </c>
      <c r="E262">
        <f t="shared" si="13"/>
        <v>39.876674999999977</v>
      </c>
      <c r="F262">
        <f t="shared" si="14"/>
        <v>2.299225573193316E-2</v>
      </c>
    </row>
    <row r="263" spans="1:6" x14ac:dyDescent="0.2">
      <c r="A263">
        <v>1332.9306730000001</v>
      </c>
      <c r="B263">
        <v>19.989084999999999</v>
      </c>
      <c r="C263">
        <v>8.7115390000000001</v>
      </c>
      <c r="D263">
        <f t="shared" ref="D263:D326" si="15">C263-$C$2</f>
        <v>1.3062529999999999</v>
      </c>
      <c r="E263">
        <f t="shared" ref="E263:E326" si="16">A263-$A$2</f>
        <v>39.969605000000001</v>
      </c>
      <c r="F263">
        <f t="shared" si="14"/>
        <v>2.2955935379992666E-2</v>
      </c>
    </row>
    <row r="264" spans="1:6" x14ac:dyDescent="0.2">
      <c r="A264">
        <v>1332.9593589999999</v>
      </c>
      <c r="B264">
        <v>19.997803000000001</v>
      </c>
      <c r="C264">
        <v>8.7165440000000007</v>
      </c>
      <c r="D264">
        <f t="shared" si="15"/>
        <v>1.3112580000000005</v>
      </c>
      <c r="E264">
        <f t="shared" si="16"/>
        <v>39.998290999999881</v>
      </c>
      <c r="F264">
        <f t="shared" si="14"/>
        <v>2.2884233822511292E-2</v>
      </c>
    </row>
    <row r="265" spans="1:6" x14ac:dyDescent="0.2">
      <c r="A265">
        <v>1333.131042</v>
      </c>
      <c r="B265">
        <v>19.986294999999998</v>
      </c>
      <c r="C265">
        <v>8.7215489999999996</v>
      </c>
      <c r="D265">
        <f t="shared" si="15"/>
        <v>1.3162629999999993</v>
      </c>
      <c r="E265">
        <f t="shared" si="16"/>
        <v>40.169973999999911</v>
      </c>
      <c r="F265">
        <f t="shared" si="14"/>
        <v>2.2892121171638895E-2</v>
      </c>
    </row>
    <row r="266" spans="1:6" x14ac:dyDescent="0.2">
      <c r="A266">
        <v>1333.6776460000001</v>
      </c>
      <c r="B266">
        <v>19.963432000000001</v>
      </c>
      <c r="C266">
        <v>8.7265540000000001</v>
      </c>
      <c r="D266">
        <f t="shared" si="15"/>
        <v>1.3212679999999999</v>
      </c>
      <c r="E266">
        <f t="shared" si="16"/>
        <v>40.716578000000027</v>
      </c>
      <c r="F266">
        <f t="shared" si="14"/>
        <v>2.3106250750789113E-2</v>
      </c>
    </row>
    <row r="267" spans="1:6" x14ac:dyDescent="0.2">
      <c r="A267">
        <v>1334.2568900000001</v>
      </c>
      <c r="B267">
        <v>19.958389</v>
      </c>
      <c r="C267">
        <v>8.7315579999999997</v>
      </c>
      <c r="D267">
        <f t="shared" si="15"/>
        <v>1.3262719999999995</v>
      </c>
      <c r="E267">
        <f t="shared" si="16"/>
        <v>41.295822000000044</v>
      </c>
      <c r="F267">
        <f t="shared" si="14"/>
        <v>2.3336410739511496E-2</v>
      </c>
    </row>
    <row r="268" spans="1:6" x14ac:dyDescent="0.2">
      <c r="A268">
        <v>1334.8856820000001</v>
      </c>
      <c r="B268">
        <v>19.981559000000001</v>
      </c>
      <c r="C268">
        <v>8.7365630000000003</v>
      </c>
      <c r="D268">
        <f t="shared" si="15"/>
        <v>1.331277</v>
      </c>
      <c r="E268">
        <f t="shared" si="16"/>
        <v>41.92461400000002</v>
      </c>
      <c r="F268">
        <f t="shared" si="14"/>
        <v>2.3591555072093054E-2</v>
      </c>
    </row>
    <row r="269" spans="1:6" x14ac:dyDescent="0.2">
      <c r="A269">
        <v>1335.0165360000001</v>
      </c>
      <c r="B269">
        <v>19.998650999999999</v>
      </c>
      <c r="C269">
        <v>8.7415679999999991</v>
      </c>
      <c r="D269">
        <f t="shared" si="15"/>
        <v>1.3362819999999989</v>
      </c>
      <c r="E269">
        <f t="shared" si="16"/>
        <v>42.055468000000019</v>
      </c>
      <c r="F269">
        <f t="shared" si="14"/>
        <v>2.3574240334740836E-2</v>
      </c>
    </row>
    <row r="270" spans="1:6" x14ac:dyDescent="0.2">
      <c r="A270">
        <v>1335.3769030000001</v>
      </c>
      <c r="B270">
        <v>19.9649</v>
      </c>
      <c r="C270">
        <v>8.7465729999999997</v>
      </c>
      <c r="D270">
        <f t="shared" si="15"/>
        <v>1.3412869999999995</v>
      </c>
      <c r="E270">
        <f t="shared" si="16"/>
        <v>42.415835000000015</v>
      </c>
      <c r="F270">
        <f t="shared" si="14"/>
        <v>2.3681131276077034E-2</v>
      </c>
    </row>
    <row r="271" spans="1:6" x14ac:dyDescent="0.2">
      <c r="A271">
        <v>1335.3397299999999</v>
      </c>
      <c r="B271">
        <v>20.011627000000001</v>
      </c>
      <c r="C271">
        <v>8.7515780000000003</v>
      </c>
      <c r="D271">
        <f t="shared" si="15"/>
        <v>1.346292</v>
      </c>
      <c r="E271">
        <f t="shared" si="16"/>
        <v>42.378661999999849</v>
      </c>
      <c r="F271">
        <f t="shared" si="14"/>
        <v>2.3573073215588221E-2</v>
      </c>
    </row>
    <row r="272" spans="1:6" x14ac:dyDescent="0.2">
      <c r="A272">
        <v>1335.197731</v>
      </c>
      <c r="B272">
        <v>20.009822</v>
      </c>
      <c r="C272">
        <v>8.7565819999999999</v>
      </c>
      <c r="D272">
        <f t="shared" si="15"/>
        <v>1.3512959999999996</v>
      </c>
      <c r="E272">
        <f t="shared" si="16"/>
        <v>42.236662999999908</v>
      </c>
      <c r="F272">
        <f t="shared" si="14"/>
        <v>2.3409574594753183E-2</v>
      </c>
    </row>
    <row r="273" spans="1:6" x14ac:dyDescent="0.2">
      <c r="A273">
        <v>1335.0425230000001</v>
      </c>
      <c r="B273">
        <v>20.015104999999998</v>
      </c>
      <c r="C273">
        <v>8.7615870000000005</v>
      </c>
      <c r="D273">
        <f t="shared" si="15"/>
        <v>1.3563010000000002</v>
      </c>
      <c r="E273">
        <f t="shared" si="16"/>
        <v>42.081455000000005</v>
      </c>
      <c r="F273">
        <f t="shared" si="14"/>
        <v>2.3240184242302921E-2</v>
      </c>
    </row>
    <row r="274" spans="1:6" x14ac:dyDescent="0.2">
      <c r="A274">
        <v>1334.8495869999999</v>
      </c>
      <c r="B274">
        <v>19.989875999999999</v>
      </c>
      <c r="C274">
        <v>8.7665919999999993</v>
      </c>
      <c r="D274">
        <f t="shared" si="15"/>
        <v>1.361305999999999</v>
      </c>
      <c r="E274">
        <f t="shared" si="16"/>
        <v>41.88851899999986</v>
      </c>
      <c r="F274">
        <f t="shared" si="14"/>
        <v>2.3051910018785281E-2</v>
      </c>
    </row>
    <row r="275" spans="1:6" x14ac:dyDescent="0.2">
      <c r="A275">
        <v>1334.926123</v>
      </c>
      <c r="B275">
        <v>19.996908999999999</v>
      </c>
      <c r="C275">
        <v>8.7715969999999999</v>
      </c>
      <c r="D275">
        <f t="shared" si="15"/>
        <v>1.3663109999999996</v>
      </c>
      <c r="E275">
        <f t="shared" si="16"/>
        <v>41.965054999999893</v>
      </c>
      <c r="F275">
        <f t="shared" si="14"/>
        <v>2.3008112914261761E-2</v>
      </c>
    </row>
    <row r="276" spans="1:6" x14ac:dyDescent="0.2">
      <c r="A276">
        <v>1334.9831859999999</v>
      </c>
      <c r="B276">
        <v>19.995552</v>
      </c>
      <c r="C276">
        <v>8.7766020000000005</v>
      </c>
      <c r="D276">
        <f t="shared" si="15"/>
        <v>1.3713160000000002</v>
      </c>
      <c r="E276">
        <f t="shared" si="16"/>
        <v>42.022117999999864</v>
      </c>
      <c r="F276">
        <f t="shared" si="14"/>
        <v>2.2954328835044585E-2</v>
      </c>
    </row>
    <row r="277" spans="1:6" x14ac:dyDescent="0.2">
      <c r="A277">
        <v>1334.921096</v>
      </c>
      <c r="B277">
        <v>20.006841000000001</v>
      </c>
      <c r="C277">
        <v>8.781606</v>
      </c>
      <c r="D277">
        <f t="shared" si="15"/>
        <v>1.3763199999999998</v>
      </c>
      <c r="E277">
        <f t="shared" si="16"/>
        <v>41.960027999999966</v>
      </c>
      <c r="F277">
        <f t="shared" si="14"/>
        <v>2.283814111533557E-2</v>
      </c>
    </row>
    <row r="278" spans="1:6" x14ac:dyDescent="0.2">
      <c r="A278">
        <v>1334.566986</v>
      </c>
      <c r="B278">
        <v>20.026084000000001</v>
      </c>
      <c r="C278">
        <v>8.7866110000000006</v>
      </c>
      <c r="D278">
        <f t="shared" si="15"/>
        <v>1.3813250000000004</v>
      </c>
      <c r="E278">
        <f t="shared" si="16"/>
        <v>41.605917999999974</v>
      </c>
      <c r="F278">
        <f t="shared" si="14"/>
        <v>2.2569340024510269E-2</v>
      </c>
    </row>
    <row r="279" spans="1:6" x14ac:dyDescent="0.2">
      <c r="A279">
        <v>1334.2921980000001</v>
      </c>
      <c r="B279">
        <v>19.978068</v>
      </c>
      <c r="C279">
        <v>8.7916159999999994</v>
      </c>
      <c r="D279">
        <f t="shared" si="15"/>
        <v>1.3863299999999992</v>
      </c>
      <c r="E279">
        <f t="shared" si="16"/>
        <v>41.33113000000003</v>
      </c>
      <c r="F279">
        <f t="shared" si="14"/>
        <v>2.2343937666305307E-2</v>
      </c>
    </row>
    <row r="280" spans="1:6" x14ac:dyDescent="0.2">
      <c r="A280">
        <v>1334.6252460000001</v>
      </c>
      <c r="B280">
        <v>20.003045</v>
      </c>
      <c r="C280">
        <v>8.796621</v>
      </c>
      <c r="D280">
        <f t="shared" si="15"/>
        <v>1.3913349999999998</v>
      </c>
      <c r="E280">
        <f t="shared" si="16"/>
        <v>41.664177999999993</v>
      </c>
      <c r="F280">
        <f t="shared" si="14"/>
        <v>2.243736081806719E-2</v>
      </c>
    </row>
    <row r="281" spans="1:6" x14ac:dyDescent="0.2">
      <c r="A281">
        <v>1334.4714429999999</v>
      </c>
      <c r="B281">
        <v>19.997540000000001</v>
      </c>
      <c r="C281">
        <v>8.8016260000000006</v>
      </c>
      <c r="D281">
        <f t="shared" si="15"/>
        <v>1.3963400000000004</v>
      </c>
      <c r="E281">
        <f t="shared" si="16"/>
        <v>41.51037499999984</v>
      </c>
      <c r="F281">
        <f t="shared" si="14"/>
        <v>2.2276973748953148E-2</v>
      </c>
    </row>
    <row r="282" spans="1:6" x14ac:dyDescent="0.2">
      <c r="A282">
        <v>1335.777701</v>
      </c>
      <c r="B282">
        <v>19.886202000000001</v>
      </c>
      <c r="C282">
        <v>8.8066300000000002</v>
      </c>
      <c r="D282">
        <f t="shared" si="15"/>
        <v>1.4013439999999999</v>
      </c>
      <c r="E282">
        <f t="shared" si="16"/>
        <v>42.816632999999911</v>
      </c>
      <c r="F282">
        <f t="shared" si="14"/>
        <v>2.2873549576753697E-2</v>
      </c>
    </row>
    <row r="283" spans="1:6" x14ac:dyDescent="0.2">
      <c r="A283">
        <v>1337.8505520000001</v>
      </c>
      <c r="B283">
        <v>19.903404999999999</v>
      </c>
      <c r="C283">
        <v>8.8116350000000008</v>
      </c>
      <c r="D283">
        <f t="shared" si="15"/>
        <v>1.4063490000000005</v>
      </c>
      <c r="E283">
        <f t="shared" si="16"/>
        <v>44.889484000000039</v>
      </c>
      <c r="F283">
        <f t="shared" si="14"/>
        <v>2.3858542112645098E-2</v>
      </c>
    </row>
    <row r="284" spans="1:6" x14ac:dyDescent="0.2">
      <c r="A284">
        <v>1338.845063</v>
      </c>
      <c r="B284">
        <v>19.973203000000002</v>
      </c>
      <c r="C284">
        <v>8.8166399999999996</v>
      </c>
      <c r="D284">
        <f t="shared" si="15"/>
        <v>1.4113539999999993</v>
      </c>
      <c r="E284">
        <f t="shared" si="16"/>
        <v>45.883994999999913</v>
      </c>
      <c r="F284">
        <f t="shared" si="14"/>
        <v>2.4282586465715954E-2</v>
      </c>
    </row>
    <row r="285" spans="1:6" x14ac:dyDescent="0.2">
      <c r="A285">
        <v>1338.013933</v>
      </c>
      <c r="B285">
        <v>20.046759999999999</v>
      </c>
      <c r="C285">
        <v>8.8216450000000002</v>
      </c>
      <c r="D285">
        <f t="shared" si="15"/>
        <v>1.4163589999999999</v>
      </c>
      <c r="E285">
        <f t="shared" si="16"/>
        <v>45.052864999999883</v>
      </c>
      <c r="F285">
        <f t="shared" si="14"/>
        <v>2.3773243102843823E-2</v>
      </c>
    </row>
    <row r="286" spans="1:6" x14ac:dyDescent="0.2">
      <c r="A286">
        <v>1338.4129129999999</v>
      </c>
      <c r="B286">
        <v>19.925491000000001</v>
      </c>
      <c r="C286">
        <v>8.8266500000000008</v>
      </c>
      <c r="D286">
        <f t="shared" si="15"/>
        <v>1.4213640000000005</v>
      </c>
      <c r="E286">
        <f t="shared" si="16"/>
        <v>45.451844999999821</v>
      </c>
      <c r="F286">
        <f t="shared" si="14"/>
        <v>2.3892197021651927E-2</v>
      </c>
    </row>
    <row r="287" spans="1:6" x14ac:dyDescent="0.2">
      <c r="A287">
        <v>1339.3101160000001</v>
      </c>
      <c r="B287">
        <v>20.011458000000001</v>
      </c>
      <c r="C287">
        <v>8.8316540000000003</v>
      </c>
      <c r="D287">
        <f t="shared" si="15"/>
        <v>1.4263680000000001</v>
      </c>
      <c r="E287">
        <f t="shared" si="16"/>
        <v>46.349048000000039</v>
      </c>
      <c r="F287">
        <f t="shared" si="14"/>
        <v>2.4262082885944291E-2</v>
      </c>
    </row>
    <row r="288" spans="1:6" x14ac:dyDescent="0.2">
      <c r="A288">
        <v>1338.3861079999999</v>
      </c>
      <c r="B288">
        <v>20.061928999999999</v>
      </c>
      <c r="C288">
        <v>8.8366589999999992</v>
      </c>
      <c r="D288">
        <f t="shared" si="15"/>
        <v>1.4313729999999989</v>
      </c>
      <c r="E288">
        <f t="shared" si="16"/>
        <v>45.425039999999854</v>
      </c>
      <c r="F288">
        <f t="shared" si="14"/>
        <v>2.3711611865458438E-2</v>
      </c>
    </row>
    <row r="289" spans="1:6" x14ac:dyDescent="0.2">
      <c r="A289">
        <v>1337.5661580000001</v>
      </c>
      <c r="B289">
        <v>19.995225999999999</v>
      </c>
      <c r="C289">
        <v>8.8416639999999997</v>
      </c>
      <c r="D289">
        <f t="shared" si="15"/>
        <v>1.4363779999999995</v>
      </c>
      <c r="E289">
        <f t="shared" si="16"/>
        <v>44.605090000000018</v>
      </c>
      <c r="F289">
        <f t="shared" si="14"/>
        <v>2.3216695382044846E-2</v>
      </c>
    </row>
    <row r="290" spans="1:6" x14ac:dyDescent="0.2">
      <c r="A290">
        <v>1338.4111310000001</v>
      </c>
      <c r="B290">
        <v>19.944302</v>
      </c>
      <c r="C290">
        <v>8.8466690000000003</v>
      </c>
      <c r="D290">
        <f t="shared" si="15"/>
        <v>1.4413830000000001</v>
      </c>
      <c r="E290">
        <f t="shared" si="16"/>
        <v>45.450063</v>
      </c>
      <c r="F290">
        <f t="shared" si="14"/>
        <v>2.3559472057545123E-2</v>
      </c>
    </row>
    <row r="291" spans="1:6" x14ac:dyDescent="0.2">
      <c r="A291">
        <v>1338.539677</v>
      </c>
      <c r="B291">
        <v>20.018317</v>
      </c>
      <c r="C291">
        <v>8.8516739999999992</v>
      </c>
      <c r="D291">
        <f t="shared" si="15"/>
        <v>1.4463879999999989</v>
      </c>
      <c r="E291">
        <f t="shared" si="16"/>
        <v>45.578608999999915</v>
      </c>
      <c r="F291">
        <f t="shared" si="14"/>
        <v>2.3542089577637763E-2</v>
      </c>
    </row>
    <row r="292" spans="1:6" x14ac:dyDescent="0.2">
      <c r="A292">
        <v>1337.210067</v>
      </c>
      <c r="B292">
        <v>20.066435999999999</v>
      </c>
      <c r="C292">
        <v>8.8566780000000005</v>
      </c>
      <c r="D292">
        <f t="shared" si="15"/>
        <v>1.4513920000000002</v>
      </c>
      <c r="E292">
        <f t="shared" si="16"/>
        <v>44.248998999999912</v>
      </c>
      <c r="F292">
        <f t="shared" si="14"/>
        <v>2.2799172691667917E-2</v>
      </c>
    </row>
    <row r="293" spans="1:6" x14ac:dyDescent="0.2">
      <c r="A293">
        <v>1337.4119479999999</v>
      </c>
      <c r="B293">
        <v>19.947108</v>
      </c>
      <c r="C293">
        <v>8.8616829999999993</v>
      </c>
      <c r="D293">
        <f t="shared" si="15"/>
        <v>1.4563969999999991</v>
      </c>
      <c r="E293">
        <f t="shared" si="16"/>
        <v>44.45087999999987</v>
      </c>
      <c r="F293">
        <f t="shared" si="14"/>
        <v>2.2821037718870441E-2</v>
      </c>
    </row>
    <row r="294" spans="1:6" x14ac:dyDescent="0.2">
      <c r="A294">
        <v>1338.415238</v>
      </c>
      <c r="B294">
        <v>19.970715999999999</v>
      </c>
      <c r="C294">
        <v>8.8666879999999999</v>
      </c>
      <c r="D294">
        <f t="shared" si="15"/>
        <v>1.4614019999999996</v>
      </c>
      <c r="E294">
        <f t="shared" si="16"/>
        <v>45.454169999999976</v>
      </c>
      <c r="F294">
        <f t="shared" si="14"/>
        <v>2.3238771306246225E-2</v>
      </c>
    </row>
    <row r="295" spans="1:6" x14ac:dyDescent="0.2">
      <c r="A295">
        <v>1338.9016979999999</v>
      </c>
      <c r="B295">
        <v>19.984033</v>
      </c>
      <c r="C295">
        <v>8.8716930000000005</v>
      </c>
      <c r="D295">
        <f t="shared" si="15"/>
        <v>1.4664070000000002</v>
      </c>
      <c r="E295">
        <f t="shared" si="16"/>
        <v>45.940629999999828</v>
      </c>
      <c r="F295">
        <f t="shared" si="14"/>
        <v>2.3398807746317082E-2</v>
      </c>
    </row>
    <row r="296" spans="1:6" x14ac:dyDescent="0.2">
      <c r="A296">
        <v>1337.9789740000001</v>
      </c>
      <c r="B296">
        <v>20.072028</v>
      </c>
      <c r="C296">
        <v>8.8766979999999993</v>
      </c>
      <c r="D296">
        <f t="shared" si="15"/>
        <v>1.4714119999999991</v>
      </c>
      <c r="E296">
        <f t="shared" si="16"/>
        <v>45.017906000000039</v>
      </c>
      <c r="F296">
        <f t="shared" si="14"/>
        <v>2.2866605946779542E-2</v>
      </c>
    </row>
    <row r="297" spans="1:6" x14ac:dyDescent="0.2">
      <c r="A297">
        <v>1336.210564</v>
      </c>
      <c r="B297">
        <v>20.086514000000001</v>
      </c>
      <c r="C297">
        <v>8.8817020000000007</v>
      </c>
      <c r="D297">
        <f t="shared" si="15"/>
        <v>1.4764160000000004</v>
      </c>
      <c r="E297">
        <f t="shared" si="16"/>
        <v>43.249495999999908</v>
      </c>
      <c r="F297">
        <f t="shared" si="14"/>
        <v>2.1922869916652571E-2</v>
      </c>
    </row>
    <row r="298" spans="1:6" x14ac:dyDescent="0.2">
      <c r="A298">
        <v>1334.9094219999999</v>
      </c>
      <c r="B298">
        <v>20.009706000000001</v>
      </c>
      <c r="C298">
        <v>8.8867069999999995</v>
      </c>
      <c r="D298">
        <f t="shared" si="15"/>
        <v>1.4814209999999992</v>
      </c>
      <c r="E298">
        <f t="shared" si="16"/>
        <v>41.948353999999881</v>
      </c>
      <c r="F298">
        <f t="shared" si="14"/>
        <v>2.1212147053631173E-2</v>
      </c>
    </row>
    <row r="299" spans="1:6" x14ac:dyDescent="0.2">
      <c r="A299">
        <v>1336.2070100000001</v>
      </c>
      <c r="B299">
        <v>19.901064999999999</v>
      </c>
      <c r="C299">
        <v>8.8917120000000001</v>
      </c>
      <c r="D299">
        <f t="shared" si="15"/>
        <v>1.4864259999999998</v>
      </c>
      <c r="E299">
        <f t="shared" si="16"/>
        <v>43.245942000000014</v>
      </c>
      <c r="F299">
        <f t="shared" si="14"/>
        <v>2.1773503849352442E-2</v>
      </c>
    </row>
    <row r="300" spans="1:6" x14ac:dyDescent="0.2">
      <c r="A300">
        <v>1338.28952</v>
      </c>
      <c r="B300">
        <v>19.913875999999998</v>
      </c>
      <c r="C300">
        <v>8.8967170000000007</v>
      </c>
      <c r="D300">
        <f t="shared" si="15"/>
        <v>1.4914310000000004</v>
      </c>
      <c r="E300">
        <f t="shared" si="16"/>
        <v>45.32845199999997</v>
      </c>
      <c r="F300">
        <f t="shared" si="14"/>
        <v>2.2710026706354396E-2</v>
      </c>
    </row>
    <row r="301" spans="1:6" x14ac:dyDescent="0.2">
      <c r="A301">
        <v>1339.0619819999999</v>
      </c>
      <c r="B301">
        <v>19.962952000000001</v>
      </c>
      <c r="C301">
        <v>8.9017219999999995</v>
      </c>
      <c r="D301">
        <f t="shared" si="15"/>
        <v>1.4964359999999992</v>
      </c>
      <c r="E301">
        <f t="shared" si="16"/>
        <v>46.100913999999875</v>
      </c>
      <c r="F301">
        <f t="shared" si="14"/>
        <v>2.3006508172475189E-2</v>
      </c>
    </row>
    <row r="302" spans="1:6" x14ac:dyDescent="0.2">
      <c r="A302">
        <v>1339.242364</v>
      </c>
      <c r="B302">
        <v>20.016086999999999</v>
      </c>
      <c r="C302">
        <v>8.9067260000000008</v>
      </c>
      <c r="D302">
        <f t="shared" si="15"/>
        <v>1.5014400000000006</v>
      </c>
      <c r="E302">
        <f t="shared" si="16"/>
        <v>46.281295999999884</v>
      </c>
      <c r="F302">
        <f t="shared" si="14"/>
        <v>2.301645059956442E-2</v>
      </c>
    </row>
    <row r="303" spans="1:6" x14ac:dyDescent="0.2">
      <c r="A303">
        <v>1339.3955960000001</v>
      </c>
      <c r="B303">
        <v>19.982064999999999</v>
      </c>
      <c r="C303">
        <v>8.9117309999999996</v>
      </c>
      <c r="D303">
        <f t="shared" si="15"/>
        <v>1.5064449999999994</v>
      </c>
      <c r="E303">
        <f t="shared" si="16"/>
        <v>46.434528</v>
      </c>
      <c r="F303">
        <f t="shared" si="14"/>
        <v>2.301329944427799E-2</v>
      </c>
    </row>
    <row r="304" spans="1:6" x14ac:dyDescent="0.2">
      <c r="A304">
        <v>1339.3309529999999</v>
      </c>
      <c r="B304">
        <v>19.990326</v>
      </c>
      <c r="C304">
        <v>8.9167360000000002</v>
      </c>
      <c r="D304">
        <f t="shared" si="15"/>
        <v>1.51145</v>
      </c>
      <c r="E304">
        <f t="shared" si="16"/>
        <v>46.36988499999984</v>
      </c>
      <c r="F304">
        <f t="shared" si="14"/>
        <v>2.2906267496323147E-2</v>
      </c>
    </row>
    <row r="305" spans="1:6" x14ac:dyDescent="0.2">
      <c r="A305">
        <v>1339.5965490000001</v>
      </c>
      <c r="B305">
        <v>19.981746999999999</v>
      </c>
      <c r="C305">
        <v>8.9217410000000008</v>
      </c>
      <c r="D305">
        <f t="shared" si="15"/>
        <v>1.5164550000000006</v>
      </c>
      <c r="E305">
        <f t="shared" si="16"/>
        <v>46.635481000000027</v>
      </c>
      <c r="F305">
        <f t="shared" si="14"/>
        <v>2.2956882585937588E-2</v>
      </c>
    </row>
    <row r="306" spans="1:6" x14ac:dyDescent="0.2">
      <c r="A306">
        <v>1339.8362999999999</v>
      </c>
      <c r="B306">
        <v>19.993576999999998</v>
      </c>
      <c r="C306">
        <v>8.9267459999999996</v>
      </c>
      <c r="D306">
        <f t="shared" si="15"/>
        <v>1.5214599999999994</v>
      </c>
      <c r="E306">
        <f t="shared" si="16"/>
        <v>46.875231999999869</v>
      </c>
      <c r="F306">
        <f t="shared" si="14"/>
        <v>2.2994880199465221E-2</v>
      </c>
    </row>
    <row r="307" spans="1:6" x14ac:dyDescent="0.2">
      <c r="A307">
        <v>1340.169635</v>
      </c>
      <c r="B307">
        <v>19.982534999999999</v>
      </c>
      <c r="C307">
        <v>8.9317499999999992</v>
      </c>
      <c r="D307">
        <f t="shared" si="15"/>
        <v>1.5264639999999989</v>
      </c>
      <c r="E307">
        <f t="shared" si="16"/>
        <v>47.208566999999903</v>
      </c>
      <c r="F307">
        <f t="shared" si="14"/>
        <v>2.3076741101702287E-2</v>
      </c>
    </row>
    <row r="308" spans="1:6" x14ac:dyDescent="0.2">
      <c r="A308">
        <v>1340.1927889999999</v>
      </c>
      <c r="B308">
        <v>19.998519999999999</v>
      </c>
      <c r="C308">
        <v>8.9367549999999998</v>
      </c>
      <c r="D308">
        <f t="shared" si="15"/>
        <v>1.5314689999999995</v>
      </c>
      <c r="E308">
        <f t="shared" si="16"/>
        <v>47.231720999999879</v>
      </c>
      <c r="F308">
        <f t="shared" si="14"/>
        <v>2.3012207602600365E-2</v>
      </c>
    </row>
    <row r="309" spans="1:6" x14ac:dyDescent="0.2">
      <c r="A309">
        <v>1340.0507230000001</v>
      </c>
      <c r="B309">
        <v>20.023655000000002</v>
      </c>
      <c r="C309">
        <v>8.9417600000000004</v>
      </c>
      <c r="D309">
        <f t="shared" si="15"/>
        <v>1.5364740000000001</v>
      </c>
      <c r="E309">
        <f t="shared" si="16"/>
        <v>47.089654999999993</v>
      </c>
      <c r="F309">
        <f t="shared" si="14"/>
        <v>2.2870678853331688E-2</v>
      </c>
    </row>
    <row r="310" spans="1:6" x14ac:dyDescent="0.2">
      <c r="A310">
        <v>1339.705772</v>
      </c>
      <c r="B310">
        <v>20.002572000000001</v>
      </c>
      <c r="C310">
        <v>8.9467649999999992</v>
      </c>
      <c r="D310">
        <f t="shared" si="15"/>
        <v>1.5414789999999989</v>
      </c>
      <c r="E310">
        <f t="shared" si="16"/>
        <v>46.744703999999956</v>
      </c>
      <c r="F310">
        <f t="shared" si="14"/>
        <v>2.2635254037009229E-2</v>
      </c>
    </row>
    <row r="311" spans="1:6" x14ac:dyDescent="0.2">
      <c r="A311">
        <v>1339.604143</v>
      </c>
      <c r="B311">
        <v>19.998882999999999</v>
      </c>
      <c r="C311">
        <v>8.9517699999999998</v>
      </c>
      <c r="D311">
        <f t="shared" si="15"/>
        <v>1.5464839999999995</v>
      </c>
      <c r="E311">
        <f t="shared" si="16"/>
        <v>46.643074999999953</v>
      </c>
      <c r="F311">
        <f t="shared" si="14"/>
        <v>2.2514653155780631E-2</v>
      </c>
    </row>
    <row r="312" spans="1:6" x14ac:dyDescent="0.2">
      <c r="A312">
        <v>1339.257519</v>
      </c>
      <c r="B312">
        <v>20.016694999999999</v>
      </c>
      <c r="C312">
        <v>8.9567739999999993</v>
      </c>
      <c r="D312">
        <f t="shared" si="15"/>
        <v>1.5514879999999991</v>
      </c>
      <c r="E312">
        <f t="shared" si="16"/>
        <v>46.296450999999934</v>
      </c>
      <c r="F312">
        <f t="shared" si="14"/>
        <v>2.2281026024351426E-2</v>
      </c>
    </row>
    <row r="313" spans="1:6" x14ac:dyDescent="0.2">
      <c r="A313">
        <v>1338.329412</v>
      </c>
      <c r="B313">
        <v>20.052733</v>
      </c>
      <c r="C313">
        <v>8.9617789999999999</v>
      </c>
      <c r="D313">
        <f t="shared" si="15"/>
        <v>1.5564929999999997</v>
      </c>
      <c r="E313">
        <f t="shared" si="16"/>
        <v>45.368343999999979</v>
      </c>
      <c r="F313">
        <f t="shared" si="14"/>
        <v>2.1779240616106667E-2</v>
      </c>
    </row>
    <row r="314" spans="1:6" x14ac:dyDescent="0.2">
      <c r="A314">
        <v>1337.1078030000001</v>
      </c>
      <c r="B314">
        <v>20.060406</v>
      </c>
      <c r="C314">
        <v>8.9667840000000005</v>
      </c>
      <c r="D314">
        <f t="shared" si="15"/>
        <v>1.5614980000000003</v>
      </c>
      <c r="E314">
        <f t="shared" si="16"/>
        <v>44.146735000000035</v>
      </c>
      <c r="F314">
        <f t="shared" si="14"/>
        <v>2.1144174486772048E-2</v>
      </c>
    </row>
    <row r="315" spans="1:6" x14ac:dyDescent="0.2">
      <c r="A315">
        <v>1335.85572</v>
      </c>
      <c r="B315">
        <v>20.049751000000001</v>
      </c>
      <c r="C315">
        <v>8.9717889999999993</v>
      </c>
      <c r="D315">
        <f t="shared" si="15"/>
        <v>1.5665029999999991</v>
      </c>
      <c r="E315">
        <f t="shared" si="16"/>
        <v>42.894651999999951</v>
      </c>
      <c r="F315">
        <f t="shared" si="14"/>
        <v>2.049804128245301E-2</v>
      </c>
    </row>
    <row r="316" spans="1:6" x14ac:dyDescent="0.2">
      <c r="A316">
        <v>1335.025198</v>
      </c>
      <c r="B316">
        <v>20.037458999999998</v>
      </c>
      <c r="C316">
        <v>8.9767939999999999</v>
      </c>
      <c r="D316">
        <f t="shared" si="15"/>
        <v>1.5715079999999997</v>
      </c>
      <c r="E316">
        <f t="shared" si="16"/>
        <v>42.064129999999977</v>
      </c>
      <c r="F316">
        <f t="shared" si="14"/>
        <v>2.0049606427540063E-2</v>
      </c>
    </row>
    <row r="317" spans="1:6" x14ac:dyDescent="0.2">
      <c r="A317">
        <v>1333.5331430000001</v>
      </c>
      <c r="B317">
        <v>20.087323000000001</v>
      </c>
      <c r="C317">
        <v>8.9817979999999995</v>
      </c>
      <c r="D317">
        <f t="shared" si="15"/>
        <v>1.5765119999999992</v>
      </c>
      <c r="E317">
        <f t="shared" si="16"/>
        <v>40.572075000000041</v>
      </c>
      <c r="F317">
        <f t="shared" si="14"/>
        <v>1.9298614231010734E-2</v>
      </c>
    </row>
    <row r="318" spans="1:6" x14ac:dyDescent="0.2">
      <c r="A318">
        <v>1332.380365</v>
      </c>
      <c r="B318">
        <v>20.049139</v>
      </c>
      <c r="C318">
        <v>8.9868030000000001</v>
      </c>
      <c r="D318">
        <f t="shared" si="15"/>
        <v>1.5815169999999998</v>
      </c>
      <c r="E318">
        <f t="shared" si="16"/>
        <v>39.419296999999915</v>
      </c>
      <c r="F318">
        <f t="shared" si="14"/>
        <v>1.8707113719340404E-2</v>
      </c>
    </row>
    <row r="319" spans="1:6" x14ac:dyDescent="0.2">
      <c r="A319">
        <v>1331.986842</v>
      </c>
      <c r="B319">
        <v>20.003547999999999</v>
      </c>
      <c r="C319">
        <v>8.9918080000000007</v>
      </c>
      <c r="D319">
        <f t="shared" si="15"/>
        <v>1.5865220000000004</v>
      </c>
      <c r="E319">
        <f t="shared" si="16"/>
        <v>39.025773999999956</v>
      </c>
      <c r="F319">
        <f t="shared" si="14"/>
        <v>1.8467388762924589E-2</v>
      </c>
    </row>
    <row r="320" spans="1:6" x14ac:dyDescent="0.2">
      <c r="A320">
        <v>1331.5321180000001</v>
      </c>
      <c r="B320">
        <v>20.022894999999998</v>
      </c>
      <c r="C320">
        <v>8.9968129999999995</v>
      </c>
      <c r="D320">
        <f t="shared" si="15"/>
        <v>1.5915269999999992</v>
      </c>
      <c r="E320">
        <f t="shared" si="16"/>
        <v>38.571050000000014</v>
      </c>
      <c r="F320">
        <f t="shared" si="14"/>
        <v>1.8201023244152452E-2</v>
      </c>
    </row>
    <row r="321" spans="1:6" x14ac:dyDescent="0.2">
      <c r="A321">
        <v>1331.48984</v>
      </c>
      <c r="B321">
        <v>19.984770000000001</v>
      </c>
      <c r="C321">
        <v>9.0018180000000001</v>
      </c>
      <c r="D321">
        <f t="shared" si="15"/>
        <v>1.5965319999999998</v>
      </c>
      <c r="E321">
        <f t="shared" si="16"/>
        <v>38.52877199999989</v>
      </c>
      <c r="F321">
        <f t="shared" si="14"/>
        <v>1.8124652248961277E-2</v>
      </c>
    </row>
    <row r="322" spans="1:6" x14ac:dyDescent="0.2">
      <c r="A322">
        <v>1331.7128700000001</v>
      </c>
      <c r="B322">
        <v>19.990943000000001</v>
      </c>
      <c r="C322">
        <v>9.0068219999999997</v>
      </c>
      <c r="D322">
        <f t="shared" si="15"/>
        <v>1.6015359999999994</v>
      </c>
      <c r="E322">
        <f t="shared" si="16"/>
        <v>38.751801999999998</v>
      </c>
      <c r="F322">
        <f t="shared" si="14"/>
        <v>1.8169567940295051E-2</v>
      </c>
    </row>
    <row r="323" spans="1:6" x14ac:dyDescent="0.2">
      <c r="A323">
        <v>1332.2587169999999</v>
      </c>
      <c r="B323">
        <v>19.955829999999999</v>
      </c>
      <c r="C323">
        <v>9.0118270000000003</v>
      </c>
      <c r="D323">
        <f t="shared" si="15"/>
        <v>1.606541</v>
      </c>
      <c r="E323">
        <f t="shared" si="16"/>
        <v>39.297648999999865</v>
      </c>
      <c r="F323">
        <f t="shared" ref="F323:F386" si="17">(1/A323)*(E323/D323)</f>
        <v>1.8360571082051753E-2</v>
      </c>
    </row>
    <row r="324" spans="1:6" x14ac:dyDescent="0.2">
      <c r="A324">
        <v>1333.0561729999999</v>
      </c>
      <c r="B324">
        <v>19.930959999999999</v>
      </c>
      <c r="C324">
        <v>9.0168320000000008</v>
      </c>
      <c r="D324">
        <f t="shared" si="15"/>
        <v>1.6115460000000006</v>
      </c>
      <c r="E324">
        <f t="shared" si="16"/>
        <v>40.095104999999876</v>
      </c>
      <c r="F324">
        <f t="shared" si="17"/>
        <v>1.8663805429245266E-2</v>
      </c>
    </row>
    <row r="325" spans="1:6" x14ac:dyDescent="0.2">
      <c r="A325">
        <v>1333.8168479999999</v>
      </c>
      <c r="B325">
        <v>19.969348</v>
      </c>
      <c r="C325">
        <v>9.0218369999999997</v>
      </c>
      <c r="D325">
        <f t="shared" si="15"/>
        <v>1.6165509999999994</v>
      </c>
      <c r="E325">
        <f t="shared" si="16"/>
        <v>40.855779999999868</v>
      </c>
      <c r="F325">
        <f t="shared" si="17"/>
        <v>1.8948197239439156E-2</v>
      </c>
    </row>
    <row r="326" spans="1:6" x14ac:dyDescent="0.2">
      <c r="A326">
        <v>1334.2934339999999</v>
      </c>
      <c r="B326">
        <v>19.994353</v>
      </c>
      <c r="C326">
        <v>9.0268420000000003</v>
      </c>
      <c r="D326">
        <f t="shared" si="15"/>
        <v>1.621556</v>
      </c>
      <c r="E326">
        <f t="shared" si="16"/>
        <v>41.332365999999865</v>
      </c>
      <c r="F326">
        <f t="shared" si="17"/>
        <v>1.9103237102969781E-2</v>
      </c>
    </row>
    <row r="327" spans="1:6" x14ac:dyDescent="0.2">
      <c r="A327">
        <v>1334.9162799999999</v>
      </c>
      <c r="B327">
        <v>19.954325000000001</v>
      </c>
      <c r="C327">
        <v>9.0318459999999998</v>
      </c>
      <c r="D327">
        <f t="shared" ref="D327:D390" si="18">C327-$C$2</f>
        <v>1.6265599999999996</v>
      </c>
      <c r="E327">
        <f t="shared" ref="E327:E390" si="19">A327-$A$2</f>
        <v>41.955211999999847</v>
      </c>
      <c r="F327">
        <f t="shared" si="17"/>
        <v>1.9322432657180248E-2</v>
      </c>
    </row>
    <row r="328" spans="1:6" x14ac:dyDescent="0.2">
      <c r="A328">
        <v>1335.413577</v>
      </c>
      <c r="B328">
        <v>19.964600000000001</v>
      </c>
      <c r="C328">
        <v>9.0368510000000004</v>
      </c>
      <c r="D328">
        <f t="shared" si="18"/>
        <v>1.6315650000000002</v>
      </c>
      <c r="E328">
        <f t="shared" si="19"/>
        <v>42.452508999999964</v>
      </c>
      <c r="F328">
        <f t="shared" si="17"/>
        <v>1.9484227644971524E-2</v>
      </c>
    </row>
    <row r="329" spans="1:6" x14ac:dyDescent="0.2">
      <c r="A329">
        <v>1335.991808</v>
      </c>
      <c r="B329">
        <v>19.971159</v>
      </c>
      <c r="C329">
        <v>9.0418559999999992</v>
      </c>
      <c r="D329">
        <f t="shared" si="18"/>
        <v>1.636569999999999</v>
      </c>
      <c r="E329">
        <f t="shared" si="19"/>
        <v>43.030739999999923</v>
      </c>
      <c r="F329">
        <f t="shared" si="17"/>
        <v>1.9680695124951745E-2</v>
      </c>
    </row>
    <row r="330" spans="1:6" x14ac:dyDescent="0.2">
      <c r="A330">
        <v>1336.160621</v>
      </c>
      <c r="B330">
        <v>20.005157000000001</v>
      </c>
      <c r="C330">
        <v>9.0468609999999998</v>
      </c>
      <c r="D330">
        <f t="shared" si="18"/>
        <v>1.6415749999999996</v>
      </c>
      <c r="E330">
        <f t="shared" si="19"/>
        <v>43.199552999999923</v>
      </c>
      <c r="F330">
        <f t="shared" si="17"/>
        <v>1.9695175513376222E-2</v>
      </c>
    </row>
    <row r="331" spans="1:6" x14ac:dyDescent="0.2">
      <c r="A331">
        <v>1336.3045179999999</v>
      </c>
      <c r="B331">
        <v>20.003271999999999</v>
      </c>
      <c r="C331">
        <v>9.0518660000000004</v>
      </c>
      <c r="D331">
        <f t="shared" si="18"/>
        <v>1.6465800000000002</v>
      </c>
      <c r="E331">
        <f t="shared" si="19"/>
        <v>43.343449999999848</v>
      </c>
      <c r="F331">
        <f t="shared" si="17"/>
        <v>1.9698592859358599E-2</v>
      </c>
    </row>
    <row r="332" spans="1:6" x14ac:dyDescent="0.2">
      <c r="A332">
        <v>1336.4683849999999</v>
      </c>
      <c r="B332">
        <v>19.967762</v>
      </c>
      <c r="C332">
        <v>9.05687</v>
      </c>
      <c r="D332">
        <f t="shared" si="18"/>
        <v>1.6515839999999997</v>
      </c>
      <c r="E332">
        <f t="shared" si="19"/>
        <v>43.50731699999983</v>
      </c>
      <c r="F332">
        <f t="shared" si="17"/>
        <v>1.9710740735947772E-2</v>
      </c>
    </row>
    <row r="333" spans="1:6" x14ac:dyDescent="0.2">
      <c r="A333">
        <v>1336.552383</v>
      </c>
      <c r="B333">
        <v>19.982870999999999</v>
      </c>
      <c r="C333">
        <v>9.0618750000000006</v>
      </c>
      <c r="D333">
        <f t="shared" si="18"/>
        <v>1.6565890000000003</v>
      </c>
      <c r="E333">
        <f t="shared" si="19"/>
        <v>43.591314999999895</v>
      </c>
      <c r="F333">
        <f t="shared" si="17"/>
        <v>1.9687891738540221E-2</v>
      </c>
    </row>
    <row r="334" spans="1:6" x14ac:dyDescent="0.2">
      <c r="A334">
        <v>1336.6846149999999</v>
      </c>
      <c r="B334">
        <v>19.999766000000001</v>
      </c>
      <c r="C334">
        <v>9.0668799999999994</v>
      </c>
      <c r="D334">
        <f t="shared" si="18"/>
        <v>1.6615939999999991</v>
      </c>
      <c r="E334">
        <f t="shared" si="19"/>
        <v>43.723546999999826</v>
      </c>
      <c r="F334">
        <f t="shared" si="17"/>
        <v>1.9686183157254764E-2</v>
      </c>
    </row>
    <row r="335" spans="1:6" x14ac:dyDescent="0.2">
      <c r="A335">
        <v>1336.981317</v>
      </c>
      <c r="B335">
        <v>19.992892999999999</v>
      </c>
      <c r="C335">
        <v>9.071885</v>
      </c>
      <c r="D335">
        <f t="shared" si="18"/>
        <v>1.6665989999999997</v>
      </c>
      <c r="E335">
        <f t="shared" si="19"/>
        <v>44.020248999999922</v>
      </c>
      <c r="F335">
        <f t="shared" si="17"/>
        <v>1.9755864529260356E-2</v>
      </c>
    </row>
    <row r="336" spans="1:6" x14ac:dyDescent="0.2">
      <c r="A336">
        <v>1336.9936540000001</v>
      </c>
      <c r="B336">
        <v>20.003964</v>
      </c>
      <c r="C336">
        <v>9.0768900000000006</v>
      </c>
      <c r="D336">
        <f t="shared" si="18"/>
        <v>1.6716040000000003</v>
      </c>
      <c r="E336">
        <f t="shared" si="19"/>
        <v>44.032586000000038</v>
      </c>
      <c r="F336">
        <f t="shared" si="17"/>
        <v>1.9702051247426348E-2</v>
      </c>
    </row>
    <row r="337" spans="1:6" x14ac:dyDescent="0.2">
      <c r="A337">
        <v>1336.72129</v>
      </c>
      <c r="B337">
        <v>20.010162000000001</v>
      </c>
      <c r="C337">
        <v>9.0818940000000001</v>
      </c>
      <c r="D337">
        <f t="shared" si="18"/>
        <v>1.6766079999999999</v>
      </c>
      <c r="E337">
        <f t="shared" si="19"/>
        <v>43.760221999999885</v>
      </c>
      <c r="F337">
        <f t="shared" si="17"/>
        <v>1.9525722703474684E-2</v>
      </c>
    </row>
    <row r="338" spans="1:6" x14ac:dyDescent="0.2">
      <c r="A338">
        <v>1335.9976059999999</v>
      </c>
      <c r="B338">
        <v>20.028865</v>
      </c>
      <c r="C338">
        <v>9.0868990000000007</v>
      </c>
      <c r="D338">
        <f t="shared" si="18"/>
        <v>1.6816130000000005</v>
      </c>
      <c r="E338">
        <f t="shared" si="19"/>
        <v>43.036537999999837</v>
      </c>
      <c r="F338">
        <f t="shared" si="17"/>
        <v>1.9156033681928458E-2</v>
      </c>
    </row>
    <row r="339" spans="1:6" x14ac:dyDescent="0.2">
      <c r="A339">
        <v>1335.610923</v>
      </c>
      <c r="B339">
        <v>20.003575000000001</v>
      </c>
      <c r="C339">
        <v>9.0919039999999995</v>
      </c>
      <c r="D339">
        <f t="shared" si="18"/>
        <v>1.6866179999999993</v>
      </c>
      <c r="E339">
        <f t="shared" si="19"/>
        <v>42.649854999999889</v>
      </c>
      <c r="F339">
        <f t="shared" si="17"/>
        <v>1.8933062385007717E-2</v>
      </c>
    </row>
    <row r="340" spans="1:6" x14ac:dyDescent="0.2">
      <c r="A340">
        <v>1335.1335180000001</v>
      </c>
      <c r="B340">
        <v>20.038112000000002</v>
      </c>
      <c r="C340">
        <v>9.0969090000000001</v>
      </c>
      <c r="D340">
        <f t="shared" si="18"/>
        <v>1.6916229999999999</v>
      </c>
      <c r="E340">
        <f t="shared" si="19"/>
        <v>42.172450000000026</v>
      </c>
      <c r="F340">
        <f t="shared" si="17"/>
        <v>1.867241760857398E-2</v>
      </c>
    </row>
    <row r="341" spans="1:6" x14ac:dyDescent="0.2">
      <c r="A341">
        <v>1334.5126749999999</v>
      </c>
      <c r="B341">
        <v>20.032451999999999</v>
      </c>
      <c r="C341">
        <v>9.1019140000000007</v>
      </c>
      <c r="D341">
        <f t="shared" si="18"/>
        <v>1.6966280000000005</v>
      </c>
      <c r="E341">
        <f t="shared" si="19"/>
        <v>41.551606999999876</v>
      </c>
      <c r="F341">
        <f t="shared" si="17"/>
        <v>1.8351792565814411E-2</v>
      </c>
    </row>
    <row r="342" spans="1:6" x14ac:dyDescent="0.2">
      <c r="A342">
        <v>1333.5940680000001</v>
      </c>
      <c r="B342">
        <v>20.048971000000002</v>
      </c>
      <c r="C342">
        <v>9.1069180000000003</v>
      </c>
      <c r="D342">
        <f t="shared" si="18"/>
        <v>1.701632</v>
      </c>
      <c r="E342">
        <f t="shared" si="19"/>
        <v>40.633000000000038</v>
      </c>
      <c r="F342">
        <f t="shared" si="17"/>
        <v>1.7905629300163178E-2</v>
      </c>
    </row>
    <row r="343" spans="1:6" x14ac:dyDescent="0.2">
      <c r="A343">
        <v>1332.7026579999999</v>
      </c>
      <c r="B343">
        <v>20.055302000000001</v>
      </c>
      <c r="C343">
        <v>9.1119230000000009</v>
      </c>
      <c r="D343">
        <f t="shared" si="18"/>
        <v>1.7066370000000006</v>
      </c>
      <c r="E343">
        <f t="shared" si="19"/>
        <v>39.74158999999986</v>
      </c>
      <c r="F343">
        <f t="shared" si="17"/>
        <v>1.747313441267322E-2</v>
      </c>
    </row>
    <row r="344" spans="1:6" x14ac:dyDescent="0.2">
      <c r="A344">
        <v>1332.297366</v>
      </c>
      <c r="B344">
        <v>19.991636</v>
      </c>
      <c r="C344">
        <v>9.1169279999999997</v>
      </c>
      <c r="D344">
        <f t="shared" si="18"/>
        <v>1.7116419999999994</v>
      </c>
      <c r="E344">
        <f t="shared" si="19"/>
        <v>39.336297999999942</v>
      </c>
      <c r="F344">
        <f t="shared" si="17"/>
        <v>1.7249614013285796E-2</v>
      </c>
    </row>
    <row r="345" spans="1:6" x14ac:dyDescent="0.2">
      <c r="A345">
        <v>1331.857217</v>
      </c>
      <c r="B345">
        <v>20.009138</v>
      </c>
      <c r="C345">
        <v>9.1219330000000003</v>
      </c>
      <c r="D345">
        <f t="shared" si="18"/>
        <v>1.716647</v>
      </c>
      <c r="E345">
        <f t="shared" si="19"/>
        <v>38.896148999999923</v>
      </c>
      <c r="F345">
        <f t="shared" si="17"/>
        <v>1.7012492153117009E-2</v>
      </c>
    </row>
    <row r="346" spans="1:6" x14ac:dyDescent="0.2">
      <c r="A346">
        <v>1331.5517629999999</v>
      </c>
      <c r="B346">
        <v>20.0199</v>
      </c>
      <c r="C346">
        <v>9.1269380000000009</v>
      </c>
      <c r="D346">
        <f t="shared" si="18"/>
        <v>1.7216520000000006</v>
      </c>
      <c r="E346">
        <f t="shared" si="19"/>
        <v>38.590694999999869</v>
      </c>
      <c r="F346">
        <f t="shared" si="17"/>
        <v>1.6833684167404443E-2</v>
      </c>
    </row>
    <row r="347" spans="1:6" x14ac:dyDescent="0.2">
      <c r="A347">
        <v>1331.7355399999999</v>
      </c>
      <c r="B347">
        <v>19.975075</v>
      </c>
      <c r="C347">
        <v>9.1319420000000004</v>
      </c>
      <c r="D347">
        <f t="shared" si="18"/>
        <v>1.7266560000000002</v>
      </c>
      <c r="E347">
        <f t="shared" si="19"/>
        <v>38.774471999999832</v>
      </c>
      <c r="F347">
        <f t="shared" si="17"/>
        <v>1.6862504579424561E-2</v>
      </c>
    </row>
    <row r="348" spans="1:6" x14ac:dyDescent="0.2">
      <c r="A348">
        <v>1332.341756</v>
      </c>
      <c r="B348">
        <v>19.971523000000001</v>
      </c>
      <c r="C348">
        <v>9.1369469999999993</v>
      </c>
      <c r="D348">
        <f t="shared" si="18"/>
        <v>1.731660999999999</v>
      </c>
      <c r="E348">
        <f t="shared" si="19"/>
        <v>39.380687999999964</v>
      </c>
      <c r="F348">
        <f t="shared" si="17"/>
        <v>1.7068870528553288E-2</v>
      </c>
    </row>
    <row r="349" spans="1:6" x14ac:dyDescent="0.2">
      <c r="A349">
        <v>1332.6744619999999</v>
      </c>
      <c r="B349">
        <v>19.975625000000001</v>
      </c>
      <c r="C349">
        <v>9.1419519999999999</v>
      </c>
      <c r="D349">
        <f t="shared" si="18"/>
        <v>1.7366659999999996</v>
      </c>
      <c r="E349">
        <f t="shared" si="19"/>
        <v>39.71339399999988</v>
      </c>
      <c r="F349">
        <f t="shared" si="17"/>
        <v>1.7159183839159882E-2</v>
      </c>
    </row>
    <row r="350" spans="1:6" x14ac:dyDescent="0.2">
      <c r="A350">
        <v>1333.1680679999999</v>
      </c>
      <c r="B350">
        <v>19.965755000000001</v>
      </c>
      <c r="C350">
        <v>9.1469570000000004</v>
      </c>
      <c r="D350">
        <f t="shared" si="18"/>
        <v>1.7416710000000002</v>
      </c>
      <c r="E350">
        <f t="shared" si="19"/>
        <v>40.20699999999988</v>
      </c>
      <c r="F350">
        <f t="shared" si="17"/>
        <v>1.7316122376973254E-2</v>
      </c>
    </row>
    <row r="351" spans="1:6" x14ac:dyDescent="0.2">
      <c r="A351">
        <v>1334.0316250000001</v>
      </c>
      <c r="B351">
        <v>19.963554999999999</v>
      </c>
      <c r="C351">
        <v>9.1519619999999993</v>
      </c>
      <c r="D351">
        <f t="shared" si="18"/>
        <v>1.746675999999999</v>
      </c>
      <c r="E351">
        <f t="shared" si="19"/>
        <v>41.070557000000008</v>
      </c>
      <c r="F351">
        <f t="shared" si="17"/>
        <v>1.76259329885236E-2</v>
      </c>
    </row>
    <row r="352" spans="1:6" x14ac:dyDescent="0.2">
      <c r="A352">
        <v>1334.9929</v>
      </c>
      <c r="B352">
        <v>19.938766999999999</v>
      </c>
      <c r="C352">
        <v>9.1569660000000006</v>
      </c>
      <c r="D352">
        <f t="shared" si="18"/>
        <v>1.7516800000000003</v>
      </c>
      <c r="E352">
        <f t="shared" si="19"/>
        <v>42.031831999999895</v>
      </c>
      <c r="F352">
        <f t="shared" si="17"/>
        <v>1.7973993993596671E-2</v>
      </c>
    </row>
    <row r="353" spans="1:6" x14ac:dyDescent="0.2">
      <c r="A353">
        <v>1335.855006</v>
      </c>
      <c r="B353">
        <v>19.965465999999999</v>
      </c>
      <c r="C353">
        <v>9.1619709999999994</v>
      </c>
      <c r="D353">
        <f t="shared" si="18"/>
        <v>1.7566849999999992</v>
      </c>
      <c r="E353">
        <f t="shared" si="19"/>
        <v>42.893937999999935</v>
      </c>
      <c r="F353">
        <f t="shared" si="17"/>
        <v>1.8278590547831788E-2</v>
      </c>
    </row>
    <row r="354" spans="1:6" x14ac:dyDescent="0.2">
      <c r="A354">
        <v>1336.185164</v>
      </c>
      <c r="B354">
        <v>19.965064000000002</v>
      </c>
      <c r="C354">
        <v>9.166976</v>
      </c>
      <c r="D354">
        <f t="shared" si="18"/>
        <v>1.7616899999999998</v>
      </c>
      <c r="E354">
        <f t="shared" si="19"/>
        <v>43.224095999999918</v>
      </c>
      <c r="F354">
        <f t="shared" si="17"/>
        <v>1.8362414414585269E-2</v>
      </c>
    </row>
    <row r="355" spans="1:6" x14ac:dyDescent="0.2">
      <c r="A355">
        <v>1336.9038049999999</v>
      </c>
      <c r="B355">
        <v>19.962696999999999</v>
      </c>
      <c r="C355">
        <v>9.1719810000000006</v>
      </c>
      <c r="D355">
        <f t="shared" si="18"/>
        <v>1.7666950000000003</v>
      </c>
      <c r="E355">
        <f t="shared" si="19"/>
        <v>43.942736999999852</v>
      </c>
      <c r="F355">
        <f t="shared" si="17"/>
        <v>1.8604815366141586E-2</v>
      </c>
    </row>
    <row r="356" spans="1:6" x14ac:dyDescent="0.2">
      <c r="A356">
        <v>1337.473344</v>
      </c>
      <c r="B356">
        <v>19.980651999999999</v>
      </c>
      <c r="C356">
        <v>9.1769859999999994</v>
      </c>
      <c r="D356">
        <f t="shared" si="18"/>
        <v>1.7716999999999992</v>
      </c>
      <c r="E356">
        <f t="shared" si="19"/>
        <v>44.512275999999929</v>
      </c>
      <c r="F356">
        <f t="shared" si="17"/>
        <v>1.8784709394107837E-2</v>
      </c>
    </row>
    <row r="357" spans="1:6" x14ac:dyDescent="0.2">
      <c r="A357">
        <v>1337.9226140000001</v>
      </c>
      <c r="B357">
        <v>19.984673999999998</v>
      </c>
      <c r="C357">
        <v>9.1819900000000008</v>
      </c>
      <c r="D357">
        <f t="shared" si="18"/>
        <v>1.7767040000000005</v>
      </c>
      <c r="E357">
        <f t="shared" si="19"/>
        <v>44.961545999999998</v>
      </c>
      <c r="F357">
        <f t="shared" si="17"/>
        <v>1.8914512900477493E-2</v>
      </c>
    </row>
    <row r="358" spans="1:6" x14ac:dyDescent="0.2">
      <c r="A358">
        <v>1338.169083</v>
      </c>
      <c r="B358">
        <v>19.98733</v>
      </c>
      <c r="C358">
        <v>9.1869949999999996</v>
      </c>
      <c r="D358">
        <f t="shared" si="18"/>
        <v>1.7817089999999993</v>
      </c>
      <c r="E358">
        <f t="shared" si="19"/>
        <v>45.208014999999932</v>
      </c>
      <c r="F358">
        <f t="shared" si="17"/>
        <v>1.8961280934845042E-2</v>
      </c>
    </row>
    <row r="359" spans="1:6" x14ac:dyDescent="0.2">
      <c r="A359">
        <v>1338.0748960000001</v>
      </c>
      <c r="B359">
        <v>19.999095000000001</v>
      </c>
      <c r="C359">
        <v>9.1920000000000002</v>
      </c>
      <c r="D359">
        <f t="shared" si="18"/>
        <v>1.7867139999999999</v>
      </c>
      <c r="E359">
        <f t="shared" si="19"/>
        <v>45.113828000000012</v>
      </c>
      <c r="F359">
        <f t="shared" si="17"/>
        <v>1.8870100631116812E-2</v>
      </c>
    </row>
    <row r="360" spans="1:6" x14ac:dyDescent="0.2">
      <c r="A360">
        <v>1338.0212979999999</v>
      </c>
      <c r="B360">
        <v>20.000095000000002</v>
      </c>
      <c r="C360">
        <v>9.1970050000000008</v>
      </c>
      <c r="D360">
        <f t="shared" si="18"/>
        <v>1.7917190000000005</v>
      </c>
      <c r="E360">
        <f t="shared" si="19"/>
        <v>45.060229999999819</v>
      </c>
      <c r="F360">
        <f t="shared" si="17"/>
        <v>1.879578543487425E-2</v>
      </c>
    </row>
    <row r="361" spans="1:6" x14ac:dyDescent="0.2">
      <c r="A361">
        <v>1337.9339769999999</v>
      </c>
      <c r="B361">
        <v>20.022511000000002</v>
      </c>
      <c r="C361">
        <v>9.2020099999999996</v>
      </c>
      <c r="D361">
        <f t="shared" si="18"/>
        <v>1.7967239999999993</v>
      </c>
      <c r="E361">
        <f t="shared" si="19"/>
        <v>44.972908999999845</v>
      </c>
      <c r="F361">
        <f t="shared" si="17"/>
        <v>1.8708325966579367E-2</v>
      </c>
    </row>
    <row r="362" spans="1:6" x14ac:dyDescent="0.2">
      <c r="A362">
        <v>1337.6930130000001</v>
      </c>
      <c r="B362">
        <v>19.991223999999999</v>
      </c>
      <c r="C362">
        <v>9.2070139999999991</v>
      </c>
      <c r="D362">
        <f t="shared" si="18"/>
        <v>1.8017279999999989</v>
      </c>
      <c r="E362">
        <f t="shared" si="19"/>
        <v>44.731944999999996</v>
      </c>
      <c r="F362">
        <f t="shared" si="17"/>
        <v>1.8559748879403405E-2</v>
      </c>
    </row>
    <row r="363" spans="1:6" x14ac:dyDescent="0.2">
      <c r="A363">
        <v>1337.276836</v>
      </c>
      <c r="B363">
        <v>20.028487999999999</v>
      </c>
      <c r="C363">
        <v>9.2120189999999997</v>
      </c>
      <c r="D363">
        <f t="shared" si="18"/>
        <v>1.8067329999999995</v>
      </c>
      <c r="E363">
        <f t="shared" si="19"/>
        <v>44.315767999999935</v>
      </c>
      <c r="F363">
        <f t="shared" si="17"/>
        <v>1.8341843398944867E-2</v>
      </c>
    </row>
    <row r="364" spans="1:6" x14ac:dyDescent="0.2">
      <c r="A364">
        <v>1336.5139919999999</v>
      </c>
      <c r="B364">
        <v>20.038153000000001</v>
      </c>
      <c r="C364">
        <v>9.2170240000000003</v>
      </c>
      <c r="D364">
        <f t="shared" si="18"/>
        <v>1.8117380000000001</v>
      </c>
      <c r="E364">
        <f t="shared" si="19"/>
        <v>43.552923999999848</v>
      </c>
      <c r="F364">
        <f t="shared" si="17"/>
        <v>1.7986572567101473E-2</v>
      </c>
    </row>
    <row r="365" spans="1:6" x14ac:dyDescent="0.2">
      <c r="A365">
        <v>1335.81342</v>
      </c>
      <c r="B365">
        <v>20.026747</v>
      </c>
      <c r="C365">
        <v>9.2220289999999991</v>
      </c>
      <c r="D365">
        <f t="shared" si="18"/>
        <v>1.8167429999999989</v>
      </c>
      <c r="E365">
        <f t="shared" si="19"/>
        <v>42.852351999999883</v>
      </c>
      <c r="F365">
        <f t="shared" si="17"/>
        <v>1.7657750089158295E-2</v>
      </c>
    </row>
    <row r="366" spans="1:6" x14ac:dyDescent="0.2">
      <c r="A366">
        <v>1335.145309</v>
      </c>
      <c r="B366">
        <v>20.026049</v>
      </c>
      <c r="C366">
        <v>9.2270339999999997</v>
      </c>
      <c r="D366">
        <f t="shared" si="18"/>
        <v>1.8217479999999995</v>
      </c>
      <c r="E366">
        <f t="shared" si="19"/>
        <v>42.184240999999929</v>
      </c>
      <c r="F366">
        <f t="shared" si="17"/>
        <v>1.7343366585743467E-2</v>
      </c>
    </row>
    <row r="367" spans="1:6" x14ac:dyDescent="0.2">
      <c r="A367">
        <v>1334.8943119999999</v>
      </c>
      <c r="B367">
        <v>19.991636</v>
      </c>
      <c r="C367">
        <v>9.2320379999999993</v>
      </c>
      <c r="D367">
        <f t="shared" si="18"/>
        <v>1.826751999999999</v>
      </c>
      <c r="E367">
        <f t="shared" si="19"/>
        <v>41.933243999999831</v>
      </c>
      <c r="F367">
        <f t="shared" si="17"/>
        <v>1.7196180187337953E-2</v>
      </c>
    </row>
    <row r="368" spans="1:6" x14ac:dyDescent="0.2">
      <c r="A368">
        <v>1335.2355379999999</v>
      </c>
      <c r="B368">
        <v>19.974502000000001</v>
      </c>
      <c r="C368">
        <v>9.2370429999999999</v>
      </c>
      <c r="D368">
        <f t="shared" si="18"/>
        <v>1.8317569999999996</v>
      </c>
      <c r="E368">
        <f t="shared" si="19"/>
        <v>42.274469999999837</v>
      </c>
      <c r="F368">
        <f t="shared" si="17"/>
        <v>1.7284325199697779E-2</v>
      </c>
    </row>
    <row r="369" spans="1:6" x14ac:dyDescent="0.2">
      <c r="A369">
        <v>1335.7005549999999</v>
      </c>
      <c r="B369">
        <v>19.980042999999998</v>
      </c>
      <c r="C369">
        <v>9.2420480000000005</v>
      </c>
      <c r="D369">
        <f t="shared" si="18"/>
        <v>1.8367620000000002</v>
      </c>
      <c r="E369">
        <f t="shared" si="19"/>
        <v>42.739486999999826</v>
      </c>
      <c r="F369">
        <f t="shared" si="17"/>
        <v>1.7420768627384932E-2</v>
      </c>
    </row>
    <row r="370" spans="1:6" x14ac:dyDescent="0.2">
      <c r="A370">
        <v>1336.251493</v>
      </c>
      <c r="B370">
        <v>19.956416000000001</v>
      </c>
      <c r="C370">
        <v>9.2470529999999993</v>
      </c>
      <c r="D370">
        <f t="shared" si="18"/>
        <v>1.841766999999999</v>
      </c>
      <c r="E370">
        <f t="shared" si="19"/>
        <v>43.290424999999914</v>
      </c>
      <c r="F370">
        <f t="shared" si="17"/>
        <v>1.7590126342632333E-2</v>
      </c>
    </row>
    <row r="371" spans="1:6" x14ac:dyDescent="0.2">
      <c r="A371">
        <v>1336.9263599999999</v>
      </c>
      <c r="B371">
        <v>19.979005000000001</v>
      </c>
      <c r="C371">
        <v>9.2520579999999999</v>
      </c>
      <c r="D371">
        <f t="shared" si="18"/>
        <v>1.8467719999999996</v>
      </c>
      <c r="E371">
        <f t="shared" si="19"/>
        <v>43.965291999999863</v>
      </c>
      <c r="F371">
        <f t="shared" si="17"/>
        <v>1.7806935855598137E-2</v>
      </c>
    </row>
    <row r="372" spans="1:6" x14ac:dyDescent="0.2">
      <c r="A372">
        <v>1337.4461839999999</v>
      </c>
      <c r="B372">
        <v>19.956938999999998</v>
      </c>
      <c r="C372">
        <v>9.2570619999999995</v>
      </c>
      <c r="D372">
        <f t="shared" si="18"/>
        <v>1.8517759999999992</v>
      </c>
      <c r="E372">
        <f t="shared" si="19"/>
        <v>44.485115999999834</v>
      </c>
      <c r="F372">
        <f t="shared" si="17"/>
        <v>1.7961804300825213E-2</v>
      </c>
    </row>
    <row r="373" spans="1:6" x14ac:dyDescent="0.2">
      <c r="A373">
        <v>1337.8648290000001</v>
      </c>
      <c r="B373">
        <v>20.003385999999999</v>
      </c>
      <c r="C373">
        <v>9.262067</v>
      </c>
      <c r="D373">
        <f t="shared" si="18"/>
        <v>1.8567809999999998</v>
      </c>
      <c r="E373">
        <f t="shared" si="19"/>
        <v>44.903761000000031</v>
      </c>
      <c r="F373">
        <f t="shared" si="17"/>
        <v>1.8076310700271273E-2</v>
      </c>
    </row>
    <row r="374" spans="1:6" x14ac:dyDescent="0.2">
      <c r="A374">
        <v>1337.9599109999999</v>
      </c>
      <c r="B374">
        <v>19.994975</v>
      </c>
      <c r="C374">
        <v>9.2670720000000006</v>
      </c>
      <c r="D374">
        <f t="shared" si="18"/>
        <v>1.8617860000000004</v>
      </c>
      <c r="E374">
        <f t="shared" si="19"/>
        <v>44.998842999999852</v>
      </c>
      <c r="F374">
        <f t="shared" si="17"/>
        <v>1.806460568668633E-2</v>
      </c>
    </row>
    <row r="375" spans="1:6" x14ac:dyDescent="0.2">
      <c r="A375">
        <v>1337.963213</v>
      </c>
      <c r="B375">
        <v>19.997468999999999</v>
      </c>
      <c r="C375">
        <v>9.2720769999999995</v>
      </c>
      <c r="D375">
        <f t="shared" si="18"/>
        <v>1.8667909999999992</v>
      </c>
      <c r="E375">
        <f t="shared" si="19"/>
        <v>45.002144999999928</v>
      </c>
      <c r="F375">
        <f t="shared" si="17"/>
        <v>1.8017450743459545E-2</v>
      </c>
    </row>
    <row r="376" spans="1:6" x14ac:dyDescent="0.2">
      <c r="A376">
        <v>1337.513406</v>
      </c>
      <c r="B376">
        <v>20.018833000000001</v>
      </c>
      <c r="C376">
        <v>9.2770820000000001</v>
      </c>
      <c r="D376">
        <f t="shared" si="18"/>
        <v>1.8717959999999998</v>
      </c>
      <c r="E376">
        <f t="shared" si="19"/>
        <v>44.552337999999963</v>
      </c>
      <c r="F376">
        <f t="shared" si="17"/>
        <v>1.7795649409466516E-2</v>
      </c>
    </row>
    <row r="377" spans="1:6" x14ac:dyDescent="0.2">
      <c r="A377">
        <v>1337.1377279999999</v>
      </c>
      <c r="B377">
        <v>20.002255999999999</v>
      </c>
      <c r="C377">
        <v>9.2820859999999996</v>
      </c>
      <c r="D377">
        <f t="shared" si="18"/>
        <v>1.8767999999999994</v>
      </c>
      <c r="E377">
        <f t="shared" si="19"/>
        <v>44.176659999999856</v>
      </c>
      <c r="F377">
        <f t="shared" si="17"/>
        <v>1.7603488468990396E-2</v>
      </c>
    </row>
    <row r="378" spans="1:6" x14ac:dyDescent="0.2">
      <c r="A378">
        <v>1337.7997809999999</v>
      </c>
      <c r="B378">
        <v>19.952347</v>
      </c>
      <c r="C378">
        <v>9.2870910000000002</v>
      </c>
      <c r="D378">
        <f t="shared" si="18"/>
        <v>1.8818049999999999</v>
      </c>
      <c r="E378">
        <f t="shared" si="19"/>
        <v>44.838712999999871</v>
      </c>
      <c r="F378">
        <f t="shared" si="17"/>
        <v>1.7810962938297033E-2</v>
      </c>
    </row>
    <row r="379" spans="1:6" x14ac:dyDescent="0.2">
      <c r="A379">
        <v>1338.3690839999999</v>
      </c>
      <c r="B379">
        <v>19.985852999999999</v>
      </c>
      <c r="C379">
        <v>9.2920960000000008</v>
      </c>
      <c r="D379">
        <f t="shared" si="18"/>
        <v>1.8868100000000005</v>
      </c>
      <c r="E379">
        <f t="shared" si="19"/>
        <v>45.408015999999861</v>
      </c>
      <c r="F379">
        <f t="shared" si="17"/>
        <v>1.7981605338673923E-2</v>
      </c>
    </row>
    <row r="380" spans="1:6" x14ac:dyDescent="0.2">
      <c r="A380">
        <v>1338.9131729999999</v>
      </c>
      <c r="B380">
        <v>19.945298000000001</v>
      </c>
      <c r="C380">
        <v>9.2971009999999996</v>
      </c>
      <c r="D380">
        <f t="shared" si="18"/>
        <v>1.8918149999999994</v>
      </c>
      <c r="E380">
        <f t="shared" si="19"/>
        <v>45.952104999999847</v>
      </c>
      <c r="F380">
        <f t="shared" si="17"/>
        <v>1.814154755423153E-2</v>
      </c>
    </row>
    <row r="381" spans="1:6" x14ac:dyDescent="0.2">
      <c r="A381">
        <v>1339.406418</v>
      </c>
      <c r="B381">
        <v>20.001266000000001</v>
      </c>
      <c r="C381">
        <v>9.3021060000000002</v>
      </c>
      <c r="D381">
        <f t="shared" si="18"/>
        <v>1.89682</v>
      </c>
      <c r="E381">
        <f t="shared" si="19"/>
        <v>46.445349999999962</v>
      </c>
      <c r="F381">
        <f t="shared" si="17"/>
        <v>1.8281159767741865E-2</v>
      </c>
    </row>
    <row r="382" spans="1:6" x14ac:dyDescent="0.2">
      <c r="A382">
        <v>1339.525347</v>
      </c>
      <c r="B382">
        <v>19.983920000000001</v>
      </c>
      <c r="C382">
        <v>9.3071099999999998</v>
      </c>
      <c r="D382">
        <f t="shared" si="18"/>
        <v>1.9018239999999995</v>
      </c>
      <c r="E382">
        <f t="shared" si="19"/>
        <v>46.564278999999942</v>
      </c>
      <c r="F382">
        <f t="shared" si="17"/>
        <v>1.827812416375979E-2</v>
      </c>
    </row>
    <row r="383" spans="1:6" x14ac:dyDescent="0.2">
      <c r="A383">
        <v>1339.6087460000001</v>
      </c>
      <c r="B383">
        <v>20.001988999999998</v>
      </c>
      <c r="C383">
        <v>9.3121150000000004</v>
      </c>
      <c r="D383">
        <f t="shared" si="18"/>
        <v>1.9068290000000001</v>
      </c>
      <c r="E383">
        <f t="shared" si="19"/>
        <v>46.647678000000042</v>
      </c>
      <c r="F383">
        <f t="shared" si="17"/>
        <v>1.8261662325046588E-2</v>
      </c>
    </row>
    <row r="384" spans="1:6" x14ac:dyDescent="0.2">
      <c r="A384">
        <v>1339.52108</v>
      </c>
      <c r="B384">
        <v>20.004799999999999</v>
      </c>
      <c r="C384">
        <v>9.3171199999999992</v>
      </c>
      <c r="D384">
        <f t="shared" si="18"/>
        <v>1.9118339999999989</v>
      </c>
      <c r="E384">
        <f t="shared" si="19"/>
        <v>46.560011999999915</v>
      </c>
      <c r="F384">
        <f t="shared" si="17"/>
        <v>1.8180815110123275E-2</v>
      </c>
    </row>
    <row r="385" spans="1:6" x14ac:dyDescent="0.2">
      <c r="A385">
        <v>1339.06774</v>
      </c>
      <c r="B385">
        <v>20.022010999999999</v>
      </c>
      <c r="C385">
        <v>9.3221249999999998</v>
      </c>
      <c r="D385">
        <f t="shared" si="18"/>
        <v>1.9168389999999995</v>
      </c>
      <c r="E385">
        <f t="shared" si="19"/>
        <v>46.10667199999989</v>
      </c>
      <c r="F385">
        <f t="shared" si="17"/>
        <v>1.7962864398352742E-2</v>
      </c>
    </row>
    <row r="386" spans="1:6" x14ac:dyDescent="0.2">
      <c r="A386">
        <v>1338.359839</v>
      </c>
      <c r="B386">
        <v>20.028079000000002</v>
      </c>
      <c r="C386">
        <v>9.3271300000000004</v>
      </c>
      <c r="D386">
        <f t="shared" si="18"/>
        <v>1.9218440000000001</v>
      </c>
      <c r="E386">
        <f t="shared" si="19"/>
        <v>45.398770999999897</v>
      </c>
      <c r="F386">
        <f t="shared" si="17"/>
        <v>1.7650339686340662E-2</v>
      </c>
    </row>
    <row r="387" spans="1:6" x14ac:dyDescent="0.2">
      <c r="A387">
        <v>1338.1048290000001</v>
      </c>
      <c r="B387">
        <v>20.023289999999999</v>
      </c>
      <c r="C387">
        <v>9.3321339999999999</v>
      </c>
      <c r="D387">
        <f t="shared" si="18"/>
        <v>1.9268479999999997</v>
      </c>
      <c r="E387">
        <f t="shared" si="19"/>
        <v>45.14376100000004</v>
      </c>
      <c r="F387">
        <f t="shared" ref="F387:F415" si="20">(1/A387)*(E387/D387)</f>
        <v>1.7508951651305425E-2</v>
      </c>
    </row>
    <row r="388" spans="1:6" x14ac:dyDescent="0.2">
      <c r="A388">
        <v>1337.4317550000001</v>
      </c>
      <c r="B388">
        <v>20.039186000000001</v>
      </c>
      <c r="C388">
        <v>9.3371390000000005</v>
      </c>
      <c r="D388">
        <f t="shared" si="18"/>
        <v>1.9318530000000003</v>
      </c>
      <c r="E388">
        <f t="shared" si="19"/>
        <v>44.470686999999998</v>
      </c>
      <c r="F388">
        <f t="shared" si="20"/>
        <v>1.7211872940069258E-2</v>
      </c>
    </row>
    <row r="389" spans="1:6" x14ac:dyDescent="0.2">
      <c r="A389">
        <v>1336.491536</v>
      </c>
      <c r="B389">
        <v>20.037158999999999</v>
      </c>
      <c r="C389">
        <v>9.3421439999999993</v>
      </c>
      <c r="D389">
        <f t="shared" si="18"/>
        <v>1.9368579999999991</v>
      </c>
      <c r="E389">
        <f t="shared" si="19"/>
        <v>43.530467999999928</v>
      </c>
      <c r="F389">
        <f t="shared" si="20"/>
        <v>1.6816257227302733E-2</v>
      </c>
    </row>
    <row r="390" spans="1:6" x14ac:dyDescent="0.2">
      <c r="A390">
        <v>1335.7482749999999</v>
      </c>
      <c r="B390">
        <v>20.010449999999999</v>
      </c>
      <c r="C390">
        <v>9.3471489999999999</v>
      </c>
      <c r="D390">
        <f t="shared" si="18"/>
        <v>1.9418629999999997</v>
      </c>
      <c r="E390">
        <f t="shared" si="19"/>
        <v>42.787206999999853</v>
      </c>
      <c r="F390">
        <f t="shared" si="20"/>
        <v>1.6495699227325709E-2</v>
      </c>
    </row>
    <row r="391" spans="1:6" x14ac:dyDescent="0.2">
      <c r="A391">
        <v>1335.6598670000001</v>
      </c>
      <c r="B391">
        <v>19.995031000000001</v>
      </c>
      <c r="C391">
        <v>9.3521540000000005</v>
      </c>
      <c r="D391">
        <f t="shared" ref="D391:D409" si="21">C391-$C$2</f>
        <v>1.9468680000000003</v>
      </c>
      <c r="E391">
        <f t="shared" ref="E391:E406" si="22">A391-$A$2</f>
        <v>42.698799000000008</v>
      </c>
      <c r="F391">
        <f t="shared" si="20"/>
        <v>1.6420382750351126E-2</v>
      </c>
    </row>
    <row r="392" spans="1:6" x14ac:dyDescent="0.2">
      <c r="A392">
        <v>1335.9053650000001</v>
      </c>
      <c r="B392">
        <v>19.992419999999999</v>
      </c>
      <c r="C392">
        <v>9.3571580000000001</v>
      </c>
      <c r="D392">
        <f t="shared" si="21"/>
        <v>1.9518719999999998</v>
      </c>
      <c r="E392">
        <f t="shared" si="22"/>
        <v>42.944297000000006</v>
      </c>
      <c r="F392">
        <f t="shared" si="20"/>
        <v>1.6469426245003822E-2</v>
      </c>
    </row>
    <row r="393" spans="1:6" x14ac:dyDescent="0.2">
      <c r="A393">
        <v>1336.1249110000001</v>
      </c>
      <c r="B393">
        <v>19.974018000000001</v>
      </c>
      <c r="C393">
        <v>9.3621630000000007</v>
      </c>
      <c r="D393">
        <f t="shared" si="21"/>
        <v>1.9568770000000004</v>
      </c>
      <c r="E393">
        <f t="shared" si="22"/>
        <v>43.163843000000043</v>
      </c>
      <c r="F393">
        <f t="shared" si="20"/>
        <v>1.6508572229644632E-2</v>
      </c>
    </row>
    <row r="394" spans="1:6" x14ac:dyDescent="0.2">
      <c r="A394">
        <v>1336.4782740000001</v>
      </c>
      <c r="B394">
        <v>19.985344999999999</v>
      </c>
      <c r="C394">
        <v>9.3671679999999995</v>
      </c>
      <c r="D394">
        <f t="shared" si="21"/>
        <v>1.9618819999999992</v>
      </c>
      <c r="E394">
        <f t="shared" si="22"/>
        <v>43.517205999999987</v>
      </c>
      <c r="F394">
        <f t="shared" si="20"/>
        <v>1.659687098845318E-2</v>
      </c>
    </row>
    <row r="395" spans="1:6" x14ac:dyDescent="0.2">
      <c r="A395">
        <v>1336.72432</v>
      </c>
      <c r="B395">
        <v>19.999669999999998</v>
      </c>
      <c r="C395">
        <v>9.3721730000000001</v>
      </c>
      <c r="D395">
        <f t="shared" si="21"/>
        <v>1.9668869999999998</v>
      </c>
      <c r="E395">
        <f t="shared" si="22"/>
        <v>43.763251999999966</v>
      </c>
      <c r="F395">
        <f t="shared" si="20"/>
        <v>1.6645173525223395E-2</v>
      </c>
    </row>
    <row r="396" spans="1:6" x14ac:dyDescent="0.2">
      <c r="A396">
        <v>1336.7382480000001</v>
      </c>
      <c r="B396">
        <v>20.004324</v>
      </c>
      <c r="C396">
        <v>9.3771780000000007</v>
      </c>
      <c r="D396">
        <f t="shared" si="21"/>
        <v>1.9718920000000004</v>
      </c>
      <c r="E396">
        <f t="shared" si="22"/>
        <v>43.777180000000044</v>
      </c>
      <c r="F396">
        <f t="shared" si="20"/>
        <v>1.6608036185218611E-2</v>
      </c>
    </row>
    <row r="397" spans="1:6" x14ac:dyDescent="0.2">
      <c r="A397">
        <v>1336.028141</v>
      </c>
      <c r="B397">
        <v>20.026646</v>
      </c>
      <c r="C397">
        <v>9.3821820000000002</v>
      </c>
      <c r="D397">
        <f t="shared" si="21"/>
        <v>1.976896</v>
      </c>
      <c r="E397">
        <f t="shared" si="22"/>
        <v>43.067072999999937</v>
      </c>
      <c r="F397">
        <f t="shared" si="20"/>
        <v>1.6305943304406E-2</v>
      </c>
    </row>
    <row r="398" spans="1:6" x14ac:dyDescent="0.2">
      <c r="A398">
        <v>1335.4961169999999</v>
      </c>
      <c r="B398">
        <v>20.013783</v>
      </c>
      <c r="C398">
        <v>9.3871870000000008</v>
      </c>
      <c r="D398">
        <f t="shared" si="21"/>
        <v>1.9819010000000006</v>
      </c>
      <c r="E398">
        <f t="shared" si="22"/>
        <v>42.535048999999844</v>
      </c>
      <c r="F398">
        <f t="shared" si="20"/>
        <v>1.6070239565591764E-2</v>
      </c>
    </row>
    <row r="399" spans="1:6" x14ac:dyDescent="0.2">
      <c r="A399">
        <v>1335.792535</v>
      </c>
      <c r="B399">
        <v>19.962819</v>
      </c>
      <c r="C399">
        <v>9.3921919999999997</v>
      </c>
      <c r="D399">
        <f t="shared" si="21"/>
        <v>1.9869059999999994</v>
      </c>
      <c r="E399">
        <f t="shared" si="22"/>
        <v>42.831466999999975</v>
      </c>
      <c r="F399">
        <f t="shared" si="20"/>
        <v>1.6137884992515138E-2</v>
      </c>
    </row>
    <row r="400" spans="1:6" x14ac:dyDescent="0.2">
      <c r="A400">
        <v>1336.526525</v>
      </c>
      <c r="B400">
        <v>19.963801</v>
      </c>
      <c r="C400">
        <v>9.3971970000000002</v>
      </c>
      <c r="D400">
        <f t="shared" si="21"/>
        <v>1.991911</v>
      </c>
      <c r="E400">
        <f t="shared" si="22"/>
        <v>43.565456999999924</v>
      </c>
      <c r="F400">
        <f t="shared" si="20"/>
        <v>1.63641993666046E-2</v>
      </c>
    </row>
    <row r="401" spans="1:7" x14ac:dyDescent="0.2">
      <c r="A401">
        <v>1336.939926</v>
      </c>
      <c r="B401">
        <v>19.981093999999999</v>
      </c>
      <c r="C401">
        <v>9.4022020000000008</v>
      </c>
      <c r="D401">
        <f t="shared" si="21"/>
        <v>1.9969160000000006</v>
      </c>
      <c r="E401">
        <f t="shared" si="22"/>
        <v>43.978857999999946</v>
      </c>
      <c r="F401">
        <f t="shared" si="20"/>
        <v>1.6472983293895321E-2</v>
      </c>
    </row>
    <row r="402" spans="1:7" x14ac:dyDescent="0.2">
      <c r="A402">
        <v>1337.661777</v>
      </c>
      <c r="B402">
        <v>19.954813999999999</v>
      </c>
      <c r="C402">
        <v>9.4072060000000004</v>
      </c>
      <c r="D402">
        <f t="shared" si="21"/>
        <v>2.0019200000000001</v>
      </c>
      <c r="E402">
        <f t="shared" si="22"/>
        <v>44.700708999999961</v>
      </c>
      <c r="F402">
        <f t="shared" si="20"/>
        <v>1.6692499645230941E-2</v>
      </c>
    </row>
    <row r="403" spans="1:7" x14ac:dyDescent="0.2">
      <c r="A403">
        <v>1338.274224</v>
      </c>
      <c r="B403">
        <v>19.979088999999998</v>
      </c>
      <c r="C403">
        <v>9.4122109999999992</v>
      </c>
      <c r="D403">
        <f t="shared" si="21"/>
        <v>2.006924999999999</v>
      </c>
      <c r="E403">
        <f t="shared" si="22"/>
        <v>45.313155999999935</v>
      </c>
      <c r="F403">
        <f t="shared" si="20"/>
        <v>1.6871280851180257E-2</v>
      </c>
    </row>
    <row r="404" spans="1:7" x14ac:dyDescent="0.2">
      <c r="A404">
        <v>1338.609727</v>
      </c>
      <c r="B404">
        <v>19.967378</v>
      </c>
      <c r="C404">
        <v>9.4172159999999998</v>
      </c>
      <c r="D404">
        <f t="shared" si="21"/>
        <v>2.0119299999999996</v>
      </c>
      <c r="E404">
        <f t="shared" si="22"/>
        <v>45.648658999999952</v>
      </c>
      <c r="F404">
        <f t="shared" si="20"/>
        <v>1.6949667419067831E-2</v>
      </c>
    </row>
    <row r="405" spans="1:7" x14ac:dyDescent="0.2">
      <c r="A405">
        <v>1339.7573540000001</v>
      </c>
      <c r="B405">
        <v>19.907405000000001</v>
      </c>
      <c r="C405">
        <v>9.4222210000000004</v>
      </c>
      <c r="D405">
        <f t="shared" si="21"/>
        <v>2.0169350000000001</v>
      </c>
      <c r="E405">
        <f t="shared" si="22"/>
        <v>46.796286000000009</v>
      </c>
      <c r="F405">
        <f t="shared" si="20"/>
        <v>1.7317824516530581E-2</v>
      </c>
    </row>
    <row r="406" spans="1:7" x14ac:dyDescent="0.2">
      <c r="A406">
        <v>1341.6407650000001</v>
      </c>
      <c r="B406">
        <v>19.934576</v>
      </c>
      <c r="C406">
        <v>9.4272259999999992</v>
      </c>
      <c r="D406">
        <f t="shared" si="21"/>
        <v>2.021939999999999</v>
      </c>
      <c r="E406">
        <f t="shared" si="22"/>
        <v>48.679697000000033</v>
      </c>
      <c r="F406">
        <f t="shared" si="20"/>
        <v>1.7944995624736358E-2</v>
      </c>
    </row>
    <row r="407" spans="1:7" x14ac:dyDescent="0.2">
      <c r="A407">
        <v>1342.5791119999999</v>
      </c>
      <c r="B407">
        <v>19.944849000000001</v>
      </c>
      <c r="C407">
        <v>9.4322300000000006</v>
      </c>
      <c r="D407">
        <f t="shared" si="21"/>
        <v>2.0269440000000003</v>
      </c>
      <c r="E407">
        <f t="shared" ref="E407:E415" si="23">A407-$A$2</f>
        <v>49.618043999999827</v>
      </c>
      <c r="F407">
        <f t="shared" si="20"/>
        <v>1.8232994607752021E-2</v>
      </c>
    </row>
    <row r="408" spans="1:7" x14ac:dyDescent="0.2">
      <c r="A408">
        <v>1342.1455900000001</v>
      </c>
      <c r="B408">
        <v>19.989384000000001</v>
      </c>
      <c r="C408">
        <v>9.4372349999999994</v>
      </c>
      <c r="D408">
        <f t="shared" si="21"/>
        <v>2.0319489999999991</v>
      </c>
      <c r="E408">
        <f t="shared" si="23"/>
        <v>49.184522000000015</v>
      </c>
      <c r="F408">
        <f t="shared" si="20"/>
        <v>1.8034994863242067E-2</v>
      </c>
    </row>
    <row r="409" spans="1:7" s="1" customFormat="1" x14ac:dyDescent="0.2">
      <c r="A409">
        <v>1341.2815929999999</v>
      </c>
      <c r="B409">
        <v>19.978131999999999</v>
      </c>
      <c r="C409">
        <v>9.44224</v>
      </c>
      <c r="D409">
        <f t="shared" si="21"/>
        <v>2.0369539999999997</v>
      </c>
      <c r="E409">
        <f t="shared" si="23"/>
        <v>48.320524999999861</v>
      </c>
      <c r="F409">
        <f t="shared" si="20"/>
        <v>1.7686034101136595E-2</v>
      </c>
      <c r="G409"/>
    </row>
    <row r="410" spans="1:7" s="1" customFormat="1" x14ac:dyDescent="0.2">
      <c r="A410">
        <v>1340.269366</v>
      </c>
      <c r="B410">
        <v>19.95355</v>
      </c>
      <c r="C410">
        <v>9.4472450000000006</v>
      </c>
      <c r="D410">
        <f t="shared" ref="D410:D415" si="24">C410-$C$2</f>
        <v>2.0419590000000003</v>
      </c>
      <c r="E410">
        <f t="shared" si="23"/>
        <v>47.308297999999922</v>
      </c>
      <c r="F410">
        <f t="shared" si="20"/>
        <v>1.7286147516486484E-2</v>
      </c>
      <c r="G410"/>
    </row>
    <row r="411" spans="1:7" s="1" customFormat="1" x14ac:dyDescent="0.2">
      <c r="A411">
        <v>1339.0932560000001</v>
      </c>
      <c r="B411">
        <v>19.954554999999999</v>
      </c>
      <c r="C411">
        <v>9.4522499999999994</v>
      </c>
      <c r="D411">
        <f t="shared" si="24"/>
        <v>2.0469639999999991</v>
      </c>
      <c r="E411">
        <f t="shared" si="23"/>
        <v>46.132188000000042</v>
      </c>
      <c r="F411">
        <f t="shared" si="20"/>
        <v>1.6829957745214015E-2</v>
      </c>
      <c r="G411"/>
    </row>
    <row r="412" spans="1:7" x14ac:dyDescent="0.2">
      <c r="A412">
        <v>1337.296454</v>
      </c>
      <c r="B412">
        <v>19.984469000000001</v>
      </c>
      <c r="C412">
        <v>9.4572540000000007</v>
      </c>
      <c r="D412">
        <f t="shared" si="24"/>
        <v>2.0519680000000005</v>
      </c>
      <c r="E412">
        <f t="shared" si="23"/>
        <v>44.335385999999971</v>
      </c>
      <c r="F412">
        <f t="shared" si="20"/>
        <v>1.6156683487669361E-2</v>
      </c>
    </row>
    <row r="413" spans="1:7" x14ac:dyDescent="0.2">
      <c r="A413" s="1">
        <v>1334.997511</v>
      </c>
      <c r="B413" s="1">
        <v>19.956726</v>
      </c>
      <c r="C413">
        <v>9.4622589999999995</v>
      </c>
      <c r="D413">
        <f t="shared" si="24"/>
        <v>2.0569729999999993</v>
      </c>
      <c r="E413">
        <f t="shared" si="23"/>
        <v>42.036442999999963</v>
      </c>
      <c r="F413">
        <f t="shared" si="20"/>
        <v>1.5307945700571864E-2</v>
      </c>
    </row>
    <row r="414" spans="1:7" x14ac:dyDescent="0.2">
      <c r="A414" s="1">
        <v>1332.620572</v>
      </c>
      <c r="B414" s="1">
        <v>19.939149</v>
      </c>
      <c r="C414">
        <v>9.4672640000000001</v>
      </c>
      <c r="D414">
        <f t="shared" si="24"/>
        <v>2.0619779999999999</v>
      </c>
      <c r="E414">
        <f t="shared" si="23"/>
        <v>39.65950399999997</v>
      </c>
      <c r="F414">
        <f t="shared" si="20"/>
        <v>1.4433004193104292E-2</v>
      </c>
    </row>
    <row r="415" spans="1:7" x14ac:dyDescent="0.2">
      <c r="A415" s="1">
        <v>1330.869635</v>
      </c>
      <c r="B415" s="1">
        <v>19.894725999999999</v>
      </c>
      <c r="C415">
        <v>9.4722690000000007</v>
      </c>
      <c r="D415">
        <f t="shared" si="24"/>
        <v>2.0669830000000005</v>
      </c>
      <c r="E415">
        <f t="shared" si="23"/>
        <v>37.908566999999948</v>
      </c>
      <c r="F415">
        <f t="shared" si="20"/>
        <v>1.3780499086568532E-2</v>
      </c>
    </row>
    <row r="416" spans="1:7" s="1" customFormat="1" ht="15" x14ac:dyDescent="0.25">
      <c r="A416" s="1">
        <f>MAX(A2:A415)</f>
        <v>1342.5791119999999</v>
      </c>
      <c r="B416" s="9" t="s">
        <v>16</v>
      </c>
      <c r="D416"/>
      <c r="E416"/>
      <c r="F416"/>
      <c r="G416"/>
    </row>
    <row r="417" spans="1:7" s="1" customFormat="1" ht="15" x14ac:dyDescent="0.25">
      <c r="A417" s="1">
        <f>MIN(A2:A415)</f>
        <v>1292.9610680000001</v>
      </c>
      <c r="B417" s="9" t="s">
        <v>17</v>
      </c>
      <c r="D417"/>
      <c r="E417"/>
      <c r="F417"/>
      <c r="G417"/>
    </row>
    <row r="418" spans="1:7" s="1" customFormat="1" x14ac:dyDescent="0.2">
      <c r="D418"/>
      <c r="E418"/>
      <c r="F418"/>
      <c r="G418"/>
    </row>
    <row r="419" spans="1:7" s="1" customFormat="1" x14ac:dyDescent="0.2">
      <c r="A419" t="s">
        <v>20</v>
      </c>
      <c r="B419"/>
      <c r="C419" s="14">
        <f>E415/A417</f>
        <v>2.9319186739812916E-2</v>
      </c>
      <c r="D419"/>
      <c r="E419"/>
      <c r="F419"/>
      <c r="G419"/>
    </row>
  </sheetData>
  <pageMargins left="0.7" right="0.7" top="0.75" bottom="0.75" header="0.3" footer="0.3"/>
  <drawing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17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>
        <v>1076.2152169999999</v>
      </c>
      <c r="B2">
        <v>19.944469999999999</v>
      </c>
      <c r="C2">
        <v>7.2403709999999997</v>
      </c>
      <c r="D2">
        <f>C2-$C$2</f>
        <v>0</v>
      </c>
      <c r="E2">
        <f>A2-$A$2</f>
        <v>0</v>
      </c>
      <c r="G2" s="3">
        <f>(A414-A415)/A414</f>
        <v>3.4898349855099819E-2</v>
      </c>
    </row>
    <row r="3" spans="1:7" x14ac:dyDescent="0.2">
      <c r="A3">
        <v>1076.416015</v>
      </c>
      <c r="B3">
        <v>20.017150000000001</v>
      </c>
      <c r="C3">
        <v>7.2453760000000003</v>
      </c>
      <c r="D3">
        <f t="shared" ref="D3:D66" si="0">C3-$C$2</f>
        <v>5.0050000000005923E-3</v>
      </c>
      <c r="E3">
        <f t="shared" ref="E3:E66" si="1">A3-$A$2</f>
        <v>0.20079800000007708</v>
      </c>
      <c r="F3">
        <f t="shared" ref="F3:F66" si="2">(1/A3)*(E3/D3)</f>
        <v>3.7271352302846561E-2</v>
      </c>
      <c r="G3" s="6">
        <f>G2*100</f>
        <v>3.4898349855099822</v>
      </c>
    </row>
    <row r="4" spans="1:7" x14ac:dyDescent="0.2">
      <c r="A4">
        <v>1076.287941</v>
      </c>
      <c r="B4">
        <v>19.993452999999999</v>
      </c>
      <c r="C4">
        <v>7.250381</v>
      </c>
      <c r="D4">
        <f t="shared" si="0"/>
        <v>1.0010000000000296E-2</v>
      </c>
      <c r="E4">
        <f t="shared" si="1"/>
        <v>7.272400000010748E-2</v>
      </c>
      <c r="F4">
        <f t="shared" si="2"/>
        <v>6.7501777065301031E-3</v>
      </c>
    </row>
    <row r="5" spans="1:7" x14ac:dyDescent="0.2">
      <c r="A5">
        <v>1076.2507459999999</v>
      </c>
      <c r="B5">
        <v>20.004593</v>
      </c>
      <c r="C5">
        <v>7.2553859999999997</v>
      </c>
      <c r="D5">
        <f t="shared" si="0"/>
        <v>1.5015000000000001E-2</v>
      </c>
      <c r="E5">
        <f t="shared" si="1"/>
        <v>3.5528999999996813E-2</v>
      </c>
      <c r="F5">
        <f t="shared" si="2"/>
        <v>2.1985896641910935E-3</v>
      </c>
    </row>
    <row r="6" spans="1:7" x14ac:dyDescent="0.2">
      <c r="A6">
        <v>1076.4973680000001</v>
      </c>
      <c r="B6">
        <v>19.980229999999999</v>
      </c>
      <c r="C6">
        <v>7.2603900000000001</v>
      </c>
      <c r="D6">
        <f t="shared" si="0"/>
        <v>2.0019000000000453E-2</v>
      </c>
      <c r="E6">
        <f t="shared" si="1"/>
        <v>0.28215100000011262</v>
      </c>
      <c r="F6">
        <f t="shared" si="2"/>
        <v>1.3092610317915055E-2</v>
      </c>
    </row>
    <row r="7" spans="1:7" x14ac:dyDescent="0.2">
      <c r="A7">
        <v>1076.894202</v>
      </c>
      <c r="B7">
        <v>19.964402</v>
      </c>
      <c r="C7">
        <v>7.2653949999999998</v>
      </c>
      <c r="D7">
        <f t="shared" si="0"/>
        <v>2.5024000000000157E-2</v>
      </c>
      <c r="E7">
        <f t="shared" si="1"/>
        <v>0.6789850000000115</v>
      </c>
      <c r="F7">
        <f t="shared" si="2"/>
        <v>2.5195930976047241E-2</v>
      </c>
    </row>
    <row r="8" spans="1:7" x14ac:dyDescent="0.2">
      <c r="A8">
        <v>1077.103241</v>
      </c>
      <c r="B8">
        <v>19.969930999999999</v>
      </c>
      <c r="C8">
        <v>7.2704000000000004</v>
      </c>
      <c r="D8">
        <f t="shared" si="0"/>
        <v>3.002900000000075E-2</v>
      </c>
      <c r="E8">
        <f t="shared" si="1"/>
        <v>0.88802400000008674</v>
      </c>
      <c r="F8">
        <f t="shared" si="2"/>
        <v>2.7455319417171935E-2</v>
      </c>
    </row>
    <row r="9" spans="1:7" x14ac:dyDescent="0.2">
      <c r="A9">
        <v>1077.7324189999999</v>
      </c>
      <c r="B9">
        <v>19.952114999999999</v>
      </c>
      <c r="C9">
        <v>7.2754050000000001</v>
      </c>
      <c r="D9">
        <f t="shared" si="0"/>
        <v>3.5034000000000454E-2</v>
      </c>
      <c r="E9">
        <f t="shared" si="1"/>
        <v>1.5172019999999975</v>
      </c>
      <c r="F9">
        <f t="shared" si="2"/>
        <v>4.0183034841371423E-2</v>
      </c>
    </row>
    <row r="10" spans="1:7" x14ac:dyDescent="0.2">
      <c r="A10">
        <v>1078.346661</v>
      </c>
      <c r="B10">
        <v>19.961993</v>
      </c>
      <c r="C10">
        <v>7.2804099999999998</v>
      </c>
      <c r="D10">
        <f t="shared" si="0"/>
        <v>4.0039000000000158E-2</v>
      </c>
      <c r="E10">
        <f t="shared" si="1"/>
        <v>2.1314440000001014</v>
      </c>
      <c r="F10">
        <f t="shared" si="2"/>
        <v>4.9366496492782776E-2</v>
      </c>
    </row>
    <row r="11" spans="1:7" x14ac:dyDescent="0.2">
      <c r="A11">
        <v>1079.0411280000001</v>
      </c>
      <c r="B11">
        <v>19.936892</v>
      </c>
      <c r="C11">
        <v>7.2854140000000003</v>
      </c>
      <c r="D11">
        <f t="shared" si="0"/>
        <v>4.504300000000061E-2</v>
      </c>
      <c r="E11">
        <f t="shared" si="1"/>
        <v>2.8259110000001328</v>
      </c>
      <c r="F11">
        <f t="shared" si="2"/>
        <v>5.8142429311085521E-2</v>
      </c>
    </row>
    <row r="12" spans="1:7" x14ac:dyDescent="0.2">
      <c r="A12">
        <v>1079.9124200000001</v>
      </c>
      <c r="B12">
        <v>19.947091</v>
      </c>
      <c r="C12">
        <v>7.290419</v>
      </c>
      <c r="D12">
        <f t="shared" si="0"/>
        <v>5.0048000000000314E-2</v>
      </c>
      <c r="E12">
        <f t="shared" si="1"/>
        <v>3.6972030000001723</v>
      </c>
      <c r="F12">
        <f t="shared" si="2"/>
        <v>6.8406604476213398E-2</v>
      </c>
    </row>
    <row r="13" spans="1:7" x14ac:dyDescent="0.2">
      <c r="A13">
        <v>1080.785179</v>
      </c>
      <c r="B13">
        <v>19.921265999999999</v>
      </c>
      <c r="C13">
        <v>7.2954239999999997</v>
      </c>
      <c r="D13">
        <f t="shared" si="0"/>
        <v>5.5053000000000019E-2</v>
      </c>
      <c r="E13">
        <f t="shared" si="1"/>
        <v>4.5699620000000323</v>
      </c>
      <c r="F13">
        <f t="shared" si="2"/>
        <v>7.6805481905115006E-2</v>
      </c>
    </row>
    <row r="14" spans="1:7" x14ac:dyDescent="0.2">
      <c r="A14">
        <v>1081.654405</v>
      </c>
      <c r="B14">
        <v>19.930516000000001</v>
      </c>
      <c r="C14">
        <v>7.3004290000000003</v>
      </c>
      <c r="D14">
        <f t="shared" si="0"/>
        <v>6.0058000000000611E-2</v>
      </c>
      <c r="E14">
        <f t="shared" si="1"/>
        <v>5.4391880000000583</v>
      </c>
      <c r="F14">
        <f t="shared" si="2"/>
        <v>8.3728764179183846E-2</v>
      </c>
    </row>
    <row r="15" spans="1:7" x14ac:dyDescent="0.2">
      <c r="A15">
        <v>1082.7064580000001</v>
      </c>
      <c r="B15">
        <v>19.936782999999998</v>
      </c>
      <c r="C15">
        <v>7.305434</v>
      </c>
      <c r="D15">
        <f t="shared" si="0"/>
        <v>6.5063000000000315E-2</v>
      </c>
      <c r="E15">
        <f t="shared" si="1"/>
        <v>6.4912410000001728</v>
      </c>
      <c r="F15">
        <f t="shared" si="2"/>
        <v>9.214736521678632E-2</v>
      </c>
    </row>
    <row r="16" spans="1:7" x14ac:dyDescent="0.2">
      <c r="A16">
        <v>1083.667054</v>
      </c>
      <c r="B16">
        <v>19.942368999999999</v>
      </c>
      <c r="C16">
        <v>7.3104380000000004</v>
      </c>
      <c r="D16">
        <f t="shared" si="0"/>
        <v>7.0067000000000768E-2</v>
      </c>
      <c r="E16">
        <f t="shared" si="1"/>
        <v>7.4518370000000687</v>
      </c>
      <c r="F16">
        <f t="shared" si="2"/>
        <v>9.8141785210165214E-2</v>
      </c>
    </row>
    <row r="17" spans="1:6" x14ac:dyDescent="0.2">
      <c r="A17">
        <v>1084.059207</v>
      </c>
      <c r="B17">
        <v>19.987158000000001</v>
      </c>
      <c r="C17">
        <v>7.3154430000000001</v>
      </c>
      <c r="D17">
        <f t="shared" si="0"/>
        <v>7.5072000000000472E-2</v>
      </c>
      <c r="E17">
        <f t="shared" si="1"/>
        <v>7.8439900000000762</v>
      </c>
      <c r="F17">
        <f t="shared" si="2"/>
        <v>9.6384243481491036E-2</v>
      </c>
    </row>
    <row r="18" spans="1:6" x14ac:dyDescent="0.2">
      <c r="A18">
        <v>1083.74649</v>
      </c>
      <c r="B18">
        <v>20.023474</v>
      </c>
      <c r="C18">
        <v>7.3204479999999998</v>
      </c>
      <c r="D18">
        <f t="shared" si="0"/>
        <v>8.0077000000000176E-2</v>
      </c>
      <c r="E18">
        <f t="shared" si="1"/>
        <v>7.5312730000000556</v>
      </c>
      <c r="F18">
        <f t="shared" si="2"/>
        <v>8.6782646927500026E-2</v>
      </c>
    </row>
    <row r="19" spans="1:6" x14ac:dyDescent="0.2">
      <c r="A19">
        <v>1083.74731</v>
      </c>
      <c r="B19">
        <v>19.989518</v>
      </c>
      <c r="C19">
        <v>7.3254530000000004</v>
      </c>
      <c r="D19">
        <f t="shared" si="0"/>
        <v>8.5082000000000768E-2</v>
      </c>
      <c r="E19">
        <f t="shared" si="1"/>
        <v>7.5320930000000317</v>
      </c>
      <c r="F19">
        <f t="shared" si="2"/>
        <v>8.1686436542209473E-2</v>
      </c>
    </row>
    <row r="20" spans="1:6" x14ac:dyDescent="0.2">
      <c r="A20">
        <v>1083.948345</v>
      </c>
      <c r="B20">
        <v>19.967627</v>
      </c>
      <c r="C20">
        <v>7.3304580000000001</v>
      </c>
      <c r="D20">
        <f t="shared" si="0"/>
        <v>9.0087000000000472E-2</v>
      </c>
      <c r="E20">
        <f t="shared" si="1"/>
        <v>7.7331280000000788</v>
      </c>
      <c r="F20">
        <f t="shared" si="2"/>
        <v>7.9192579176653052E-2</v>
      </c>
    </row>
    <row r="21" spans="1:6" x14ac:dyDescent="0.2">
      <c r="A21">
        <v>1084.789796</v>
      </c>
      <c r="B21">
        <v>19.942710000000002</v>
      </c>
      <c r="C21">
        <v>7.3354619999999997</v>
      </c>
      <c r="D21">
        <f t="shared" si="0"/>
        <v>9.5091000000000037E-2</v>
      </c>
      <c r="E21">
        <f t="shared" si="1"/>
        <v>8.5745790000000852</v>
      </c>
      <c r="F21">
        <f t="shared" si="2"/>
        <v>8.3124261518818979E-2</v>
      </c>
    </row>
    <row r="22" spans="1:6" x14ac:dyDescent="0.2">
      <c r="A22">
        <v>1085.355249</v>
      </c>
      <c r="B22">
        <v>19.9755</v>
      </c>
      <c r="C22">
        <v>7.3404670000000003</v>
      </c>
      <c r="D22">
        <f t="shared" si="0"/>
        <v>0.10009600000000063</v>
      </c>
      <c r="E22">
        <f t="shared" si="1"/>
        <v>9.1400320000000193</v>
      </c>
      <c r="F22">
        <f t="shared" si="2"/>
        <v>8.4131587266637831E-2</v>
      </c>
    </row>
    <row r="23" spans="1:6" x14ac:dyDescent="0.2">
      <c r="A23">
        <v>1085.4312299999999</v>
      </c>
      <c r="B23">
        <v>20.002772</v>
      </c>
      <c r="C23">
        <v>7.345472</v>
      </c>
      <c r="D23">
        <f t="shared" si="0"/>
        <v>0.10510100000000033</v>
      </c>
      <c r="E23">
        <f t="shared" si="1"/>
        <v>9.2160129999999754</v>
      </c>
      <c r="F23">
        <f t="shared" si="2"/>
        <v>8.0785593058980226E-2</v>
      </c>
    </row>
    <row r="24" spans="1:6" x14ac:dyDescent="0.2">
      <c r="A24">
        <v>1085.059123</v>
      </c>
      <c r="B24">
        <v>20.009696000000002</v>
      </c>
      <c r="C24">
        <v>7.3504769999999997</v>
      </c>
      <c r="D24">
        <f t="shared" si="0"/>
        <v>0.11010600000000004</v>
      </c>
      <c r="E24">
        <f t="shared" si="1"/>
        <v>8.8439060000000609</v>
      </c>
      <c r="F24">
        <f t="shared" si="2"/>
        <v>7.4025223877827673E-2</v>
      </c>
    </row>
    <row r="25" spans="1:6" x14ac:dyDescent="0.2">
      <c r="A25">
        <v>1084.6064730000001</v>
      </c>
      <c r="B25">
        <v>20.060970999999999</v>
      </c>
      <c r="C25">
        <v>7.3554820000000003</v>
      </c>
      <c r="D25">
        <f t="shared" si="0"/>
        <v>0.11511100000000063</v>
      </c>
      <c r="E25">
        <f t="shared" si="1"/>
        <v>8.3912560000001122</v>
      </c>
      <c r="F25">
        <f t="shared" si="2"/>
        <v>6.7210627782221311E-2</v>
      </c>
    </row>
    <row r="26" spans="1:6" x14ac:dyDescent="0.2">
      <c r="A26">
        <v>1083.9568220000001</v>
      </c>
      <c r="B26">
        <v>20.035304</v>
      </c>
      <c r="C26">
        <v>7.3604859999999999</v>
      </c>
      <c r="D26">
        <f t="shared" si="0"/>
        <v>0.12011500000000019</v>
      </c>
      <c r="E26">
        <f t="shared" si="1"/>
        <v>7.7416050000001633</v>
      </c>
      <c r="F26">
        <f t="shared" si="2"/>
        <v>5.9459572158889501E-2</v>
      </c>
    </row>
    <row r="27" spans="1:6" x14ac:dyDescent="0.2">
      <c r="A27">
        <v>1083.1253999999999</v>
      </c>
      <c r="B27">
        <v>20.063146</v>
      </c>
      <c r="C27">
        <v>7.3654909999999996</v>
      </c>
      <c r="D27">
        <f t="shared" si="0"/>
        <v>0.1251199999999999</v>
      </c>
      <c r="E27">
        <f t="shared" si="1"/>
        <v>6.9101829999999609</v>
      </c>
      <c r="F27">
        <f t="shared" si="2"/>
        <v>5.0989889714611408E-2</v>
      </c>
    </row>
    <row r="28" spans="1:6" x14ac:dyDescent="0.2">
      <c r="A28">
        <v>1082.301082</v>
      </c>
      <c r="B28">
        <v>20.045418999999999</v>
      </c>
      <c r="C28">
        <v>7.3704960000000002</v>
      </c>
      <c r="D28">
        <f t="shared" si="0"/>
        <v>0.13012500000000049</v>
      </c>
      <c r="E28">
        <f t="shared" si="1"/>
        <v>6.0858650000000125</v>
      </c>
      <c r="F28">
        <f t="shared" si="2"/>
        <v>4.3212906628494134E-2</v>
      </c>
    </row>
    <row r="29" spans="1:6" x14ac:dyDescent="0.2">
      <c r="A29">
        <v>1082.2203119999999</v>
      </c>
      <c r="B29">
        <v>20.002219</v>
      </c>
      <c r="C29">
        <v>7.3755009999999999</v>
      </c>
      <c r="D29">
        <f t="shared" si="0"/>
        <v>0.13513000000000019</v>
      </c>
      <c r="E29">
        <f t="shared" si="1"/>
        <v>6.005094999999983</v>
      </c>
      <c r="F29">
        <f t="shared" si="2"/>
        <v>4.1063165424014232E-2</v>
      </c>
    </row>
    <row r="30" spans="1:6" x14ac:dyDescent="0.2">
      <c r="A30">
        <v>1081.7472339999999</v>
      </c>
      <c r="B30">
        <v>20.033584000000001</v>
      </c>
      <c r="C30">
        <v>7.3805059999999996</v>
      </c>
      <c r="D30">
        <f t="shared" si="0"/>
        <v>0.1401349999999999</v>
      </c>
      <c r="E30">
        <f t="shared" si="1"/>
        <v>5.5320169999999962</v>
      </c>
      <c r="F30">
        <f t="shared" si="2"/>
        <v>3.6493128367449418E-2</v>
      </c>
    </row>
    <row r="31" spans="1:6" x14ac:dyDescent="0.2">
      <c r="A31">
        <v>1081.1905879999999</v>
      </c>
      <c r="B31">
        <v>20.019696</v>
      </c>
      <c r="C31">
        <v>7.38551</v>
      </c>
      <c r="D31">
        <f t="shared" si="0"/>
        <v>0.14513900000000035</v>
      </c>
      <c r="E31">
        <f t="shared" si="1"/>
        <v>4.9753709999999955</v>
      </c>
      <c r="F31">
        <f t="shared" si="2"/>
        <v>3.1705827142177186E-2</v>
      </c>
    </row>
    <row r="32" spans="1:6" x14ac:dyDescent="0.2">
      <c r="A32">
        <v>1081.4922610000001</v>
      </c>
      <c r="B32">
        <v>19.948902</v>
      </c>
      <c r="C32">
        <v>7.3905149999999997</v>
      </c>
      <c r="D32">
        <f t="shared" si="0"/>
        <v>0.15014400000000006</v>
      </c>
      <c r="E32">
        <f t="shared" si="1"/>
        <v>5.2770440000001599</v>
      </c>
      <c r="F32">
        <f t="shared" si="2"/>
        <v>3.249820078259192E-2</v>
      </c>
    </row>
    <row r="33" spans="1:6" x14ac:dyDescent="0.2">
      <c r="A33">
        <v>1082.579041</v>
      </c>
      <c r="B33">
        <v>19.925605999999998</v>
      </c>
      <c r="C33">
        <v>7.3955200000000003</v>
      </c>
      <c r="D33">
        <f t="shared" si="0"/>
        <v>0.15514900000000065</v>
      </c>
      <c r="E33">
        <f t="shared" si="1"/>
        <v>6.3638240000000224</v>
      </c>
      <c r="F33">
        <f t="shared" si="2"/>
        <v>3.7888687803551931E-2</v>
      </c>
    </row>
    <row r="34" spans="1:6" x14ac:dyDescent="0.2">
      <c r="A34">
        <v>1084.1088709999999</v>
      </c>
      <c r="B34">
        <v>19.890087000000001</v>
      </c>
      <c r="C34">
        <v>7.400525</v>
      </c>
      <c r="D34">
        <f t="shared" si="0"/>
        <v>0.16015400000000035</v>
      </c>
      <c r="E34">
        <f t="shared" si="1"/>
        <v>7.8936539999999695</v>
      </c>
      <c r="F34">
        <f t="shared" si="2"/>
        <v>4.5463974344946222E-2</v>
      </c>
    </row>
    <row r="35" spans="1:6" x14ac:dyDescent="0.2">
      <c r="A35">
        <v>1085.9072309999999</v>
      </c>
      <c r="B35">
        <v>19.869942999999999</v>
      </c>
      <c r="C35">
        <v>7.4055299999999997</v>
      </c>
      <c r="D35">
        <f t="shared" si="0"/>
        <v>0.16515900000000006</v>
      </c>
      <c r="E35">
        <f t="shared" si="1"/>
        <v>9.6920139999999719</v>
      </c>
      <c r="F35">
        <f t="shared" si="2"/>
        <v>5.4040463225182411E-2</v>
      </c>
    </row>
    <row r="36" spans="1:6" x14ac:dyDescent="0.2">
      <c r="A36">
        <v>1087.473033</v>
      </c>
      <c r="B36">
        <v>19.897738</v>
      </c>
      <c r="C36">
        <v>7.4105340000000002</v>
      </c>
      <c r="D36">
        <f t="shared" si="0"/>
        <v>0.17016300000000051</v>
      </c>
      <c r="E36">
        <f t="shared" si="1"/>
        <v>11.257816000000048</v>
      </c>
      <c r="F36">
        <f t="shared" si="2"/>
        <v>6.0837381924489627E-2</v>
      </c>
    </row>
    <row r="37" spans="1:6" x14ac:dyDescent="0.2">
      <c r="A37">
        <v>1089.0911209999999</v>
      </c>
      <c r="B37">
        <v>19.882168</v>
      </c>
      <c r="C37">
        <v>7.4155389999999999</v>
      </c>
      <c r="D37">
        <f t="shared" si="0"/>
        <v>0.17516800000000021</v>
      </c>
      <c r="E37">
        <f t="shared" si="1"/>
        <v>12.875903999999991</v>
      </c>
      <c r="F37">
        <f t="shared" si="2"/>
        <v>6.7493001348558179E-2</v>
      </c>
    </row>
    <row r="38" spans="1:6" x14ac:dyDescent="0.2">
      <c r="A38">
        <v>1090.954884</v>
      </c>
      <c r="B38">
        <v>19.848682</v>
      </c>
      <c r="C38">
        <v>7.4205439999999996</v>
      </c>
      <c r="D38">
        <f t="shared" si="0"/>
        <v>0.18017299999999992</v>
      </c>
      <c r="E38">
        <f t="shared" si="1"/>
        <v>14.739667000000054</v>
      </c>
      <c r="F38">
        <f t="shared" si="2"/>
        <v>7.4987896488682995E-2</v>
      </c>
    </row>
    <row r="39" spans="1:6" x14ac:dyDescent="0.2">
      <c r="A39">
        <v>1092.382529</v>
      </c>
      <c r="B39">
        <v>19.929566000000001</v>
      </c>
      <c r="C39">
        <v>7.4255490000000002</v>
      </c>
      <c r="D39">
        <f t="shared" si="0"/>
        <v>0.18517800000000051</v>
      </c>
      <c r="E39">
        <f t="shared" si="1"/>
        <v>16.167312000000038</v>
      </c>
      <c r="F39">
        <f t="shared" si="2"/>
        <v>7.9923351013832869E-2</v>
      </c>
    </row>
    <row r="40" spans="1:6" x14ac:dyDescent="0.2">
      <c r="A40">
        <v>1092.9763359999999</v>
      </c>
      <c r="B40">
        <v>19.961857999999999</v>
      </c>
      <c r="C40">
        <v>7.4305539999999999</v>
      </c>
      <c r="D40">
        <f t="shared" si="0"/>
        <v>0.19018300000000021</v>
      </c>
      <c r="E40">
        <f t="shared" si="1"/>
        <v>16.761119000000008</v>
      </c>
      <c r="F40">
        <f t="shared" si="2"/>
        <v>8.0634436727104061E-2</v>
      </c>
    </row>
    <row r="41" spans="1:6" x14ac:dyDescent="0.2">
      <c r="A41">
        <v>1093.3546799999999</v>
      </c>
      <c r="B41">
        <v>19.977976000000002</v>
      </c>
      <c r="C41">
        <v>7.4355580000000003</v>
      </c>
      <c r="D41">
        <f t="shared" si="0"/>
        <v>0.19518700000000067</v>
      </c>
      <c r="E41">
        <f t="shared" si="1"/>
        <v>17.139462999999978</v>
      </c>
      <c r="F41">
        <f t="shared" si="2"/>
        <v>8.0312889919866112E-2</v>
      </c>
    </row>
    <row r="42" spans="1:6" x14ac:dyDescent="0.2">
      <c r="A42">
        <v>1093.3248329999999</v>
      </c>
      <c r="B42">
        <v>20.003482000000002</v>
      </c>
      <c r="C42">
        <v>7.440563</v>
      </c>
      <c r="D42">
        <f t="shared" si="0"/>
        <v>0.20019200000000037</v>
      </c>
      <c r="E42">
        <f t="shared" si="1"/>
        <v>17.10961599999996</v>
      </c>
      <c r="F42">
        <f t="shared" si="2"/>
        <v>7.8170759530068509E-2</v>
      </c>
    </row>
    <row r="43" spans="1:6" x14ac:dyDescent="0.2">
      <c r="A43">
        <v>1093.1656559999999</v>
      </c>
      <c r="B43">
        <v>20.016317000000001</v>
      </c>
      <c r="C43">
        <v>7.4455679999999997</v>
      </c>
      <c r="D43">
        <f t="shared" si="0"/>
        <v>0.20519700000000007</v>
      </c>
      <c r="E43">
        <f t="shared" si="1"/>
        <v>16.95043899999996</v>
      </c>
      <c r="F43">
        <f t="shared" si="2"/>
        <v>7.5565570313687241E-2</v>
      </c>
    </row>
    <row r="44" spans="1:6" x14ac:dyDescent="0.2">
      <c r="A44">
        <v>1092.431249</v>
      </c>
      <c r="B44">
        <v>20.066322</v>
      </c>
      <c r="C44">
        <v>7.4505730000000003</v>
      </c>
      <c r="D44">
        <f t="shared" si="0"/>
        <v>0.21020200000000067</v>
      </c>
      <c r="E44">
        <f t="shared" si="1"/>
        <v>16.216032000000041</v>
      </c>
      <c r="F44">
        <f t="shared" si="2"/>
        <v>7.0617710664779759E-2</v>
      </c>
    </row>
    <row r="45" spans="1:6" x14ac:dyDescent="0.2">
      <c r="A45">
        <v>1091.7031239999999</v>
      </c>
      <c r="B45">
        <v>20.044917000000002</v>
      </c>
      <c r="C45">
        <v>7.455578</v>
      </c>
      <c r="D45">
        <f t="shared" si="0"/>
        <v>0.21520700000000037</v>
      </c>
      <c r="E45">
        <f t="shared" si="1"/>
        <v>15.48790699999995</v>
      </c>
      <c r="F45">
        <f t="shared" si="2"/>
        <v>6.5922214139468194E-2</v>
      </c>
    </row>
    <row r="46" spans="1:6" x14ac:dyDescent="0.2">
      <c r="A46">
        <v>1090.8074429999999</v>
      </c>
      <c r="B46">
        <v>20.061855999999999</v>
      </c>
      <c r="C46">
        <v>7.4605819999999996</v>
      </c>
      <c r="D46">
        <f t="shared" si="0"/>
        <v>0.22021099999999993</v>
      </c>
      <c r="E46">
        <f t="shared" si="1"/>
        <v>14.592225999999982</v>
      </c>
      <c r="F46">
        <f t="shared" si="2"/>
        <v>6.0748344274395585E-2</v>
      </c>
    </row>
    <row r="47" spans="1:6" x14ac:dyDescent="0.2">
      <c r="A47">
        <v>1090.226363</v>
      </c>
      <c r="B47">
        <v>20.055275000000002</v>
      </c>
      <c r="C47">
        <v>7.4655870000000002</v>
      </c>
      <c r="D47">
        <f t="shared" si="0"/>
        <v>0.22521600000000053</v>
      </c>
      <c r="E47">
        <f t="shared" si="1"/>
        <v>14.011146000000053</v>
      </c>
      <c r="F47">
        <f t="shared" si="2"/>
        <v>5.7063412293409083E-2</v>
      </c>
    </row>
    <row r="48" spans="1:6" x14ac:dyDescent="0.2">
      <c r="A48">
        <v>1089.2750739999999</v>
      </c>
      <c r="B48">
        <v>20.065702000000002</v>
      </c>
      <c r="C48">
        <v>7.4705919999999999</v>
      </c>
      <c r="D48">
        <f t="shared" si="0"/>
        <v>0.23022100000000023</v>
      </c>
      <c r="E48">
        <f t="shared" si="1"/>
        <v>13.059856999999965</v>
      </c>
      <c r="F48">
        <f t="shared" si="2"/>
        <v>5.2078194573834925E-2</v>
      </c>
    </row>
    <row r="49" spans="1:6" x14ac:dyDescent="0.2">
      <c r="A49">
        <v>1088.5159659999999</v>
      </c>
      <c r="B49">
        <v>20.033058</v>
      </c>
      <c r="C49">
        <v>7.4755969999999996</v>
      </c>
      <c r="D49">
        <f t="shared" si="0"/>
        <v>0.23522599999999994</v>
      </c>
      <c r="E49">
        <f t="shared" si="1"/>
        <v>12.300748999999996</v>
      </c>
      <c r="F49">
        <f t="shared" si="2"/>
        <v>4.8040932609313039E-2</v>
      </c>
    </row>
    <row r="50" spans="1:6" x14ac:dyDescent="0.2">
      <c r="A50">
        <v>1087.9126100000001</v>
      </c>
      <c r="B50">
        <v>20.037489000000001</v>
      </c>
      <c r="C50">
        <v>7.4806020000000002</v>
      </c>
      <c r="D50">
        <f t="shared" si="0"/>
        <v>0.24023100000000053</v>
      </c>
      <c r="E50">
        <f t="shared" si="1"/>
        <v>11.697393000000147</v>
      </c>
      <c r="F50">
        <f t="shared" si="2"/>
        <v>4.4757520724923949E-2</v>
      </c>
    </row>
    <row r="51" spans="1:6" x14ac:dyDescent="0.2">
      <c r="A51">
        <v>1087.242203</v>
      </c>
      <c r="B51">
        <v>20.044777</v>
      </c>
      <c r="C51">
        <v>7.4856059999999998</v>
      </c>
      <c r="D51">
        <f t="shared" si="0"/>
        <v>0.24523500000000009</v>
      </c>
      <c r="E51">
        <f t="shared" si="1"/>
        <v>11.026986000000079</v>
      </c>
      <c r="F51">
        <f t="shared" si="2"/>
        <v>4.1356908632767073E-2</v>
      </c>
    </row>
    <row r="52" spans="1:6" x14ac:dyDescent="0.2">
      <c r="A52">
        <v>1086.2526230000001</v>
      </c>
      <c r="B52">
        <v>20.092624000000001</v>
      </c>
      <c r="C52">
        <v>7.4906110000000004</v>
      </c>
      <c r="D52">
        <f t="shared" si="0"/>
        <v>0.25024000000000068</v>
      </c>
      <c r="E52">
        <f t="shared" si="1"/>
        <v>10.037406000000146</v>
      </c>
      <c r="F52">
        <f t="shared" si="2"/>
        <v>3.6926140824026531E-2</v>
      </c>
    </row>
    <row r="53" spans="1:6" x14ac:dyDescent="0.2">
      <c r="A53">
        <v>1085.4598100000001</v>
      </c>
      <c r="B53">
        <v>20.034547</v>
      </c>
      <c r="C53">
        <v>7.4956160000000001</v>
      </c>
      <c r="D53">
        <f t="shared" si="0"/>
        <v>0.25524500000000039</v>
      </c>
      <c r="E53">
        <f t="shared" si="1"/>
        <v>9.2445930000001226</v>
      </c>
      <c r="F53">
        <f t="shared" si="2"/>
        <v>3.3366972572002183E-2</v>
      </c>
    </row>
    <row r="54" spans="1:6" x14ac:dyDescent="0.2">
      <c r="A54">
        <v>1085.0072050000001</v>
      </c>
      <c r="B54">
        <v>20.028400999999999</v>
      </c>
      <c r="C54">
        <v>7.5006209999999998</v>
      </c>
      <c r="D54">
        <f t="shared" si="0"/>
        <v>0.26025000000000009</v>
      </c>
      <c r="E54">
        <f t="shared" si="1"/>
        <v>8.791988000000174</v>
      </c>
      <c r="F54">
        <f t="shared" si="2"/>
        <v>3.1136065080016529E-2</v>
      </c>
    </row>
    <row r="55" spans="1:6" x14ac:dyDescent="0.2">
      <c r="A55">
        <v>1085.167445</v>
      </c>
      <c r="B55">
        <v>19.982030000000002</v>
      </c>
      <c r="C55">
        <v>7.5056260000000004</v>
      </c>
      <c r="D55">
        <f t="shared" si="0"/>
        <v>0.26525500000000068</v>
      </c>
      <c r="E55">
        <f t="shared" si="1"/>
        <v>8.9522280000001047</v>
      </c>
      <c r="F55">
        <f t="shared" si="2"/>
        <v>3.1100745473421385E-2</v>
      </c>
    </row>
    <row r="56" spans="1:6" x14ac:dyDescent="0.2">
      <c r="A56">
        <v>1085.254259</v>
      </c>
      <c r="B56">
        <v>19.968105999999999</v>
      </c>
      <c r="C56">
        <v>7.5106299999999999</v>
      </c>
      <c r="D56">
        <f t="shared" si="0"/>
        <v>0.27025900000000025</v>
      </c>
      <c r="E56">
        <f t="shared" si="1"/>
        <v>9.0390420000001086</v>
      </c>
      <c r="F56">
        <f t="shared" si="2"/>
        <v>3.0818446289966786E-2</v>
      </c>
    </row>
    <row r="57" spans="1:6" x14ac:dyDescent="0.2">
      <c r="A57">
        <v>1086.006042</v>
      </c>
      <c r="B57">
        <v>19.935793</v>
      </c>
      <c r="C57">
        <v>7.5156349999999996</v>
      </c>
      <c r="D57">
        <f t="shared" si="0"/>
        <v>0.27526399999999995</v>
      </c>
      <c r="E57">
        <f t="shared" si="1"/>
        <v>9.7908250000000407</v>
      </c>
      <c r="F57">
        <f t="shared" si="2"/>
        <v>3.2751985278785319E-2</v>
      </c>
    </row>
    <row r="58" spans="1:6" x14ac:dyDescent="0.2">
      <c r="A58">
        <v>1087.034316</v>
      </c>
      <c r="B58">
        <v>19.923584999999999</v>
      </c>
      <c r="C58">
        <v>7.5206400000000002</v>
      </c>
      <c r="D58">
        <f t="shared" si="0"/>
        <v>0.28026900000000055</v>
      </c>
      <c r="E58">
        <f t="shared" si="1"/>
        <v>10.819099000000051</v>
      </c>
      <c r="F58">
        <f t="shared" si="2"/>
        <v>3.5511807394800948E-2</v>
      </c>
    </row>
    <row r="59" spans="1:6" x14ac:dyDescent="0.2">
      <c r="A59">
        <v>1088.4928729999999</v>
      </c>
      <c r="B59">
        <v>19.886410999999999</v>
      </c>
      <c r="C59">
        <v>7.5256449999999999</v>
      </c>
      <c r="D59">
        <f t="shared" si="0"/>
        <v>0.28527400000000025</v>
      </c>
      <c r="E59">
        <f t="shared" si="1"/>
        <v>12.277655999999979</v>
      </c>
      <c r="F59">
        <f t="shared" si="2"/>
        <v>3.9539181934024809E-2</v>
      </c>
    </row>
    <row r="60" spans="1:6" x14ac:dyDescent="0.2">
      <c r="A60">
        <v>1089.92291</v>
      </c>
      <c r="B60">
        <v>19.916096</v>
      </c>
      <c r="C60">
        <v>7.5306499999999996</v>
      </c>
      <c r="D60">
        <f t="shared" si="0"/>
        <v>0.29027899999999995</v>
      </c>
      <c r="E60">
        <f t="shared" si="1"/>
        <v>13.707693000000063</v>
      </c>
      <c r="F60">
        <f t="shared" si="2"/>
        <v>4.3326436379142359E-2</v>
      </c>
    </row>
    <row r="61" spans="1:6" x14ac:dyDescent="0.2">
      <c r="A61">
        <v>1091.1386319999999</v>
      </c>
      <c r="B61">
        <v>19.903303000000001</v>
      </c>
      <c r="C61">
        <v>7.5356540000000001</v>
      </c>
      <c r="D61">
        <f t="shared" si="0"/>
        <v>0.29528300000000041</v>
      </c>
      <c r="E61">
        <f t="shared" si="1"/>
        <v>14.923414999999977</v>
      </c>
      <c r="F61">
        <f t="shared" si="2"/>
        <v>4.63180043763931E-2</v>
      </c>
    </row>
    <row r="62" spans="1:6" x14ac:dyDescent="0.2">
      <c r="A62">
        <v>1092.155673</v>
      </c>
      <c r="B62">
        <v>19.934495999999999</v>
      </c>
      <c r="C62">
        <v>7.5406589999999998</v>
      </c>
      <c r="D62">
        <f t="shared" si="0"/>
        <v>0.30028800000000011</v>
      </c>
      <c r="E62">
        <f t="shared" si="1"/>
        <v>15.94045600000004</v>
      </c>
      <c r="F62">
        <f t="shared" si="2"/>
        <v>4.8604694466710008E-2</v>
      </c>
    </row>
    <row r="63" spans="1:6" x14ac:dyDescent="0.2">
      <c r="A63">
        <v>1093.1127739999999</v>
      </c>
      <c r="B63">
        <v>19.920499</v>
      </c>
      <c r="C63">
        <v>7.5456640000000004</v>
      </c>
      <c r="D63">
        <f t="shared" si="0"/>
        <v>0.3052930000000007</v>
      </c>
      <c r="E63">
        <f t="shared" si="1"/>
        <v>16.897557000000006</v>
      </c>
      <c r="F63">
        <f t="shared" si="2"/>
        <v>5.0633984473308066E-2</v>
      </c>
    </row>
    <row r="64" spans="1:6" x14ac:dyDescent="0.2">
      <c r="A64">
        <v>1094.2934190000001</v>
      </c>
      <c r="B64">
        <v>19.919305000000001</v>
      </c>
      <c r="C64">
        <v>7.5506690000000001</v>
      </c>
      <c r="D64">
        <f t="shared" si="0"/>
        <v>0.31029800000000041</v>
      </c>
      <c r="E64">
        <f t="shared" si="1"/>
        <v>18.078202000000147</v>
      </c>
      <c r="F64">
        <f t="shared" si="2"/>
        <v>5.3240542357540353E-2</v>
      </c>
    </row>
    <row r="65" spans="1:6" x14ac:dyDescent="0.2">
      <c r="A65">
        <v>1095.300152</v>
      </c>
      <c r="B65">
        <v>19.939041</v>
      </c>
      <c r="C65">
        <v>7.5556739999999998</v>
      </c>
      <c r="D65">
        <f t="shared" si="0"/>
        <v>0.31530300000000011</v>
      </c>
      <c r="E65">
        <f t="shared" si="1"/>
        <v>19.084935000000087</v>
      </c>
      <c r="F65">
        <f t="shared" si="2"/>
        <v>5.5262360839759078E-2</v>
      </c>
    </row>
    <row r="66" spans="1:6" x14ac:dyDescent="0.2">
      <c r="A66">
        <v>1095.9307140000001</v>
      </c>
      <c r="B66">
        <v>19.958113000000001</v>
      </c>
      <c r="C66">
        <v>7.5606780000000002</v>
      </c>
      <c r="D66">
        <f t="shared" si="0"/>
        <v>0.32030700000000056</v>
      </c>
      <c r="E66">
        <f t="shared" si="1"/>
        <v>19.715497000000141</v>
      </c>
      <c r="F66">
        <f t="shared" si="2"/>
        <v>5.6164022056235441E-2</v>
      </c>
    </row>
    <row r="67" spans="1:6" x14ac:dyDescent="0.2">
      <c r="A67">
        <v>1096.84611</v>
      </c>
      <c r="B67">
        <v>19.928836</v>
      </c>
      <c r="C67">
        <v>7.5656829999999999</v>
      </c>
      <c r="D67">
        <f t="shared" ref="D67:D130" si="3">C67-$C$2</f>
        <v>0.32531200000000027</v>
      </c>
      <c r="E67">
        <f t="shared" ref="E67:E130" si="4">A67-$A$2</f>
        <v>20.630893000000015</v>
      </c>
      <c r="F67">
        <f t="shared" ref="F67:F130" si="5">(1/A67)*(E67/D67)</f>
        <v>5.7819221998287429E-2</v>
      </c>
    </row>
    <row r="68" spans="1:6" x14ac:dyDescent="0.2">
      <c r="A68">
        <v>1097.4778630000001</v>
      </c>
      <c r="B68">
        <v>19.983515000000001</v>
      </c>
      <c r="C68">
        <v>7.5706879999999996</v>
      </c>
      <c r="D68">
        <f t="shared" si="3"/>
        <v>0.33031699999999997</v>
      </c>
      <c r="E68">
        <f t="shared" si="4"/>
        <v>21.262646000000132</v>
      </c>
      <c r="F68">
        <f t="shared" si="5"/>
        <v>5.8653051833571487E-2</v>
      </c>
    </row>
    <row r="69" spans="1:6" x14ac:dyDescent="0.2">
      <c r="A69">
        <v>1096.9612420000001</v>
      </c>
      <c r="B69">
        <v>20.026532</v>
      </c>
      <c r="C69">
        <v>7.5756930000000002</v>
      </c>
      <c r="D69">
        <f t="shared" si="3"/>
        <v>0.33532200000000056</v>
      </c>
      <c r="E69">
        <f t="shared" si="4"/>
        <v>20.746025000000145</v>
      </c>
      <c r="F69">
        <f t="shared" si="5"/>
        <v>5.640031970816381E-2</v>
      </c>
    </row>
    <row r="70" spans="1:6" x14ac:dyDescent="0.2">
      <c r="A70">
        <v>1096.579465</v>
      </c>
      <c r="B70">
        <v>20.042245999999999</v>
      </c>
      <c r="C70">
        <v>7.5806979999999999</v>
      </c>
      <c r="D70">
        <f t="shared" si="3"/>
        <v>0.34032700000000027</v>
      </c>
      <c r="E70">
        <f t="shared" si="4"/>
        <v>20.364248000000089</v>
      </c>
      <c r="F70">
        <f t="shared" si="5"/>
        <v>5.4567224325909713E-2</v>
      </c>
    </row>
    <row r="71" spans="1:6" x14ac:dyDescent="0.2">
      <c r="A71">
        <v>1096.192912</v>
      </c>
      <c r="B71">
        <v>20.038865999999999</v>
      </c>
      <c r="C71">
        <v>7.5857020000000004</v>
      </c>
      <c r="D71">
        <f t="shared" si="3"/>
        <v>0.34533100000000072</v>
      </c>
      <c r="E71">
        <f t="shared" si="4"/>
        <v>19.97769500000004</v>
      </c>
      <c r="F71">
        <f t="shared" si="5"/>
        <v>5.2774341448123492E-2</v>
      </c>
    </row>
    <row r="72" spans="1:6" x14ac:dyDescent="0.2">
      <c r="A72">
        <v>1095.0788090000001</v>
      </c>
      <c r="B72">
        <v>20.080787999999998</v>
      </c>
      <c r="C72">
        <v>7.5907070000000001</v>
      </c>
      <c r="D72">
        <f t="shared" si="3"/>
        <v>0.35033600000000042</v>
      </c>
      <c r="E72">
        <f t="shared" si="4"/>
        <v>18.863592000000153</v>
      </c>
      <c r="F72">
        <f t="shared" si="5"/>
        <v>4.9169325700735865E-2</v>
      </c>
    </row>
    <row r="73" spans="1:6" x14ac:dyDescent="0.2">
      <c r="A73">
        <v>1093.50126</v>
      </c>
      <c r="B73">
        <v>20.10266</v>
      </c>
      <c r="C73">
        <v>7.5957119999999998</v>
      </c>
      <c r="D73">
        <f t="shared" si="3"/>
        <v>0.35534100000000013</v>
      </c>
      <c r="E73">
        <f t="shared" si="4"/>
        <v>17.286043000000063</v>
      </c>
      <c r="F73">
        <f t="shared" si="5"/>
        <v>4.4486780902212739E-2</v>
      </c>
    </row>
    <row r="74" spans="1:6" x14ac:dyDescent="0.2">
      <c r="A74">
        <v>1092.1168170000001</v>
      </c>
      <c r="B74">
        <v>20.105039000000001</v>
      </c>
      <c r="C74">
        <v>7.6007170000000004</v>
      </c>
      <c r="D74">
        <f t="shared" si="3"/>
        <v>0.36034600000000072</v>
      </c>
      <c r="E74">
        <f t="shared" si="4"/>
        <v>15.901600000000144</v>
      </c>
      <c r="F74">
        <f t="shared" si="5"/>
        <v>4.040657358418525E-2</v>
      </c>
    </row>
    <row r="75" spans="1:6" x14ac:dyDescent="0.2">
      <c r="A75">
        <v>1090.7930799999999</v>
      </c>
      <c r="B75">
        <v>20.082957</v>
      </c>
      <c r="C75">
        <v>7.6057220000000001</v>
      </c>
      <c r="D75">
        <f t="shared" si="3"/>
        <v>0.36535100000000043</v>
      </c>
      <c r="E75">
        <f t="shared" si="4"/>
        <v>14.577862999999979</v>
      </c>
      <c r="F75">
        <f t="shared" si="5"/>
        <v>3.6579788490528287E-2</v>
      </c>
    </row>
    <row r="76" spans="1:6" x14ac:dyDescent="0.2">
      <c r="A76">
        <v>1089.6667649999999</v>
      </c>
      <c r="B76">
        <v>20.087340999999999</v>
      </c>
      <c r="C76">
        <v>7.6107259999999997</v>
      </c>
      <c r="D76">
        <f t="shared" si="3"/>
        <v>0.37035499999999999</v>
      </c>
      <c r="E76">
        <f t="shared" si="4"/>
        <v>13.451548000000003</v>
      </c>
      <c r="F76">
        <f t="shared" si="5"/>
        <v>3.3331921349832774E-2</v>
      </c>
    </row>
    <row r="77" spans="1:6" x14ac:dyDescent="0.2">
      <c r="A77">
        <v>1088.8746169999999</v>
      </c>
      <c r="B77">
        <v>20.03903</v>
      </c>
      <c r="C77">
        <v>7.6157310000000003</v>
      </c>
      <c r="D77">
        <f t="shared" si="3"/>
        <v>0.37536000000000058</v>
      </c>
      <c r="E77">
        <f t="shared" si="4"/>
        <v>12.659400000000005</v>
      </c>
      <c r="F77">
        <f t="shared" si="5"/>
        <v>3.0973284243527167E-2</v>
      </c>
    </row>
    <row r="78" spans="1:6" x14ac:dyDescent="0.2">
      <c r="A78">
        <v>1088.2735580000001</v>
      </c>
      <c r="B78">
        <v>20.030567999999999</v>
      </c>
      <c r="C78">
        <v>7.620736</v>
      </c>
      <c r="D78">
        <f t="shared" si="3"/>
        <v>0.38036500000000029</v>
      </c>
      <c r="E78">
        <f t="shared" si="4"/>
        <v>12.058341000000155</v>
      </c>
      <c r="F78">
        <f t="shared" si="5"/>
        <v>2.9130566899113027E-2</v>
      </c>
    </row>
    <row r="79" spans="1:6" x14ac:dyDescent="0.2">
      <c r="A79">
        <v>1087.8144540000001</v>
      </c>
      <c r="B79">
        <v>20.024875000000002</v>
      </c>
      <c r="C79">
        <v>7.6257409999999997</v>
      </c>
      <c r="D79">
        <f t="shared" si="3"/>
        <v>0.38536999999999999</v>
      </c>
      <c r="E79">
        <f t="shared" si="4"/>
        <v>11.59923700000013</v>
      </c>
      <c r="F79">
        <f t="shared" si="5"/>
        <v>2.7669205833594075E-2</v>
      </c>
    </row>
    <row r="80" spans="1:6" x14ac:dyDescent="0.2">
      <c r="A80">
        <v>1087.620512</v>
      </c>
      <c r="B80">
        <v>20.003311</v>
      </c>
      <c r="C80">
        <v>7.6307460000000003</v>
      </c>
      <c r="D80">
        <f t="shared" si="3"/>
        <v>0.39037500000000058</v>
      </c>
      <c r="E80">
        <f t="shared" si="4"/>
        <v>11.405295000000024</v>
      </c>
      <c r="F80">
        <f t="shared" si="5"/>
        <v>2.6862543764074848E-2</v>
      </c>
    </row>
    <row r="81" spans="1:6" x14ac:dyDescent="0.2">
      <c r="A81">
        <v>1087.753721</v>
      </c>
      <c r="B81">
        <v>19.979354000000001</v>
      </c>
      <c r="C81">
        <v>7.6357499999999998</v>
      </c>
      <c r="D81">
        <f t="shared" si="3"/>
        <v>0.39537900000000015</v>
      </c>
      <c r="E81">
        <f t="shared" si="4"/>
        <v>11.538504000000103</v>
      </c>
      <c r="F81">
        <f t="shared" si="5"/>
        <v>2.682905209097268E-2</v>
      </c>
    </row>
    <row r="82" spans="1:6" x14ac:dyDescent="0.2">
      <c r="A82">
        <v>1088.4792170000001</v>
      </c>
      <c r="B82">
        <v>19.946915000000001</v>
      </c>
      <c r="C82">
        <v>7.6407550000000004</v>
      </c>
      <c r="D82">
        <f t="shared" si="3"/>
        <v>0.40038400000000074</v>
      </c>
      <c r="E82">
        <f t="shared" si="4"/>
        <v>12.264000000000124</v>
      </c>
      <c r="F82">
        <f t="shared" si="5"/>
        <v>2.8140725289710573E-2</v>
      </c>
    </row>
    <row r="83" spans="1:6" x14ac:dyDescent="0.2">
      <c r="A83">
        <v>1089.1978329999999</v>
      </c>
      <c r="B83">
        <v>19.949853999999998</v>
      </c>
      <c r="C83">
        <v>7.6457600000000001</v>
      </c>
      <c r="D83">
        <f t="shared" si="3"/>
        <v>0.40538900000000044</v>
      </c>
      <c r="E83">
        <f t="shared" si="4"/>
        <v>12.982616000000007</v>
      </c>
      <c r="F83">
        <f t="shared" si="5"/>
        <v>2.9402447481416252E-2</v>
      </c>
    </row>
    <row r="84" spans="1:6" x14ac:dyDescent="0.2">
      <c r="A84">
        <v>1090.265341</v>
      </c>
      <c r="B84">
        <v>19.917352999999999</v>
      </c>
      <c r="C84">
        <v>7.6507649999999998</v>
      </c>
      <c r="D84">
        <f t="shared" si="3"/>
        <v>0.41039400000000015</v>
      </c>
      <c r="E84">
        <f t="shared" si="4"/>
        <v>14.050124000000096</v>
      </c>
      <c r="F84">
        <f t="shared" si="5"/>
        <v>3.1401250838842786E-2</v>
      </c>
    </row>
    <row r="85" spans="1:6" x14ac:dyDescent="0.2">
      <c r="A85">
        <v>1091.0345669999999</v>
      </c>
      <c r="B85">
        <v>19.916872999999999</v>
      </c>
      <c r="C85">
        <v>7.6557700000000004</v>
      </c>
      <c r="D85">
        <f t="shared" si="3"/>
        <v>0.41539900000000074</v>
      </c>
      <c r="E85">
        <f t="shared" si="4"/>
        <v>14.819349999999986</v>
      </c>
      <c r="F85">
        <f t="shared" si="5"/>
        <v>3.2698301805228883E-2</v>
      </c>
    </row>
    <row r="86" spans="1:6" x14ac:dyDescent="0.2">
      <c r="A86">
        <v>1092.5599299999999</v>
      </c>
      <c r="B86">
        <v>19.896286</v>
      </c>
      <c r="C86">
        <v>7.660774</v>
      </c>
      <c r="D86">
        <f t="shared" si="3"/>
        <v>0.4204030000000003</v>
      </c>
      <c r="E86">
        <f t="shared" si="4"/>
        <v>16.344712999999956</v>
      </c>
      <c r="F86">
        <f t="shared" si="5"/>
        <v>3.5584938865373152E-2</v>
      </c>
    </row>
    <row r="87" spans="1:6" x14ac:dyDescent="0.2">
      <c r="A87">
        <v>1094.068417</v>
      </c>
      <c r="B87">
        <v>19.891677999999999</v>
      </c>
      <c r="C87">
        <v>7.6657789999999997</v>
      </c>
      <c r="D87">
        <f t="shared" si="3"/>
        <v>0.42540800000000001</v>
      </c>
      <c r="E87">
        <f t="shared" si="4"/>
        <v>17.853200000000015</v>
      </c>
      <c r="F87">
        <f t="shared" si="5"/>
        <v>3.8358881591349904E-2</v>
      </c>
    </row>
    <row r="88" spans="1:6" x14ac:dyDescent="0.2">
      <c r="A88">
        <v>1095.615534</v>
      </c>
      <c r="B88">
        <v>19.911663000000001</v>
      </c>
      <c r="C88">
        <v>7.6707840000000003</v>
      </c>
      <c r="D88">
        <f t="shared" si="3"/>
        <v>0.4304130000000006</v>
      </c>
      <c r="E88">
        <f t="shared" si="4"/>
        <v>19.400317000000086</v>
      </c>
      <c r="F88">
        <f t="shared" si="5"/>
        <v>4.1140092614814487E-2</v>
      </c>
    </row>
    <row r="89" spans="1:6" x14ac:dyDescent="0.2">
      <c r="A89">
        <v>1096.7021159999999</v>
      </c>
      <c r="B89">
        <v>19.928543000000001</v>
      </c>
      <c r="C89">
        <v>7.675789</v>
      </c>
      <c r="D89">
        <f t="shared" si="3"/>
        <v>0.4354180000000003</v>
      </c>
      <c r="E89">
        <f t="shared" si="4"/>
        <v>20.486898999999994</v>
      </c>
      <c r="F89">
        <f t="shared" si="5"/>
        <v>4.2902358375608768E-2</v>
      </c>
    </row>
    <row r="90" spans="1:6" x14ac:dyDescent="0.2">
      <c r="A90">
        <v>1097.6494029999999</v>
      </c>
      <c r="B90">
        <v>19.941051999999999</v>
      </c>
      <c r="C90">
        <v>7.6807939999999997</v>
      </c>
      <c r="D90">
        <f t="shared" si="3"/>
        <v>0.44042300000000001</v>
      </c>
      <c r="E90">
        <f t="shared" si="4"/>
        <v>21.434185999999954</v>
      </c>
      <c r="F90">
        <f t="shared" si="5"/>
        <v>4.4337720233960348E-2</v>
      </c>
    </row>
    <row r="91" spans="1:6" x14ac:dyDescent="0.2">
      <c r="A91">
        <v>1098.081103</v>
      </c>
      <c r="B91">
        <v>19.958680000000001</v>
      </c>
      <c r="C91">
        <v>7.6857980000000001</v>
      </c>
      <c r="D91">
        <f t="shared" si="3"/>
        <v>0.44542700000000046</v>
      </c>
      <c r="E91">
        <f t="shared" si="4"/>
        <v>21.865886000000046</v>
      </c>
      <c r="F91">
        <f t="shared" si="5"/>
        <v>4.4705002454664876E-2</v>
      </c>
    </row>
    <row r="92" spans="1:6" x14ac:dyDescent="0.2">
      <c r="A92">
        <v>1098.4431689999999</v>
      </c>
      <c r="B92">
        <v>19.988454999999998</v>
      </c>
      <c r="C92">
        <v>7.6908029999999998</v>
      </c>
      <c r="D92">
        <f t="shared" si="3"/>
        <v>0.45043200000000017</v>
      </c>
      <c r="E92">
        <f t="shared" si="4"/>
        <v>22.227951999999959</v>
      </c>
      <c r="F92">
        <f t="shared" si="5"/>
        <v>4.4925469182048441E-2</v>
      </c>
    </row>
    <row r="93" spans="1:6" x14ac:dyDescent="0.2">
      <c r="A93">
        <v>1098.2392400000001</v>
      </c>
      <c r="B93">
        <v>20.023699000000001</v>
      </c>
      <c r="C93">
        <v>7.6958080000000004</v>
      </c>
      <c r="D93">
        <f t="shared" si="3"/>
        <v>0.45543700000000076</v>
      </c>
      <c r="E93">
        <f t="shared" si="4"/>
        <v>22.02402300000017</v>
      </c>
      <c r="F93">
        <f t="shared" si="5"/>
        <v>4.4032301392194301E-2</v>
      </c>
    </row>
    <row r="94" spans="1:6" x14ac:dyDescent="0.2">
      <c r="A94">
        <v>1097.8470890000001</v>
      </c>
      <c r="B94">
        <v>20.014779999999998</v>
      </c>
      <c r="C94">
        <v>7.7008130000000001</v>
      </c>
      <c r="D94">
        <f t="shared" si="3"/>
        <v>0.46044200000000046</v>
      </c>
      <c r="E94">
        <f t="shared" si="4"/>
        <v>21.631872000000158</v>
      </c>
      <c r="F94">
        <f t="shared" si="5"/>
        <v>4.2793451723723654E-2</v>
      </c>
    </row>
    <row r="95" spans="1:6" x14ac:dyDescent="0.2">
      <c r="A95">
        <v>1097.2915310000001</v>
      </c>
      <c r="B95">
        <v>20.038453000000001</v>
      </c>
      <c r="C95">
        <v>7.7058179999999998</v>
      </c>
      <c r="D95">
        <f t="shared" si="3"/>
        <v>0.46544700000000017</v>
      </c>
      <c r="E95">
        <f t="shared" si="4"/>
        <v>21.076314000000139</v>
      </c>
      <c r="F95">
        <f t="shared" si="5"/>
        <v>4.1266952438604065E-2</v>
      </c>
    </row>
    <row r="96" spans="1:6" x14ac:dyDescent="0.2">
      <c r="A96">
        <v>1096.8111260000001</v>
      </c>
      <c r="B96">
        <v>20.047034</v>
      </c>
      <c r="C96">
        <v>7.7108220000000003</v>
      </c>
      <c r="D96">
        <f t="shared" si="3"/>
        <v>0.47045100000000062</v>
      </c>
      <c r="E96">
        <f t="shared" si="4"/>
        <v>20.59590900000012</v>
      </c>
      <c r="F96">
        <f t="shared" si="5"/>
        <v>3.9914870171883346E-2</v>
      </c>
    </row>
    <row r="97" spans="1:6" x14ac:dyDescent="0.2">
      <c r="A97">
        <v>1096.4303339999999</v>
      </c>
      <c r="B97">
        <v>20.023593999999999</v>
      </c>
      <c r="C97">
        <v>7.715827</v>
      </c>
      <c r="D97">
        <f t="shared" si="3"/>
        <v>0.47545600000000032</v>
      </c>
      <c r="E97">
        <f t="shared" si="4"/>
        <v>20.215116999999964</v>
      </c>
      <c r="F97">
        <f t="shared" si="5"/>
        <v>3.8777953420966856E-2</v>
      </c>
    </row>
    <row r="98" spans="1:6" x14ac:dyDescent="0.2">
      <c r="A98">
        <v>1095.8252560000001</v>
      </c>
      <c r="B98">
        <v>20.047006</v>
      </c>
      <c r="C98">
        <v>7.7208319999999997</v>
      </c>
      <c r="D98">
        <f t="shared" si="3"/>
        <v>0.48046100000000003</v>
      </c>
      <c r="E98">
        <f t="shared" si="4"/>
        <v>19.610039000000143</v>
      </c>
      <c r="F98">
        <f t="shared" si="5"/>
        <v>3.7245946140039912E-2</v>
      </c>
    </row>
    <row r="99" spans="1:6" x14ac:dyDescent="0.2">
      <c r="A99">
        <v>1094.9327490000001</v>
      </c>
      <c r="B99">
        <v>20.054141999999999</v>
      </c>
      <c r="C99">
        <v>7.7258370000000003</v>
      </c>
      <c r="D99">
        <f t="shared" si="3"/>
        <v>0.48546600000000062</v>
      </c>
      <c r="E99">
        <f t="shared" si="4"/>
        <v>18.717532000000119</v>
      </c>
      <c r="F99">
        <f t="shared" si="5"/>
        <v>3.5212942666294766E-2</v>
      </c>
    </row>
    <row r="100" spans="1:6" x14ac:dyDescent="0.2">
      <c r="A100">
        <v>1094.132783</v>
      </c>
      <c r="B100">
        <v>20.061952000000002</v>
      </c>
      <c r="C100">
        <v>7.730842</v>
      </c>
      <c r="D100">
        <f t="shared" si="3"/>
        <v>0.49047100000000032</v>
      </c>
      <c r="E100">
        <f t="shared" si="4"/>
        <v>17.917566000000079</v>
      </c>
      <c r="F100">
        <f t="shared" si="5"/>
        <v>3.3388403096304392E-2</v>
      </c>
    </row>
    <row r="101" spans="1:6" x14ac:dyDescent="0.2">
      <c r="A101">
        <v>1093.0490560000001</v>
      </c>
      <c r="B101">
        <v>20.082167999999999</v>
      </c>
      <c r="C101">
        <v>7.7358460000000004</v>
      </c>
      <c r="D101">
        <f t="shared" si="3"/>
        <v>0.49547500000000078</v>
      </c>
      <c r="E101">
        <f t="shared" si="4"/>
        <v>16.833839000000125</v>
      </c>
      <c r="F101">
        <f t="shared" si="5"/>
        <v>3.1082917046936193E-2</v>
      </c>
    </row>
    <row r="102" spans="1:6" x14ac:dyDescent="0.2">
      <c r="A102">
        <v>1091.657291</v>
      </c>
      <c r="B102">
        <v>20.099508</v>
      </c>
      <c r="C102">
        <v>7.7408510000000001</v>
      </c>
      <c r="D102">
        <f t="shared" si="3"/>
        <v>0.50048000000000048</v>
      </c>
      <c r="E102">
        <f t="shared" si="4"/>
        <v>15.442074000000048</v>
      </c>
      <c r="F102">
        <f t="shared" si="5"/>
        <v>2.8263932195413469E-2</v>
      </c>
    </row>
    <row r="103" spans="1:6" x14ac:dyDescent="0.2">
      <c r="A103">
        <v>1090.343877</v>
      </c>
      <c r="B103">
        <v>20.082951999999999</v>
      </c>
      <c r="C103">
        <v>7.7458559999999999</v>
      </c>
      <c r="D103">
        <f t="shared" si="3"/>
        <v>0.50548500000000018</v>
      </c>
      <c r="E103">
        <f t="shared" si="4"/>
        <v>14.128660000000082</v>
      </c>
      <c r="F103">
        <f t="shared" si="5"/>
        <v>2.5634757439089564E-2</v>
      </c>
    </row>
    <row r="104" spans="1:6" x14ac:dyDescent="0.2">
      <c r="A104">
        <v>1089.562553</v>
      </c>
      <c r="B104">
        <v>20.036942</v>
      </c>
      <c r="C104">
        <v>7.7508609999999996</v>
      </c>
      <c r="D104">
        <f t="shared" si="3"/>
        <v>0.51048999999999989</v>
      </c>
      <c r="E104">
        <f t="shared" si="4"/>
        <v>13.347336000000041</v>
      </c>
      <c r="F104">
        <f t="shared" si="5"/>
        <v>2.3996902425516737E-2</v>
      </c>
    </row>
    <row r="105" spans="1:6" x14ac:dyDescent="0.2">
      <c r="A105">
        <v>1089.1383960000001</v>
      </c>
      <c r="B105">
        <v>20.032368999999999</v>
      </c>
      <c r="C105">
        <v>7.7558660000000001</v>
      </c>
      <c r="D105">
        <f t="shared" si="3"/>
        <v>0.51549500000000048</v>
      </c>
      <c r="E105">
        <f t="shared" si="4"/>
        <v>12.923179000000118</v>
      </c>
      <c r="F105">
        <f t="shared" si="5"/>
        <v>2.3017695146824318E-2</v>
      </c>
    </row>
    <row r="106" spans="1:6" x14ac:dyDescent="0.2">
      <c r="A106">
        <v>1089.359256</v>
      </c>
      <c r="B106">
        <v>19.956157000000001</v>
      </c>
      <c r="C106">
        <v>7.7608699999999997</v>
      </c>
      <c r="D106">
        <f t="shared" si="3"/>
        <v>0.52049900000000004</v>
      </c>
      <c r="E106">
        <f t="shared" si="4"/>
        <v>13.144039000000021</v>
      </c>
      <c r="F106">
        <f t="shared" si="5"/>
        <v>2.3181301297903044E-2</v>
      </c>
    </row>
    <row r="107" spans="1:6" x14ac:dyDescent="0.2">
      <c r="A107">
        <v>1089.692108</v>
      </c>
      <c r="B107">
        <v>19.975549999999998</v>
      </c>
      <c r="C107">
        <v>7.7658750000000003</v>
      </c>
      <c r="D107">
        <f t="shared" si="3"/>
        <v>0.52550400000000064</v>
      </c>
      <c r="E107">
        <f t="shared" si="4"/>
        <v>13.476891000000023</v>
      </c>
      <c r="F107">
        <f t="shared" si="5"/>
        <v>2.3534765976877113E-2</v>
      </c>
    </row>
    <row r="108" spans="1:6" x14ac:dyDescent="0.2">
      <c r="A108">
        <v>1090.66903</v>
      </c>
      <c r="B108">
        <v>19.909016000000001</v>
      </c>
      <c r="C108">
        <v>7.77088</v>
      </c>
      <c r="D108">
        <f t="shared" si="3"/>
        <v>0.53050900000000034</v>
      </c>
      <c r="E108">
        <f t="shared" si="4"/>
        <v>14.453813000000082</v>
      </c>
      <c r="F108">
        <f t="shared" si="5"/>
        <v>2.498024504223334E-2</v>
      </c>
    </row>
    <row r="109" spans="1:6" x14ac:dyDescent="0.2">
      <c r="A109">
        <v>1091.9538299999999</v>
      </c>
      <c r="B109">
        <v>19.909182000000001</v>
      </c>
      <c r="C109">
        <v>7.7758849999999997</v>
      </c>
      <c r="D109">
        <f t="shared" si="3"/>
        <v>0.53551400000000005</v>
      </c>
      <c r="E109">
        <f t="shared" si="4"/>
        <v>15.738612999999987</v>
      </c>
      <c r="F109">
        <f t="shared" si="5"/>
        <v>2.6914812055601312E-2</v>
      </c>
    </row>
    <row r="110" spans="1:6" x14ac:dyDescent="0.2">
      <c r="A110">
        <v>1093.551193</v>
      </c>
      <c r="B110">
        <v>19.874731000000001</v>
      </c>
      <c r="C110">
        <v>7.7808900000000003</v>
      </c>
      <c r="D110">
        <f t="shared" si="3"/>
        <v>0.54051900000000064</v>
      </c>
      <c r="E110">
        <f t="shared" si="4"/>
        <v>17.335976000000073</v>
      </c>
      <c r="F110">
        <f t="shared" si="5"/>
        <v>2.9329064709294445E-2</v>
      </c>
    </row>
    <row r="111" spans="1:6" x14ac:dyDescent="0.2">
      <c r="A111">
        <v>1095.1165109999999</v>
      </c>
      <c r="B111">
        <v>19.899647000000002</v>
      </c>
      <c r="C111">
        <v>7.7858939999999999</v>
      </c>
      <c r="D111">
        <f t="shared" si="3"/>
        <v>0.5455230000000002</v>
      </c>
      <c r="E111">
        <f t="shared" si="4"/>
        <v>18.901294000000007</v>
      </c>
      <c r="F111">
        <f t="shared" si="5"/>
        <v>3.1638664615404141E-2</v>
      </c>
    </row>
    <row r="112" spans="1:6" x14ac:dyDescent="0.2">
      <c r="A112">
        <v>1096.401846</v>
      </c>
      <c r="B112">
        <v>19.922135000000001</v>
      </c>
      <c r="C112">
        <v>7.7908989999999996</v>
      </c>
      <c r="D112">
        <f t="shared" si="3"/>
        <v>0.55052799999999991</v>
      </c>
      <c r="E112">
        <f t="shared" si="4"/>
        <v>20.186629000000039</v>
      </c>
      <c r="F112">
        <f t="shared" si="5"/>
        <v>3.3443724033865557E-2</v>
      </c>
    </row>
    <row r="113" spans="1:6" x14ac:dyDescent="0.2">
      <c r="A113">
        <v>1097.309164</v>
      </c>
      <c r="B113">
        <v>19.934536000000001</v>
      </c>
      <c r="C113">
        <v>7.7959040000000002</v>
      </c>
      <c r="D113">
        <f t="shared" si="3"/>
        <v>0.5555330000000005</v>
      </c>
      <c r="E113">
        <f t="shared" si="4"/>
        <v>21.093947000000071</v>
      </c>
      <c r="F113">
        <f t="shared" si="5"/>
        <v>3.4603416661374155E-2</v>
      </c>
    </row>
    <row r="114" spans="1:6" x14ac:dyDescent="0.2">
      <c r="A114">
        <v>1098.2141489999999</v>
      </c>
      <c r="B114">
        <v>19.935110999999999</v>
      </c>
      <c r="C114">
        <v>7.8009089999999999</v>
      </c>
      <c r="D114">
        <f t="shared" si="3"/>
        <v>0.5605380000000002</v>
      </c>
      <c r="E114">
        <f t="shared" si="4"/>
        <v>21.998931999999968</v>
      </c>
      <c r="F114">
        <f t="shared" si="5"/>
        <v>3.5736293223799398E-2</v>
      </c>
    </row>
    <row r="115" spans="1:6" x14ac:dyDescent="0.2">
      <c r="A115">
        <v>1098.8650479999999</v>
      </c>
      <c r="B115">
        <v>19.970883000000001</v>
      </c>
      <c r="C115">
        <v>7.8059139999999996</v>
      </c>
      <c r="D115">
        <f t="shared" si="3"/>
        <v>0.56554299999999991</v>
      </c>
      <c r="E115">
        <f t="shared" si="4"/>
        <v>22.649830999999949</v>
      </c>
      <c r="F115">
        <f t="shared" si="5"/>
        <v>3.6446428325703155E-2</v>
      </c>
    </row>
    <row r="116" spans="1:6" x14ac:dyDescent="0.2">
      <c r="A116">
        <v>1099.481749</v>
      </c>
      <c r="B116">
        <v>19.942446</v>
      </c>
      <c r="C116">
        <v>7.810918</v>
      </c>
      <c r="D116">
        <f t="shared" si="3"/>
        <v>0.57054700000000036</v>
      </c>
      <c r="E116">
        <f t="shared" si="4"/>
        <v>23.266532000000097</v>
      </c>
      <c r="F116">
        <f t="shared" si="5"/>
        <v>3.7089604596906751E-2</v>
      </c>
    </row>
    <row r="117" spans="1:6" x14ac:dyDescent="0.2">
      <c r="A117">
        <v>1100.0985129999999</v>
      </c>
      <c r="B117">
        <v>19.967772</v>
      </c>
      <c r="C117">
        <v>7.8159229999999997</v>
      </c>
      <c r="D117">
        <f t="shared" si="3"/>
        <v>0.57555200000000006</v>
      </c>
      <c r="E117">
        <f t="shared" si="4"/>
        <v>23.883295999999973</v>
      </c>
      <c r="F117">
        <f t="shared" si="5"/>
        <v>3.7720558648970372E-2</v>
      </c>
    </row>
    <row r="118" spans="1:6" x14ac:dyDescent="0.2">
      <c r="A118">
        <v>1100.572907</v>
      </c>
      <c r="B118">
        <v>19.958760999999999</v>
      </c>
      <c r="C118">
        <v>7.8209280000000003</v>
      </c>
      <c r="D118">
        <f t="shared" si="3"/>
        <v>0.58055700000000066</v>
      </c>
      <c r="E118">
        <f t="shared" si="4"/>
        <v>24.357690000000048</v>
      </c>
      <c r="F118">
        <f t="shared" si="5"/>
        <v>3.812171370998628E-2</v>
      </c>
    </row>
    <row r="119" spans="1:6" x14ac:dyDescent="0.2">
      <c r="A119">
        <v>1100.6203840000001</v>
      </c>
      <c r="B119">
        <v>20.006924000000001</v>
      </c>
      <c r="C119">
        <v>7.825933</v>
      </c>
      <c r="D119">
        <f t="shared" si="3"/>
        <v>0.58556200000000036</v>
      </c>
      <c r="E119">
        <f t="shared" si="4"/>
        <v>24.40516700000012</v>
      </c>
      <c r="F119">
        <f t="shared" si="5"/>
        <v>3.7867910888415048E-2</v>
      </c>
    </row>
    <row r="120" spans="1:6" x14ac:dyDescent="0.2">
      <c r="A120">
        <v>1100.70011</v>
      </c>
      <c r="B120">
        <v>19.993051999999999</v>
      </c>
      <c r="C120">
        <v>7.8309379999999997</v>
      </c>
      <c r="D120">
        <f t="shared" si="3"/>
        <v>0.59056700000000006</v>
      </c>
      <c r="E120">
        <f t="shared" si="4"/>
        <v>24.484893000000056</v>
      </c>
      <c r="F120">
        <f t="shared" si="5"/>
        <v>3.7666912657501495E-2</v>
      </c>
    </row>
    <row r="121" spans="1:6" x14ac:dyDescent="0.2">
      <c r="A121">
        <v>1100.284584</v>
      </c>
      <c r="B121">
        <v>20.040524000000001</v>
      </c>
      <c r="C121">
        <v>7.8359420000000002</v>
      </c>
      <c r="D121">
        <f t="shared" si="3"/>
        <v>0.59557100000000052</v>
      </c>
      <c r="E121">
        <f t="shared" si="4"/>
        <v>24.069367000000057</v>
      </c>
      <c r="F121">
        <f t="shared" si="5"/>
        <v>3.673043723665731E-2</v>
      </c>
    </row>
    <row r="122" spans="1:6" x14ac:dyDescent="0.2">
      <c r="A122">
        <v>1099.6430330000001</v>
      </c>
      <c r="B122">
        <v>20.043493999999999</v>
      </c>
      <c r="C122">
        <v>7.8409469999999999</v>
      </c>
      <c r="D122">
        <f t="shared" si="3"/>
        <v>0.60057600000000022</v>
      </c>
      <c r="E122">
        <f t="shared" si="4"/>
        <v>23.427816000000121</v>
      </c>
      <c r="F122">
        <f t="shared" si="5"/>
        <v>3.5474158680922567E-2</v>
      </c>
    </row>
    <row r="123" spans="1:6" x14ac:dyDescent="0.2">
      <c r="A123">
        <v>1098.8097399999999</v>
      </c>
      <c r="B123">
        <v>20.071518999999999</v>
      </c>
      <c r="C123">
        <v>7.8459519999999996</v>
      </c>
      <c r="D123">
        <f t="shared" si="3"/>
        <v>0.60558099999999992</v>
      </c>
      <c r="E123">
        <f t="shared" si="4"/>
        <v>22.594522999999981</v>
      </c>
      <c r="F123">
        <f t="shared" si="5"/>
        <v>3.3955367564504541E-2</v>
      </c>
    </row>
    <row r="124" spans="1:6" x14ac:dyDescent="0.2">
      <c r="A124">
        <v>1097.858101</v>
      </c>
      <c r="B124">
        <v>20.064805</v>
      </c>
      <c r="C124">
        <v>7.8509570000000002</v>
      </c>
      <c r="D124">
        <f t="shared" si="3"/>
        <v>0.61058600000000052</v>
      </c>
      <c r="E124">
        <f t="shared" si="4"/>
        <v>21.642884000000095</v>
      </c>
      <c r="F124">
        <f t="shared" si="5"/>
        <v>3.2286582561558995E-2</v>
      </c>
    </row>
    <row r="125" spans="1:6" x14ac:dyDescent="0.2">
      <c r="A125">
        <v>1097.0216809999999</v>
      </c>
      <c r="B125">
        <v>20.043932999999999</v>
      </c>
      <c r="C125">
        <v>7.8559619999999999</v>
      </c>
      <c r="D125">
        <f t="shared" si="3"/>
        <v>0.61559100000000022</v>
      </c>
      <c r="E125">
        <f t="shared" si="4"/>
        <v>20.806464000000005</v>
      </c>
      <c r="F125">
        <f t="shared" si="5"/>
        <v>3.0809936748943331E-2</v>
      </c>
    </row>
    <row r="126" spans="1:6" x14ac:dyDescent="0.2">
      <c r="A126">
        <v>1096.5948000000001</v>
      </c>
      <c r="B126">
        <v>20.026378000000001</v>
      </c>
      <c r="C126">
        <v>7.8609660000000003</v>
      </c>
      <c r="D126">
        <f t="shared" si="3"/>
        <v>0.62059500000000067</v>
      </c>
      <c r="E126">
        <f t="shared" si="4"/>
        <v>20.379583000000139</v>
      </c>
      <c r="F126">
        <f t="shared" si="5"/>
        <v>2.9946139198490981E-2</v>
      </c>
    </row>
    <row r="127" spans="1:6" x14ac:dyDescent="0.2">
      <c r="A127">
        <v>1096.2559309999999</v>
      </c>
      <c r="B127">
        <v>20.008831000000001</v>
      </c>
      <c r="C127">
        <v>7.865971</v>
      </c>
      <c r="D127">
        <f t="shared" si="3"/>
        <v>0.62560000000000038</v>
      </c>
      <c r="E127">
        <f t="shared" si="4"/>
        <v>20.04071399999998</v>
      </c>
      <c r="F127">
        <f t="shared" si="5"/>
        <v>2.9221633817723178E-2</v>
      </c>
    </row>
    <row r="128" spans="1:6" x14ac:dyDescent="0.2">
      <c r="A128">
        <v>1096.0412570000001</v>
      </c>
      <c r="B128">
        <v>20.01032</v>
      </c>
      <c r="C128">
        <v>7.8709759999999998</v>
      </c>
      <c r="D128">
        <f t="shared" si="3"/>
        <v>0.63060500000000008</v>
      </c>
      <c r="E128">
        <f t="shared" si="4"/>
        <v>19.826040000000148</v>
      </c>
      <c r="F128">
        <f t="shared" si="5"/>
        <v>2.8684789423846672E-2</v>
      </c>
    </row>
    <row r="129" spans="1:6" x14ac:dyDescent="0.2">
      <c r="A129">
        <v>1096.1668910000001</v>
      </c>
      <c r="B129">
        <v>19.984241999999998</v>
      </c>
      <c r="C129">
        <v>7.8759810000000003</v>
      </c>
      <c r="D129">
        <f t="shared" si="3"/>
        <v>0.63561000000000067</v>
      </c>
      <c r="E129">
        <f t="shared" si="4"/>
        <v>19.951674000000139</v>
      </c>
      <c r="F129">
        <f t="shared" si="5"/>
        <v>2.8635972612263798E-2</v>
      </c>
    </row>
    <row r="130" spans="1:6" x14ac:dyDescent="0.2">
      <c r="A130">
        <v>1096.243025</v>
      </c>
      <c r="B130">
        <v>19.989333999999999</v>
      </c>
      <c r="C130">
        <v>7.880986</v>
      </c>
      <c r="D130">
        <f t="shared" si="3"/>
        <v>0.64061500000000038</v>
      </c>
      <c r="E130">
        <f t="shared" si="4"/>
        <v>20.02780800000005</v>
      </c>
      <c r="F130">
        <f t="shared" si="5"/>
        <v>2.8518683454381789E-2</v>
      </c>
    </row>
    <row r="131" spans="1:6" x14ac:dyDescent="0.2">
      <c r="A131">
        <v>1096.5630309999999</v>
      </c>
      <c r="B131">
        <v>19.988956000000002</v>
      </c>
      <c r="C131">
        <v>7.8859899999999996</v>
      </c>
      <c r="D131">
        <f t="shared" ref="D131:D194" si="6">C131-$C$2</f>
        <v>0.64561899999999994</v>
      </c>
      <c r="E131">
        <f t="shared" ref="E131:E194" si="7">A131-$A$2</f>
        <v>20.347813999999971</v>
      </c>
      <c r="F131">
        <f t="shared" ref="F131:F194" si="8">(1/A131)*(E131/D131)</f>
        <v>2.874139584247401E-2</v>
      </c>
    </row>
    <row r="132" spans="1:6" x14ac:dyDescent="0.2">
      <c r="A132">
        <v>1096.7692320000001</v>
      </c>
      <c r="B132">
        <v>19.987627</v>
      </c>
      <c r="C132">
        <v>7.8909950000000002</v>
      </c>
      <c r="D132">
        <f t="shared" si="6"/>
        <v>0.65062400000000054</v>
      </c>
      <c r="E132">
        <f t="shared" si="7"/>
        <v>20.554015000000163</v>
      </c>
      <c r="F132">
        <f t="shared" si="8"/>
        <v>2.8803902436484514E-2</v>
      </c>
    </row>
    <row r="133" spans="1:6" x14ac:dyDescent="0.2">
      <c r="A133">
        <v>1096.800872</v>
      </c>
      <c r="B133">
        <v>19.990808999999999</v>
      </c>
      <c r="C133">
        <v>7.8959999999999999</v>
      </c>
      <c r="D133">
        <f t="shared" si="6"/>
        <v>0.65562900000000024</v>
      </c>
      <c r="E133">
        <f t="shared" si="7"/>
        <v>20.585655000000088</v>
      </c>
      <c r="F133">
        <f t="shared" si="8"/>
        <v>2.862719180348991E-2</v>
      </c>
    </row>
    <row r="134" spans="1:6" x14ac:dyDescent="0.2">
      <c r="A134">
        <v>1097.259988</v>
      </c>
      <c r="B134">
        <v>19.950102999999999</v>
      </c>
      <c r="C134">
        <v>7.9010049999999996</v>
      </c>
      <c r="D134">
        <f t="shared" si="6"/>
        <v>0.66063399999999994</v>
      </c>
      <c r="E134">
        <f t="shared" si="7"/>
        <v>21.044771000000082</v>
      </c>
      <c r="F134">
        <f t="shared" si="8"/>
        <v>2.9031785091246362E-2</v>
      </c>
    </row>
    <row r="135" spans="1:6" x14ac:dyDescent="0.2">
      <c r="A135">
        <v>1098.2522349999999</v>
      </c>
      <c r="B135">
        <v>19.935921</v>
      </c>
      <c r="C135">
        <v>7.9060100000000002</v>
      </c>
      <c r="D135">
        <f t="shared" si="6"/>
        <v>0.66563900000000054</v>
      </c>
      <c r="E135">
        <f t="shared" si="7"/>
        <v>22.037017999999989</v>
      </c>
      <c r="F135">
        <f t="shared" si="8"/>
        <v>3.0144769760852588E-2</v>
      </c>
    </row>
    <row r="136" spans="1:6" x14ac:dyDescent="0.2">
      <c r="A136">
        <v>1098.9825370000001</v>
      </c>
      <c r="B136">
        <v>19.950230000000001</v>
      </c>
      <c r="C136">
        <v>7.9110139999999998</v>
      </c>
      <c r="D136">
        <f t="shared" si="6"/>
        <v>0.6706430000000001</v>
      </c>
      <c r="E136">
        <f t="shared" si="7"/>
        <v>22.767320000000154</v>
      </c>
      <c r="F136">
        <f t="shared" si="8"/>
        <v>3.0890840448638275E-2</v>
      </c>
    </row>
    <row r="137" spans="1:6" x14ac:dyDescent="0.2">
      <c r="A137">
        <v>1099.435021</v>
      </c>
      <c r="B137">
        <v>19.963327</v>
      </c>
      <c r="C137">
        <v>7.9160190000000004</v>
      </c>
      <c r="D137">
        <f t="shared" si="6"/>
        <v>0.67564800000000069</v>
      </c>
      <c r="E137">
        <f t="shared" si="7"/>
        <v>23.219804000000067</v>
      </c>
      <c r="F137">
        <f t="shared" si="8"/>
        <v>3.1258525446545851E-2</v>
      </c>
    </row>
    <row r="138" spans="1:6" x14ac:dyDescent="0.2">
      <c r="A138">
        <v>1100.040874</v>
      </c>
      <c r="B138">
        <v>19.942391000000001</v>
      </c>
      <c r="C138">
        <v>7.9210240000000001</v>
      </c>
      <c r="D138">
        <f t="shared" si="6"/>
        <v>0.6806530000000004</v>
      </c>
      <c r="E138">
        <f t="shared" si="7"/>
        <v>23.825657000000092</v>
      </c>
      <c r="F138">
        <f t="shared" si="8"/>
        <v>3.1820741812776478E-2</v>
      </c>
    </row>
    <row r="139" spans="1:6" x14ac:dyDescent="0.2">
      <c r="A139">
        <v>1101.10645</v>
      </c>
      <c r="B139">
        <v>19.934401999999999</v>
      </c>
      <c r="C139">
        <v>7.9260289999999998</v>
      </c>
      <c r="D139">
        <f t="shared" si="6"/>
        <v>0.6856580000000001</v>
      </c>
      <c r="E139">
        <f t="shared" si="7"/>
        <v>24.891233000000057</v>
      </c>
      <c r="F139">
        <f t="shared" si="8"/>
        <v>3.2969287063799875E-2</v>
      </c>
    </row>
    <row r="140" spans="1:6" x14ac:dyDescent="0.2">
      <c r="A140">
        <v>1101.7761949999999</v>
      </c>
      <c r="B140">
        <v>19.953053000000001</v>
      </c>
      <c r="C140">
        <v>7.9310340000000004</v>
      </c>
      <c r="D140">
        <f t="shared" si="6"/>
        <v>0.69066300000000069</v>
      </c>
      <c r="E140">
        <f t="shared" si="7"/>
        <v>25.560977999999977</v>
      </c>
      <c r="F140">
        <f t="shared" si="8"/>
        <v>3.3590610032208208E-2</v>
      </c>
    </row>
    <row r="141" spans="1:6" x14ac:dyDescent="0.2">
      <c r="A141">
        <v>1102.580101</v>
      </c>
      <c r="B141">
        <v>19.942630000000001</v>
      </c>
      <c r="C141">
        <v>7.9360379999999999</v>
      </c>
      <c r="D141">
        <f t="shared" si="6"/>
        <v>0.69566700000000026</v>
      </c>
      <c r="E141">
        <f t="shared" si="7"/>
        <v>26.364884000000075</v>
      </c>
      <c r="F141">
        <f t="shared" si="8"/>
        <v>3.4372752600292537E-2</v>
      </c>
    </row>
    <row r="142" spans="1:6" x14ac:dyDescent="0.2">
      <c r="A142">
        <v>1102.8421189999999</v>
      </c>
      <c r="B142">
        <v>19.981815999999998</v>
      </c>
      <c r="C142">
        <v>7.9410429999999996</v>
      </c>
      <c r="D142">
        <f t="shared" si="6"/>
        <v>0.70067199999999996</v>
      </c>
      <c r="E142">
        <f t="shared" si="7"/>
        <v>26.626901999999973</v>
      </c>
      <c r="F142">
        <f t="shared" si="8"/>
        <v>3.4458195694824278E-2</v>
      </c>
    </row>
    <row r="143" spans="1:6" x14ac:dyDescent="0.2">
      <c r="A143">
        <v>1102.8169499999999</v>
      </c>
      <c r="B143">
        <v>20.026433000000001</v>
      </c>
      <c r="C143">
        <v>7.9460480000000002</v>
      </c>
      <c r="D143">
        <f t="shared" si="6"/>
        <v>0.70567700000000055</v>
      </c>
      <c r="E143">
        <f t="shared" si="7"/>
        <v>26.601732999999967</v>
      </c>
      <c r="F143">
        <f t="shared" si="8"/>
        <v>3.4182241242288088E-2</v>
      </c>
    </row>
    <row r="144" spans="1:6" x14ac:dyDescent="0.2">
      <c r="A144">
        <v>1102.119042</v>
      </c>
      <c r="B144">
        <v>20.047163999999999</v>
      </c>
      <c r="C144">
        <v>7.9510529999999999</v>
      </c>
      <c r="D144">
        <f t="shared" si="6"/>
        <v>0.71068200000000026</v>
      </c>
      <c r="E144">
        <f t="shared" si="7"/>
        <v>25.903825000000097</v>
      </c>
      <c r="F144">
        <f t="shared" si="8"/>
        <v>3.3071970776993954E-2</v>
      </c>
    </row>
    <row r="145" spans="1:6" x14ac:dyDescent="0.2">
      <c r="A145">
        <v>1101.3944530000001</v>
      </c>
      <c r="B145">
        <v>20.068549000000001</v>
      </c>
      <c r="C145">
        <v>7.9560579999999996</v>
      </c>
      <c r="D145">
        <f t="shared" si="6"/>
        <v>0.71568699999999996</v>
      </c>
      <c r="E145">
        <f t="shared" si="7"/>
        <v>25.179236000000174</v>
      </c>
      <c r="F145">
        <f t="shared" si="8"/>
        <v>3.194306130024295E-2</v>
      </c>
    </row>
    <row r="146" spans="1:6" x14ac:dyDescent="0.2">
      <c r="A146">
        <v>1100.286364</v>
      </c>
      <c r="B146">
        <v>20.067467000000001</v>
      </c>
      <c r="C146">
        <v>7.9610620000000001</v>
      </c>
      <c r="D146">
        <f t="shared" si="6"/>
        <v>0.72069100000000041</v>
      </c>
      <c r="E146">
        <f t="shared" si="7"/>
        <v>24.07114700000011</v>
      </c>
      <c r="F146">
        <f t="shared" si="8"/>
        <v>3.0355819077358084E-2</v>
      </c>
    </row>
    <row r="147" spans="1:6" x14ac:dyDescent="0.2">
      <c r="A147">
        <v>1099.61169</v>
      </c>
      <c r="B147">
        <v>20.048855</v>
      </c>
      <c r="C147">
        <v>7.9660669999999998</v>
      </c>
      <c r="D147">
        <f t="shared" si="6"/>
        <v>0.72569600000000012</v>
      </c>
      <c r="E147">
        <f t="shared" si="7"/>
        <v>23.396473000000015</v>
      </c>
      <c r="F147">
        <f t="shared" si="8"/>
        <v>2.9319483495537164E-2</v>
      </c>
    </row>
    <row r="148" spans="1:6" x14ac:dyDescent="0.2">
      <c r="A148">
        <v>1098.92705</v>
      </c>
      <c r="B148">
        <v>20.039294999999999</v>
      </c>
      <c r="C148">
        <v>7.9710720000000004</v>
      </c>
      <c r="D148">
        <f t="shared" si="6"/>
        <v>0.73070100000000071</v>
      </c>
      <c r="E148">
        <f t="shared" si="7"/>
        <v>22.71183300000007</v>
      </c>
      <c r="F148">
        <f t="shared" si="8"/>
        <v>2.8284181849826544E-2</v>
      </c>
    </row>
    <row r="149" spans="1:6" x14ac:dyDescent="0.2">
      <c r="A149">
        <v>1098.0675759999999</v>
      </c>
      <c r="B149">
        <v>20.065097000000002</v>
      </c>
      <c r="C149">
        <v>7.9760770000000001</v>
      </c>
      <c r="D149">
        <f t="shared" si="6"/>
        <v>0.73570600000000042</v>
      </c>
      <c r="E149">
        <f t="shared" si="7"/>
        <v>21.852358999999979</v>
      </c>
      <c r="F149">
        <f t="shared" si="8"/>
        <v>2.704985621792157E-2</v>
      </c>
    </row>
    <row r="150" spans="1:6" x14ac:dyDescent="0.2">
      <c r="A150">
        <v>1097.581353</v>
      </c>
      <c r="B150">
        <v>19.998885000000001</v>
      </c>
      <c r="C150">
        <v>7.9810819999999998</v>
      </c>
      <c r="D150">
        <f t="shared" si="6"/>
        <v>0.74071100000000012</v>
      </c>
      <c r="E150">
        <f t="shared" si="7"/>
        <v>21.366136000000097</v>
      </c>
      <c r="F150">
        <f t="shared" si="8"/>
        <v>2.6280914545098111E-2</v>
      </c>
    </row>
    <row r="151" spans="1:6" x14ac:dyDescent="0.2">
      <c r="A151">
        <v>1097.7111620000001</v>
      </c>
      <c r="B151">
        <v>19.995929</v>
      </c>
      <c r="C151">
        <v>7.9860860000000002</v>
      </c>
      <c r="D151">
        <f t="shared" si="6"/>
        <v>0.74571500000000057</v>
      </c>
      <c r="E151">
        <f t="shared" si="7"/>
        <v>21.49594500000012</v>
      </c>
      <c r="F151">
        <f t="shared" si="8"/>
        <v>2.6260052071869353E-2</v>
      </c>
    </row>
    <row r="152" spans="1:6" x14ac:dyDescent="0.2">
      <c r="A152">
        <v>1097.9376560000001</v>
      </c>
      <c r="B152">
        <v>19.98949</v>
      </c>
      <c r="C152">
        <v>7.9910909999999999</v>
      </c>
      <c r="D152">
        <f t="shared" si="6"/>
        <v>0.75072000000000028</v>
      </c>
      <c r="E152">
        <f t="shared" si="7"/>
        <v>21.722439000000122</v>
      </c>
      <c r="F152">
        <f t="shared" si="8"/>
        <v>2.6354387051839071E-2</v>
      </c>
    </row>
    <row r="153" spans="1:6" x14ac:dyDescent="0.2">
      <c r="A153">
        <v>1098.203548</v>
      </c>
      <c r="B153">
        <v>19.975949</v>
      </c>
      <c r="C153">
        <v>7.9960959999999996</v>
      </c>
      <c r="D153">
        <f t="shared" si="6"/>
        <v>0.75572499999999998</v>
      </c>
      <c r="E153">
        <f t="shared" si="7"/>
        <v>21.988331000000017</v>
      </c>
      <c r="F153">
        <f t="shared" si="8"/>
        <v>2.6493884228941396E-2</v>
      </c>
    </row>
    <row r="154" spans="1:6" x14ac:dyDescent="0.2">
      <c r="A154">
        <v>1098.78171</v>
      </c>
      <c r="B154">
        <v>19.926303000000001</v>
      </c>
      <c r="C154">
        <v>8.0011010000000002</v>
      </c>
      <c r="D154">
        <f t="shared" si="6"/>
        <v>0.76073000000000057</v>
      </c>
      <c r="E154">
        <f t="shared" si="7"/>
        <v>22.566493000000037</v>
      </c>
      <c r="F154">
        <f t="shared" si="8"/>
        <v>2.6997410290330627E-2</v>
      </c>
    </row>
    <row r="155" spans="1:6" x14ac:dyDescent="0.2">
      <c r="A155">
        <v>1100.110866</v>
      </c>
      <c r="B155">
        <v>19.904904999999999</v>
      </c>
      <c r="C155">
        <v>8.0061060000000008</v>
      </c>
      <c r="D155">
        <f t="shared" si="6"/>
        <v>0.76573500000000116</v>
      </c>
      <c r="E155">
        <f t="shared" si="7"/>
        <v>23.895649000000049</v>
      </c>
      <c r="F155">
        <f t="shared" si="8"/>
        <v>2.8366377479767297E-2</v>
      </c>
    </row>
    <row r="156" spans="1:6" x14ac:dyDescent="0.2">
      <c r="A156">
        <v>1101.412705</v>
      </c>
      <c r="B156">
        <v>19.902376</v>
      </c>
      <c r="C156">
        <v>8.0111100000000004</v>
      </c>
      <c r="D156">
        <f t="shared" si="6"/>
        <v>0.77073900000000073</v>
      </c>
      <c r="E156">
        <f t="shared" si="7"/>
        <v>25.197488000000021</v>
      </c>
      <c r="F156">
        <f t="shared" si="8"/>
        <v>2.9682455817149046E-2</v>
      </c>
    </row>
    <row r="157" spans="1:6" x14ac:dyDescent="0.2">
      <c r="A157">
        <v>1102.5452419999999</v>
      </c>
      <c r="B157">
        <v>19.927244999999999</v>
      </c>
      <c r="C157">
        <v>8.0161149999999992</v>
      </c>
      <c r="D157">
        <f t="shared" si="6"/>
        <v>0.77574399999999955</v>
      </c>
      <c r="E157">
        <f t="shared" si="7"/>
        <v>26.330024999999978</v>
      </c>
      <c r="F157">
        <f t="shared" si="8"/>
        <v>3.0784806407331559E-2</v>
      </c>
    </row>
    <row r="158" spans="1:6" x14ac:dyDescent="0.2">
      <c r="A158">
        <v>1103.549141</v>
      </c>
      <c r="B158">
        <v>19.93835</v>
      </c>
      <c r="C158">
        <v>8.0211199999999998</v>
      </c>
      <c r="D158">
        <f t="shared" si="6"/>
        <v>0.78074900000000014</v>
      </c>
      <c r="E158">
        <f t="shared" si="7"/>
        <v>27.333924000000025</v>
      </c>
      <c r="F158">
        <f t="shared" si="8"/>
        <v>3.1724798245213605E-2</v>
      </c>
    </row>
    <row r="159" spans="1:6" x14ac:dyDescent="0.2">
      <c r="A159">
        <v>1104.370461</v>
      </c>
      <c r="B159">
        <v>19.932538999999998</v>
      </c>
      <c r="C159">
        <v>8.0261250000000004</v>
      </c>
      <c r="D159">
        <f t="shared" si="6"/>
        <v>0.78575400000000073</v>
      </c>
      <c r="E159">
        <f t="shared" si="7"/>
        <v>28.155244000000039</v>
      </c>
      <c r="F159">
        <f t="shared" si="8"/>
        <v>3.2445757128505566E-2</v>
      </c>
    </row>
    <row r="160" spans="1:6" x14ac:dyDescent="0.2">
      <c r="A160">
        <v>1105.118588</v>
      </c>
      <c r="B160">
        <v>19.944617000000001</v>
      </c>
      <c r="C160">
        <v>8.0311299999999992</v>
      </c>
      <c r="D160">
        <f t="shared" si="6"/>
        <v>0.79075899999999955</v>
      </c>
      <c r="E160">
        <f t="shared" si="7"/>
        <v>28.903371000000107</v>
      </c>
      <c r="F160">
        <f t="shared" si="8"/>
        <v>3.3074666225541408E-2</v>
      </c>
    </row>
    <row r="161" spans="1:6" x14ac:dyDescent="0.2">
      <c r="A161">
        <v>1105.6447579999999</v>
      </c>
      <c r="B161">
        <v>19.978214999999999</v>
      </c>
      <c r="C161">
        <v>8.0361340000000006</v>
      </c>
      <c r="D161">
        <f t="shared" si="6"/>
        <v>0.79576300000000089</v>
      </c>
      <c r="E161">
        <f t="shared" si="7"/>
        <v>29.429540999999972</v>
      </c>
      <c r="F161">
        <f t="shared" si="8"/>
        <v>3.344907676517548E-2</v>
      </c>
    </row>
    <row r="162" spans="1:6" x14ac:dyDescent="0.2">
      <c r="A162">
        <v>1105.862155</v>
      </c>
      <c r="B162">
        <v>19.987928</v>
      </c>
      <c r="C162">
        <v>8.0411389999999994</v>
      </c>
      <c r="D162">
        <f t="shared" si="6"/>
        <v>0.8007679999999997</v>
      </c>
      <c r="E162">
        <f t="shared" si="7"/>
        <v>29.646938000000091</v>
      </c>
      <c r="F162">
        <f t="shared" si="8"/>
        <v>3.3478973963908733E-2</v>
      </c>
    </row>
    <row r="163" spans="1:6" x14ac:dyDescent="0.2">
      <c r="A163">
        <v>1105.61763</v>
      </c>
      <c r="B163">
        <v>20.037265000000001</v>
      </c>
      <c r="C163">
        <v>8.046144</v>
      </c>
      <c r="D163">
        <f t="shared" si="6"/>
        <v>0.80577300000000029</v>
      </c>
      <c r="E163">
        <f t="shared" si="7"/>
        <v>29.402413000000024</v>
      </c>
      <c r="F163">
        <f t="shared" si="8"/>
        <v>3.3003903411550697E-2</v>
      </c>
    </row>
    <row r="164" spans="1:6" x14ac:dyDescent="0.2">
      <c r="A164">
        <v>1104.917582</v>
      </c>
      <c r="B164">
        <v>20.047577</v>
      </c>
      <c r="C164">
        <v>8.0511490000000006</v>
      </c>
      <c r="D164">
        <f t="shared" si="6"/>
        <v>0.81077800000000089</v>
      </c>
      <c r="E164">
        <f t="shared" si="7"/>
        <v>28.7023650000001</v>
      </c>
      <c r="F164">
        <f t="shared" si="8"/>
        <v>3.2039508319740624E-2</v>
      </c>
    </row>
    <row r="165" spans="1:6" x14ac:dyDescent="0.2">
      <c r="A165">
        <v>1104.228022</v>
      </c>
      <c r="B165">
        <v>20.037264</v>
      </c>
      <c r="C165">
        <v>8.0561539999999994</v>
      </c>
      <c r="D165">
        <f t="shared" si="6"/>
        <v>0.8157829999999997</v>
      </c>
      <c r="E165">
        <f t="shared" si="7"/>
        <v>28.012805000000071</v>
      </c>
      <c r="F165">
        <f t="shared" si="8"/>
        <v>3.1097335790832448E-2</v>
      </c>
    </row>
    <row r="166" spans="1:6" x14ac:dyDescent="0.2">
      <c r="A166">
        <v>1103.47594</v>
      </c>
      <c r="B166">
        <v>20.069071999999998</v>
      </c>
      <c r="C166">
        <v>8.0611580000000007</v>
      </c>
      <c r="D166">
        <f t="shared" si="6"/>
        <v>0.82078700000000104</v>
      </c>
      <c r="E166">
        <f t="shared" si="7"/>
        <v>27.260723000000098</v>
      </c>
      <c r="F166">
        <f t="shared" si="8"/>
        <v>3.0098443157273988E-2</v>
      </c>
    </row>
    <row r="167" spans="1:6" x14ac:dyDescent="0.2">
      <c r="A167">
        <v>1102.1201410000001</v>
      </c>
      <c r="B167">
        <v>20.112642000000001</v>
      </c>
      <c r="C167">
        <v>8.0661629999999995</v>
      </c>
      <c r="D167">
        <f t="shared" si="6"/>
        <v>0.82579199999999986</v>
      </c>
      <c r="E167">
        <f t="shared" si="7"/>
        <v>25.904924000000165</v>
      </c>
      <c r="F167">
        <f t="shared" si="8"/>
        <v>2.8463133655431093E-2</v>
      </c>
    </row>
    <row r="168" spans="1:6" x14ac:dyDescent="0.2">
      <c r="A168">
        <v>1100.7889319999999</v>
      </c>
      <c r="B168">
        <v>20.086233</v>
      </c>
      <c r="C168">
        <v>8.0711680000000001</v>
      </c>
      <c r="D168">
        <f t="shared" si="6"/>
        <v>0.83079700000000045</v>
      </c>
      <c r="E168">
        <f t="shared" si="7"/>
        <v>24.573714999999993</v>
      </c>
      <c r="F168">
        <f t="shared" si="8"/>
        <v>2.6870258422143273E-2</v>
      </c>
    </row>
    <row r="169" spans="1:6" x14ac:dyDescent="0.2">
      <c r="A169">
        <v>1099.8140370000001</v>
      </c>
      <c r="B169">
        <v>20.0489</v>
      </c>
      <c r="C169">
        <v>8.0761730000000007</v>
      </c>
      <c r="D169">
        <f t="shared" si="6"/>
        <v>0.83580200000000104</v>
      </c>
      <c r="E169">
        <f t="shared" si="7"/>
        <v>23.59882000000016</v>
      </c>
      <c r="F169">
        <f t="shared" si="8"/>
        <v>2.5672468127755529E-2</v>
      </c>
    </row>
    <row r="170" spans="1:6" x14ac:dyDescent="0.2">
      <c r="A170">
        <v>1098.948398</v>
      </c>
      <c r="B170">
        <v>20.059456999999998</v>
      </c>
      <c r="C170">
        <v>8.0811779999999995</v>
      </c>
      <c r="D170">
        <f t="shared" si="6"/>
        <v>0.84080699999999986</v>
      </c>
      <c r="E170">
        <f t="shared" si="7"/>
        <v>22.733181000000059</v>
      </c>
      <c r="F170">
        <f t="shared" si="8"/>
        <v>2.4602916396230891E-2</v>
      </c>
    </row>
    <row r="171" spans="1:6" x14ac:dyDescent="0.2">
      <c r="A171">
        <v>1098.2321179999999</v>
      </c>
      <c r="B171">
        <v>20.025645000000001</v>
      </c>
      <c r="C171">
        <v>8.0861820000000009</v>
      </c>
      <c r="D171">
        <f t="shared" si="6"/>
        <v>0.8458110000000012</v>
      </c>
      <c r="E171">
        <f t="shared" si="7"/>
        <v>22.016900999999962</v>
      </c>
      <c r="F171">
        <f t="shared" si="8"/>
        <v>2.3702203365098644E-2</v>
      </c>
    </row>
    <row r="172" spans="1:6" x14ac:dyDescent="0.2">
      <c r="A172">
        <v>1097.890304</v>
      </c>
      <c r="B172">
        <v>20.044260000000001</v>
      </c>
      <c r="C172">
        <v>8.0911869999999997</v>
      </c>
      <c r="D172">
        <f t="shared" si="6"/>
        <v>0.85081600000000002</v>
      </c>
      <c r="E172">
        <f t="shared" si="7"/>
        <v>21.675087000000076</v>
      </c>
      <c r="F172">
        <f t="shared" si="8"/>
        <v>2.3204181365133494E-2</v>
      </c>
    </row>
    <row r="173" spans="1:6" x14ac:dyDescent="0.2">
      <c r="A173">
        <v>1097.864916</v>
      </c>
      <c r="B173">
        <v>19.979454</v>
      </c>
      <c r="C173">
        <v>8.0961920000000003</v>
      </c>
      <c r="D173">
        <f t="shared" si="6"/>
        <v>0.85582100000000061</v>
      </c>
      <c r="E173">
        <f t="shared" si="7"/>
        <v>21.649699000000055</v>
      </c>
      <c r="F173">
        <f t="shared" si="8"/>
        <v>2.3041991760047495E-2</v>
      </c>
    </row>
    <row r="174" spans="1:6" x14ac:dyDescent="0.2">
      <c r="A174">
        <v>1098.78207</v>
      </c>
      <c r="B174">
        <v>19.916755999999999</v>
      </c>
      <c r="C174">
        <v>8.1011970000000009</v>
      </c>
      <c r="D174">
        <f t="shared" si="6"/>
        <v>0.8608260000000012</v>
      </c>
      <c r="E174">
        <f t="shared" si="7"/>
        <v>22.566853000000037</v>
      </c>
      <c r="F174">
        <f t="shared" si="8"/>
        <v>2.3858550783502148E-2</v>
      </c>
    </row>
    <row r="175" spans="1:6" x14ac:dyDescent="0.2">
      <c r="A175">
        <v>1099.720104</v>
      </c>
      <c r="B175">
        <v>19.929182999999998</v>
      </c>
      <c r="C175">
        <v>8.1062019999999997</v>
      </c>
      <c r="D175">
        <f t="shared" si="6"/>
        <v>0.86583100000000002</v>
      </c>
      <c r="E175">
        <f t="shared" si="7"/>
        <v>23.504887000000053</v>
      </c>
      <c r="F175">
        <f t="shared" si="8"/>
        <v>2.4685553649492122E-2</v>
      </c>
    </row>
    <row r="176" spans="1:6" x14ac:dyDescent="0.2">
      <c r="A176">
        <v>1100.6062340000001</v>
      </c>
      <c r="B176">
        <v>19.949936000000001</v>
      </c>
      <c r="C176">
        <v>8.1112059999999992</v>
      </c>
      <c r="D176">
        <f t="shared" si="6"/>
        <v>0.87083499999999958</v>
      </c>
      <c r="E176">
        <f t="shared" si="7"/>
        <v>24.391017000000147</v>
      </c>
      <c r="F176">
        <f t="shared" si="8"/>
        <v>2.5448492729491057E-2</v>
      </c>
    </row>
    <row r="177" spans="1:6" x14ac:dyDescent="0.2">
      <c r="A177">
        <v>1101.2418319999999</v>
      </c>
      <c r="B177">
        <v>19.963176000000001</v>
      </c>
      <c r="C177">
        <v>8.1162109999999998</v>
      </c>
      <c r="D177">
        <f t="shared" si="6"/>
        <v>0.87584000000000017</v>
      </c>
      <c r="E177">
        <f t="shared" si="7"/>
        <v>25.026614999999993</v>
      </c>
      <c r="F177">
        <f t="shared" si="8"/>
        <v>2.5947447187585754E-2</v>
      </c>
    </row>
    <row r="178" spans="1:6" x14ac:dyDescent="0.2">
      <c r="A178">
        <v>1101.625129</v>
      </c>
      <c r="B178">
        <v>19.967029</v>
      </c>
      <c r="C178">
        <v>8.1212160000000004</v>
      </c>
      <c r="D178">
        <f t="shared" si="6"/>
        <v>0.88084500000000077</v>
      </c>
      <c r="E178">
        <f t="shared" si="7"/>
        <v>25.409912000000077</v>
      </c>
      <c r="F178">
        <f t="shared" si="8"/>
        <v>2.618604039822315E-2</v>
      </c>
    </row>
    <row r="179" spans="1:6" x14ac:dyDescent="0.2">
      <c r="A179">
        <v>1102.0610360000001</v>
      </c>
      <c r="B179">
        <v>19.955621000000001</v>
      </c>
      <c r="C179">
        <v>8.1262209999999993</v>
      </c>
      <c r="D179">
        <f t="shared" si="6"/>
        <v>0.88584999999999958</v>
      </c>
      <c r="E179">
        <f t="shared" si="7"/>
        <v>25.84581900000012</v>
      </c>
      <c r="F179">
        <f t="shared" si="8"/>
        <v>2.6474298494388811E-2</v>
      </c>
    </row>
    <row r="180" spans="1:6" x14ac:dyDescent="0.2">
      <c r="A180">
        <v>1102.8923090000001</v>
      </c>
      <c r="B180">
        <v>19.945450000000001</v>
      </c>
      <c r="C180">
        <v>8.1312259999999998</v>
      </c>
      <c r="D180">
        <f t="shared" si="6"/>
        <v>0.89085500000000017</v>
      </c>
      <c r="E180">
        <f t="shared" si="7"/>
        <v>26.67709200000013</v>
      </c>
      <c r="F180">
        <f t="shared" si="8"/>
        <v>2.7151783151190875E-2</v>
      </c>
    </row>
    <row r="181" spans="1:6" x14ac:dyDescent="0.2">
      <c r="A181">
        <v>1103.6069199999999</v>
      </c>
      <c r="B181">
        <v>19.935908000000001</v>
      </c>
      <c r="C181">
        <v>8.1362299999999994</v>
      </c>
      <c r="D181">
        <f t="shared" si="6"/>
        <v>0.89585899999999974</v>
      </c>
      <c r="E181">
        <f t="shared" si="7"/>
        <v>27.391703000000007</v>
      </c>
      <c r="F181">
        <f t="shared" si="8"/>
        <v>2.7705434022512444E-2</v>
      </c>
    </row>
    <row r="182" spans="1:6" x14ac:dyDescent="0.2">
      <c r="A182">
        <v>1104.2820710000001</v>
      </c>
      <c r="B182">
        <v>19.958259999999999</v>
      </c>
      <c r="C182">
        <v>8.141235</v>
      </c>
      <c r="D182">
        <f t="shared" si="6"/>
        <v>0.90086400000000033</v>
      </c>
      <c r="E182">
        <f t="shared" si="7"/>
        <v>28.066854000000149</v>
      </c>
      <c r="F182">
        <f t="shared" si="8"/>
        <v>2.8213338681134487E-2</v>
      </c>
    </row>
    <row r="183" spans="1:6" x14ac:dyDescent="0.2">
      <c r="A183">
        <v>1104.6295950000001</v>
      </c>
      <c r="B183">
        <v>19.976770999999999</v>
      </c>
      <c r="C183">
        <v>8.1462400000000006</v>
      </c>
      <c r="D183">
        <f t="shared" si="6"/>
        <v>0.90586900000000092</v>
      </c>
      <c r="E183">
        <f t="shared" si="7"/>
        <v>28.41437800000017</v>
      </c>
      <c r="F183">
        <f t="shared" si="8"/>
        <v>2.8395928977727389E-2</v>
      </c>
    </row>
    <row r="184" spans="1:6" x14ac:dyDescent="0.2">
      <c r="A184">
        <v>1105.037188</v>
      </c>
      <c r="B184">
        <v>19.988913</v>
      </c>
      <c r="C184">
        <v>8.1512449999999994</v>
      </c>
      <c r="D184">
        <f t="shared" si="6"/>
        <v>0.91087399999999974</v>
      </c>
      <c r="E184">
        <f t="shared" si="7"/>
        <v>28.821971000000076</v>
      </c>
      <c r="F184">
        <f t="shared" si="8"/>
        <v>2.8634425717367139E-2</v>
      </c>
    </row>
    <row r="185" spans="1:6" x14ac:dyDescent="0.2">
      <c r="A185">
        <v>1104.5899730000001</v>
      </c>
      <c r="B185">
        <v>20.031983</v>
      </c>
      <c r="C185">
        <v>8.15625</v>
      </c>
      <c r="D185">
        <f t="shared" si="6"/>
        <v>0.91587900000000033</v>
      </c>
      <c r="E185">
        <f t="shared" si="7"/>
        <v>28.374756000000161</v>
      </c>
      <c r="F185">
        <f t="shared" si="8"/>
        <v>2.804742128094154E-2</v>
      </c>
    </row>
    <row r="186" spans="1:6" x14ac:dyDescent="0.2">
      <c r="A186">
        <v>1104.4404750000001</v>
      </c>
      <c r="B186">
        <v>19.992865999999999</v>
      </c>
      <c r="C186">
        <v>8.1612539999999996</v>
      </c>
      <c r="D186">
        <f t="shared" si="6"/>
        <v>0.9208829999999999</v>
      </c>
      <c r="E186">
        <f t="shared" si="7"/>
        <v>28.225258000000167</v>
      </c>
      <c r="F186">
        <f t="shared" si="8"/>
        <v>2.7751799590345721E-2</v>
      </c>
    </row>
    <row r="187" spans="1:6" x14ac:dyDescent="0.2">
      <c r="A187">
        <v>1104.725727</v>
      </c>
      <c r="B187">
        <v>19.993017999999999</v>
      </c>
      <c r="C187">
        <v>8.1662590000000002</v>
      </c>
      <c r="D187">
        <f t="shared" si="6"/>
        <v>0.92588800000000049</v>
      </c>
      <c r="E187">
        <f t="shared" si="7"/>
        <v>28.510510000000068</v>
      </c>
      <c r="F187">
        <f t="shared" si="8"/>
        <v>2.7873535768023493E-2</v>
      </c>
    </row>
    <row r="188" spans="1:6" x14ac:dyDescent="0.2">
      <c r="A188">
        <v>1104.196717</v>
      </c>
      <c r="B188">
        <v>20.069095000000001</v>
      </c>
      <c r="C188">
        <v>8.1712640000000007</v>
      </c>
      <c r="D188">
        <f t="shared" si="6"/>
        <v>0.93089300000000108</v>
      </c>
      <c r="E188">
        <f t="shared" si="7"/>
        <v>27.981500000000096</v>
      </c>
      <c r="F188">
        <f t="shared" si="8"/>
        <v>2.7222297495462972E-2</v>
      </c>
    </row>
    <row r="189" spans="1:6" x14ac:dyDescent="0.2">
      <c r="A189">
        <v>1103.0628710000001</v>
      </c>
      <c r="B189">
        <v>20.053639</v>
      </c>
      <c r="C189">
        <v>8.1762689999999996</v>
      </c>
      <c r="D189">
        <f t="shared" si="6"/>
        <v>0.9358979999999999</v>
      </c>
      <c r="E189">
        <f t="shared" si="7"/>
        <v>26.847654000000148</v>
      </c>
      <c r="F189">
        <f t="shared" si="8"/>
        <v>2.6006239421737905E-2</v>
      </c>
    </row>
    <row r="190" spans="1:6" x14ac:dyDescent="0.2">
      <c r="A190">
        <v>1102.4059649999999</v>
      </c>
      <c r="B190">
        <v>20.055226999999999</v>
      </c>
      <c r="C190">
        <v>8.1812740000000002</v>
      </c>
      <c r="D190">
        <f t="shared" si="6"/>
        <v>0.94090300000000049</v>
      </c>
      <c r="E190">
        <f t="shared" si="7"/>
        <v>26.190747999999985</v>
      </c>
      <c r="F190">
        <f t="shared" si="8"/>
        <v>2.5250006495900226E-2</v>
      </c>
    </row>
    <row r="191" spans="1:6" x14ac:dyDescent="0.2">
      <c r="A191">
        <v>1101.6376439999999</v>
      </c>
      <c r="B191">
        <v>20.045718000000001</v>
      </c>
      <c r="C191">
        <v>8.1862779999999997</v>
      </c>
      <c r="D191">
        <f t="shared" si="6"/>
        <v>0.94590700000000005</v>
      </c>
      <c r="E191">
        <f t="shared" si="7"/>
        <v>25.422426999999971</v>
      </c>
      <c r="F191">
        <f t="shared" si="8"/>
        <v>2.4396627869436974E-2</v>
      </c>
    </row>
    <row r="192" spans="1:6" x14ac:dyDescent="0.2">
      <c r="A192">
        <v>1101.1125050000001</v>
      </c>
      <c r="B192">
        <v>20.030275</v>
      </c>
      <c r="C192">
        <v>8.1912830000000003</v>
      </c>
      <c r="D192">
        <f t="shared" si="6"/>
        <v>0.95091200000000065</v>
      </c>
      <c r="E192">
        <f t="shared" si="7"/>
        <v>24.897288000000117</v>
      </c>
      <c r="F192">
        <f t="shared" si="8"/>
        <v>2.3778257194579024E-2</v>
      </c>
    </row>
    <row r="193" spans="1:6" x14ac:dyDescent="0.2">
      <c r="A193">
        <v>1100.5189829999999</v>
      </c>
      <c r="B193">
        <v>20.038938000000002</v>
      </c>
      <c r="C193">
        <v>8.1962879999999991</v>
      </c>
      <c r="D193">
        <f t="shared" si="6"/>
        <v>0.95591699999999946</v>
      </c>
      <c r="E193">
        <f t="shared" si="7"/>
        <v>24.303765999999996</v>
      </c>
      <c r="F193">
        <f t="shared" si="8"/>
        <v>2.3102333651002744E-2</v>
      </c>
    </row>
    <row r="194" spans="1:6" x14ac:dyDescent="0.2">
      <c r="A194">
        <v>1100.3506640000001</v>
      </c>
      <c r="B194">
        <v>20.007006000000001</v>
      </c>
      <c r="C194">
        <v>8.2012929999999997</v>
      </c>
      <c r="D194">
        <f t="shared" si="6"/>
        <v>0.96092200000000005</v>
      </c>
      <c r="E194">
        <f t="shared" si="7"/>
        <v>24.135447000000113</v>
      </c>
      <c r="F194">
        <f t="shared" si="8"/>
        <v>2.2826330452817553E-2</v>
      </c>
    </row>
    <row r="195" spans="1:6" x14ac:dyDescent="0.2">
      <c r="A195">
        <v>1100.261113</v>
      </c>
      <c r="B195">
        <v>20.010428000000001</v>
      </c>
      <c r="C195">
        <v>8.2062980000000003</v>
      </c>
      <c r="D195">
        <f t="shared" ref="D195:D258" si="9">C195-$C$2</f>
        <v>0.96592700000000065</v>
      </c>
      <c r="E195">
        <f t="shared" ref="E195:E258" si="10">A195-$A$2</f>
        <v>24.045896000000084</v>
      </c>
      <c r="F195">
        <f t="shared" ref="F195:F258" si="11">(1/A195)*(E195/D195)</f>
        <v>2.262564115197321E-2</v>
      </c>
    </row>
    <row r="196" spans="1:6" x14ac:dyDescent="0.2">
      <c r="A196">
        <v>1100.0909630000001</v>
      </c>
      <c r="B196">
        <v>20.002079999999999</v>
      </c>
      <c r="C196">
        <v>8.2113019999999999</v>
      </c>
      <c r="D196">
        <f t="shared" si="9"/>
        <v>0.97093100000000021</v>
      </c>
      <c r="E196">
        <f t="shared" si="10"/>
        <v>23.875746000000163</v>
      </c>
      <c r="F196">
        <f t="shared" si="11"/>
        <v>2.2353214493003523E-2</v>
      </c>
    </row>
    <row r="197" spans="1:6" x14ac:dyDescent="0.2">
      <c r="A197">
        <v>1100.5067879999999</v>
      </c>
      <c r="B197">
        <v>19.950462000000002</v>
      </c>
      <c r="C197">
        <v>8.2163070000000005</v>
      </c>
      <c r="D197">
        <f t="shared" si="9"/>
        <v>0.9759360000000008</v>
      </c>
      <c r="E197">
        <f t="shared" si="10"/>
        <v>24.291570999999976</v>
      </c>
      <c r="F197">
        <f t="shared" si="11"/>
        <v>2.2617340620590034E-2</v>
      </c>
    </row>
    <row r="198" spans="1:6" x14ac:dyDescent="0.2">
      <c r="A198">
        <v>1101.800868</v>
      </c>
      <c r="B198">
        <v>19.901419000000001</v>
      </c>
      <c r="C198">
        <v>8.2213119999999993</v>
      </c>
      <c r="D198">
        <f t="shared" si="9"/>
        <v>0.98094099999999962</v>
      </c>
      <c r="E198">
        <f t="shared" si="10"/>
        <v>25.585651000000098</v>
      </c>
      <c r="F198">
        <f t="shared" si="11"/>
        <v>2.3672846088165611E-2</v>
      </c>
    </row>
    <row r="199" spans="1:6" x14ac:dyDescent="0.2">
      <c r="A199">
        <v>1102.7835480000001</v>
      </c>
      <c r="B199">
        <v>19.933602</v>
      </c>
      <c r="C199">
        <v>8.2263169999999999</v>
      </c>
      <c r="D199">
        <f t="shared" si="9"/>
        <v>0.98594600000000021</v>
      </c>
      <c r="E199">
        <f t="shared" si="10"/>
        <v>26.568331000000171</v>
      </c>
      <c r="F199">
        <f t="shared" si="11"/>
        <v>2.4435479488271981E-2</v>
      </c>
    </row>
    <row r="200" spans="1:6" x14ac:dyDescent="0.2">
      <c r="A200">
        <v>1103.812144</v>
      </c>
      <c r="B200">
        <v>19.910609000000001</v>
      </c>
      <c r="C200">
        <v>8.2313220000000005</v>
      </c>
      <c r="D200">
        <f t="shared" si="9"/>
        <v>0.9909510000000008</v>
      </c>
      <c r="E200">
        <f t="shared" si="10"/>
        <v>27.596927000000051</v>
      </c>
      <c r="F200">
        <f t="shared" si="11"/>
        <v>2.5229774954837924E-2</v>
      </c>
    </row>
    <row r="201" spans="1:6" x14ac:dyDescent="0.2">
      <c r="A201">
        <v>1104.775153</v>
      </c>
      <c r="B201">
        <v>19.935597000000001</v>
      </c>
      <c r="C201">
        <v>8.236326</v>
      </c>
      <c r="D201">
        <f t="shared" si="9"/>
        <v>0.99595500000000037</v>
      </c>
      <c r="E201">
        <f t="shared" si="10"/>
        <v>28.559936000000107</v>
      </c>
      <c r="F201">
        <f t="shared" si="11"/>
        <v>2.5956349633259629E-2</v>
      </c>
    </row>
    <row r="202" spans="1:6" x14ac:dyDescent="0.2">
      <c r="A202">
        <v>1105.834607</v>
      </c>
      <c r="B202">
        <v>19.934546999999998</v>
      </c>
      <c r="C202">
        <v>8.2413310000000006</v>
      </c>
      <c r="D202">
        <f t="shared" si="9"/>
        <v>1.000960000000001</v>
      </c>
      <c r="E202">
        <f t="shared" si="10"/>
        <v>29.619390000000067</v>
      </c>
      <c r="F202">
        <f t="shared" si="11"/>
        <v>2.6758958771354181E-2</v>
      </c>
    </row>
    <row r="203" spans="1:6" x14ac:dyDescent="0.2">
      <c r="A203">
        <v>1106.7169329999999</v>
      </c>
      <c r="B203">
        <v>19.941417999999999</v>
      </c>
      <c r="C203">
        <v>8.2463359999999994</v>
      </c>
      <c r="D203">
        <f t="shared" si="9"/>
        <v>1.0059649999999998</v>
      </c>
      <c r="E203">
        <f t="shared" si="10"/>
        <v>30.501715999999988</v>
      </c>
      <c r="F203">
        <f t="shared" si="11"/>
        <v>2.7397115931830932E-2</v>
      </c>
    </row>
    <row r="204" spans="1:6" x14ac:dyDescent="0.2">
      <c r="A204">
        <v>1107.4129680000001</v>
      </c>
      <c r="B204">
        <v>19.958752</v>
      </c>
      <c r="C204">
        <v>8.251341</v>
      </c>
      <c r="D204">
        <f t="shared" si="9"/>
        <v>1.0109700000000004</v>
      </c>
      <c r="E204">
        <f t="shared" si="10"/>
        <v>31.197751000000153</v>
      </c>
      <c r="F204">
        <f t="shared" si="11"/>
        <v>2.786605014587102E-2</v>
      </c>
    </row>
    <row r="205" spans="1:6" x14ac:dyDescent="0.2">
      <c r="A205">
        <v>1107.46225</v>
      </c>
      <c r="B205">
        <v>19.993583999999998</v>
      </c>
      <c r="C205">
        <v>8.2563460000000006</v>
      </c>
      <c r="D205">
        <f t="shared" si="9"/>
        <v>1.015975000000001</v>
      </c>
      <c r="E205">
        <f t="shared" si="10"/>
        <v>31.247033000000101</v>
      </c>
      <c r="F205">
        <f t="shared" si="11"/>
        <v>2.7771339857745228E-2</v>
      </c>
    </row>
    <row r="206" spans="1:6" x14ac:dyDescent="0.2">
      <c r="A206">
        <v>1107.839563</v>
      </c>
      <c r="B206">
        <v>19.988758000000001</v>
      </c>
      <c r="C206">
        <v>8.2613500000000002</v>
      </c>
      <c r="D206">
        <f t="shared" si="9"/>
        <v>1.0209790000000005</v>
      </c>
      <c r="E206">
        <f t="shared" si="10"/>
        <v>31.62434600000006</v>
      </c>
      <c r="F206">
        <f t="shared" si="11"/>
        <v>2.7959401651821935E-2</v>
      </c>
    </row>
    <row r="207" spans="1:6" x14ac:dyDescent="0.2">
      <c r="A207">
        <v>1107.8051889999999</v>
      </c>
      <c r="B207">
        <v>20.013665</v>
      </c>
      <c r="C207">
        <v>8.2663550000000008</v>
      </c>
      <c r="D207">
        <f t="shared" si="9"/>
        <v>1.0259840000000011</v>
      </c>
      <c r="E207">
        <f t="shared" si="10"/>
        <v>31.589971999999989</v>
      </c>
      <c r="F207">
        <f t="shared" si="11"/>
        <v>2.7793629109424688E-2</v>
      </c>
    </row>
    <row r="208" spans="1:6" x14ac:dyDescent="0.2">
      <c r="A208">
        <v>1107.068129</v>
      </c>
      <c r="B208">
        <v>20.061502000000001</v>
      </c>
      <c r="C208">
        <v>8.2713599999999996</v>
      </c>
      <c r="D208">
        <f t="shared" si="9"/>
        <v>1.0309889999999999</v>
      </c>
      <c r="E208">
        <f t="shared" si="10"/>
        <v>30.85291200000006</v>
      </c>
      <c r="F208">
        <f t="shared" si="11"/>
        <v>2.7031352789642603E-2</v>
      </c>
    </row>
    <row r="209" spans="1:6" x14ac:dyDescent="0.2">
      <c r="A209">
        <v>1106.095937</v>
      </c>
      <c r="B209">
        <v>20.045518000000001</v>
      </c>
      <c r="C209">
        <v>8.2763650000000002</v>
      </c>
      <c r="D209">
        <f t="shared" si="9"/>
        <v>1.0359940000000005</v>
      </c>
      <c r="E209">
        <f t="shared" si="10"/>
        <v>29.88072000000011</v>
      </c>
      <c r="F209">
        <f t="shared" si="11"/>
        <v>2.6076002903039505E-2</v>
      </c>
    </row>
    <row r="210" spans="1:6" x14ac:dyDescent="0.2">
      <c r="A210">
        <v>1105.0430240000001</v>
      </c>
      <c r="B210">
        <v>20.105363000000001</v>
      </c>
      <c r="C210">
        <v>8.2813700000000008</v>
      </c>
      <c r="D210">
        <f t="shared" si="9"/>
        <v>1.0409990000000011</v>
      </c>
      <c r="E210">
        <f t="shared" si="10"/>
        <v>28.827807000000121</v>
      </c>
      <c r="F210">
        <f t="shared" si="11"/>
        <v>2.5060059986593851E-2</v>
      </c>
    </row>
    <row r="211" spans="1:6" x14ac:dyDescent="0.2">
      <c r="A211">
        <v>1103.4886039999999</v>
      </c>
      <c r="B211">
        <v>20.090295999999999</v>
      </c>
      <c r="C211">
        <v>8.2863740000000004</v>
      </c>
      <c r="D211">
        <f t="shared" si="9"/>
        <v>1.0460030000000007</v>
      </c>
      <c r="E211">
        <f t="shared" si="10"/>
        <v>27.273386999999957</v>
      </c>
      <c r="F211">
        <f t="shared" si="11"/>
        <v>2.3628616436390686E-2</v>
      </c>
    </row>
    <row r="212" spans="1:6" x14ac:dyDescent="0.2">
      <c r="A212">
        <v>1102.034901</v>
      </c>
      <c r="B212">
        <v>20.112891999999999</v>
      </c>
      <c r="C212">
        <v>8.2913789999999992</v>
      </c>
      <c r="D212">
        <f t="shared" si="9"/>
        <v>1.0510079999999995</v>
      </c>
      <c r="E212">
        <f t="shared" si="10"/>
        <v>25.819684000000052</v>
      </c>
      <c r="F212">
        <f t="shared" si="11"/>
        <v>2.2292026584770818E-2</v>
      </c>
    </row>
    <row r="213" spans="1:6" x14ac:dyDescent="0.2">
      <c r="A213">
        <v>1100.766971</v>
      </c>
      <c r="B213">
        <v>20.056784</v>
      </c>
      <c r="C213">
        <v>8.2963839999999998</v>
      </c>
      <c r="D213">
        <f t="shared" si="9"/>
        <v>1.0560130000000001</v>
      </c>
      <c r="E213">
        <f t="shared" si="10"/>
        <v>24.551754000000074</v>
      </c>
      <c r="F213">
        <f t="shared" si="11"/>
        <v>2.112116500837033E-2</v>
      </c>
    </row>
    <row r="214" spans="1:6" x14ac:dyDescent="0.2">
      <c r="A214">
        <v>1100.090183</v>
      </c>
      <c r="B214">
        <v>20.057117999999999</v>
      </c>
      <c r="C214">
        <v>8.3013890000000004</v>
      </c>
      <c r="D214">
        <f t="shared" si="9"/>
        <v>1.0610180000000007</v>
      </c>
      <c r="E214">
        <f t="shared" si="10"/>
        <v>23.874966000000086</v>
      </c>
      <c r="F214">
        <f t="shared" si="11"/>
        <v>2.0454634376202364E-2</v>
      </c>
    </row>
    <row r="215" spans="1:6" x14ac:dyDescent="0.2">
      <c r="A215">
        <v>1099.4720139999999</v>
      </c>
      <c r="B215">
        <v>20.040106000000002</v>
      </c>
      <c r="C215">
        <v>8.3063939999999992</v>
      </c>
      <c r="D215">
        <f t="shared" si="9"/>
        <v>1.0660229999999995</v>
      </c>
      <c r="E215">
        <f t="shared" si="10"/>
        <v>23.256797000000006</v>
      </c>
      <c r="F215">
        <f t="shared" si="11"/>
        <v>1.9842626052174843E-2</v>
      </c>
    </row>
    <row r="216" spans="1:6" x14ac:dyDescent="0.2">
      <c r="A216">
        <v>1099.1489280000001</v>
      </c>
      <c r="B216">
        <v>20.010138000000001</v>
      </c>
      <c r="C216">
        <v>8.3113980000000005</v>
      </c>
      <c r="D216">
        <f t="shared" si="9"/>
        <v>1.0710270000000008</v>
      </c>
      <c r="E216">
        <f t="shared" si="10"/>
        <v>22.93371100000013</v>
      </c>
      <c r="F216">
        <f t="shared" si="11"/>
        <v>1.9481274933464833E-2</v>
      </c>
    </row>
    <row r="217" spans="1:6" x14ac:dyDescent="0.2">
      <c r="A217">
        <v>1099.092216</v>
      </c>
      <c r="B217">
        <v>19.991759999999999</v>
      </c>
      <c r="C217">
        <v>8.3164029999999993</v>
      </c>
      <c r="D217">
        <f t="shared" si="9"/>
        <v>1.0760319999999997</v>
      </c>
      <c r="E217">
        <f t="shared" si="10"/>
        <v>22.876999000000069</v>
      </c>
      <c r="F217">
        <f t="shared" si="11"/>
        <v>1.9343708284337371E-2</v>
      </c>
    </row>
    <row r="218" spans="1:6" x14ac:dyDescent="0.2">
      <c r="A218">
        <v>1099.6642449999999</v>
      </c>
      <c r="B218">
        <v>19.953733</v>
      </c>
      <c r="C218">
        <v>8.3214079999999999</v>
      </c>
      <c r="D218">
        <f t="shared" si="9"/>
        <v>1.0810370000000002</v>
      </c>
      <c r="E218">
        <f t="shared" si="10"/>
        <v>23.449027999999998</v>
      </c>
      <c r="F218">
        <f t="shared" si="11"/>
        <v>1.9725325669856443E-2</v>
      </c>
    </row>
    <row r="219" spans="1:6" x14ac:dyDescent="0.2">
      <c r="A219">
        <v>1100.302443</v>
      </c>
      <c r="B219">
        <v>19.950982</v>
      </c>
      <c r="C219">
        <v>8.3264130000000005</v>
      </c>
      <c r="D219">
        <f t="shared" si="9"/>
        <v>1.0860420000000008</v>
      </c>
      <c r="E219">
        <f t="shared" si="10"/>
        <v>24.087226000000101</v>
      </c>
      <c r="F219">
        <f t="shared" si="11"/>
        <v>2.015710181090926E-2</v>
      </c>
    </row>
    <row r="220" spans="1:6" x14ac:dyDescent="0.2">
      <c r="A220">
        <v>1100.6632549999999</v>
      </c>
      <c r="B220">
        <v>19.97024</v>
      </c>
      <c r="C220">
        <v>8.3314179999999993</v>
      </c>
      <c r="D220">
        <f t="shared" si="9"/>
        <v>1.0910469999999997</v>
      </c>
      <c r="E220">
        <f t="shared" si="10"/>
        <v>24.448037999999997</v>
      </c>
      <c r="F220">
        <f t="shared" si="11"/>
        <v>2.0358514441297267E-2</v>
      </c>
    </row>
    <row r="221" spans="1:6" x14ac:dyDescent="0.2">
      <c r="A221">
        <v>1101.2912530000001</v>
      </c>
      <c r="B221">
        <v>19.951637999999999</v>
      </c>
      <c r="C221">
        <v>8.3364220000000007</v>
      </c>
      <c r="D221">
        <f t="shared" si="9"/>
        <v>1.096051000000001</v>
      </c>
      <c r="E221">
        <f t="shared" si="10"/>
        <v>25.076036000000158</v>
      </c>
      <c r="F221">
        <f t="shared" si="11"/>
        <v>2.0774277671819608E-2</v>
      </c>
    </row>
    <row r="222" spans="1:6" x14ac:dyDescent="0.2">
      <c r="A222">
        <v>1102.41689</v>
      </c>
      <c r="B222">
        <v>19.901496999999999</v>
      </c>
      <c r="C222">
        <v>8.3414269999999995</v>
      </c>
      <c r="D222">
        <f t="shared" si="9"/>
        <v>1.1010559999999998</v>
      </c>
      <c r="E222">
        <f t="shared" si="10"/>
        <v>26.201673000000028</v>
      </c>
      <c r="F222">
        <f t="shared" si="11"/>
        <v>2.158607869645273E-2</v>
      </c>
    </row>
    <row r="223" spans="1:6" x14ac:dyDescent="0.2">
      <c r="A223">
        <v>1103.6472100000001</v>
      </c>
      <c r="B223">
        <v>19.917013000000001</v>
      </c>
      <c r="C223">
        <v>8.3464320000000001</v>
      </c>
      <c r="D223">
        <f t="shared" si="9"/>
        <v>1.1060610000000004</v>
      </c>
      <c r="E223">
        <f t="shared" si="10"/>
        <v>27.431993000000148</v>
      </c>
      <c r="F223">
        <f t="shared" si="11"/>
        <v>2.2472325268135807E-2</v>
      </c>
    </row>
    <row r="224" spans="1:6" x14ac:dyDescent="0.2">
      <c r="A224">
        <v>1104.7264009999999</v>
      </c>
      <c r="B224">
        <v>19.936485000000001</v>
      </c>
      <c r="C224">
        <v>8.3514370000000007</v>
      </c>
      <c r="D224">
        <f t="shared" si="9"/>
        <v>1.111066000000001</v>
      </c>
      <c r="E224">
        <f t="shared" si="10"/>
        <v>28.511183999999957</v>
      </c>
      <c r="F224">
        <f t="shared" si="11"/>
        <v>2.322847305697915E-2</v>
      </c>
    </row>
    <row r="225" spans="1:6" x14ac:dyDescent="0.2">
      <c r="A225">
        <v>1105.596444</v>
      </c>
      <c r="B225">
        <v>19.933866999999999</v>
      </c>
      <c r="C225">
        <v>8.3564419999999995</v>
      </c>
      <c r="D225">
        <f t="shared" si="9"/>
        <v>1.1160709999999998</v>
      </c>
      <c r="E225">
        <f t="shared" si="10"/>
        <v>29.381227000000081</v>
      </c>
      <c r="F225">
        <f t="shared" si="11"/>
        <v>2.3811210359705574E-2</v>
      </c>
    </row>
    <row r="226" spans="1:6" x14ac:dyDescent="0.2">
      <c r="A226">
        <v>1106.318334</v>
      </c>
      <c r="B226">
        <v>19.966201999999999</v>
      </c>
      <c r="C226">
        <v>8.3614460000000008</v>
      </c>
      <c r="D226">
        <f t="shared" si="9"/>
        <v>1.1210750000000012</v>
      </c>
      <c r="E226">
        <f t="shared" si="10"/>
        <v>30.103117000000111</v>
      </c>
      <c r="F226">
        <f t="shared" si="11"/>
        <v>2.4271504029156732E-2</v>
      </c>
    </row>
    <row r="227" spans="1:6" x14ac:dyDescent="0.2">
      <c r="A227">
        <v>1106.9265479999999</v>
      </c>
      <c r="B227">
        <v>19.945853</v>
      </c>
      <c r="C227">
        <v>8.3664509999999996</v>
      </c>
      <c r="D227">
        <f t="shared" si="9"/>
        <v>1.12608</v>
      </c>
      <c r="E227">
        <f t="shared" si="10"/>
        <v>30.711330999999973</v>
      </c>
      <c r="F227">
        <f t="shared" si="11"/>
        <v>2.4638291556296363E-2</v>
      </c>
    </row>
    <row r="228" spans="1:6" x14ac:dyDescent="0.2">
      <c r="A228">
        <v>1107.4806940000001</v>
      </c>
      <c r="B228">
        <v>19.973137999999999</v>
      </c>
      <c r="C228">
        <v>8.3714560000000002</v>
      </c>
      <c r="D228">
        <f t="shared" si="9"/>
        <v>1.1310850000000006</v>
      </c>
      <c r="E228">
        <f t="shared" si="10"/>
        <v>31.265477000000146</v>
      </c>
      <c r="F228">
        <f t="shared" si="11"/>
        <v>2.4959371872208355E-2</v>
      </c>
    </row>
    <row r="229" spans="1:6" x14ac:dyDescent="0.2">
      <c r="A229">
        <v>1107.617467</v>
      </c>
      <c r="B229">
        <v>19.980248</v>
      </c>
      <c r="C229">
        <v>8.3764610000000008</v>
      </c>
      <c r="D229">
        <f t="shared" si="9"/>
        <v>1.1360900000000012</v>
      </c>
      <c r="E229">
        <f t="shared" si="10"/>
        <v>31.402250000000095</v>
      </c>
      <c r="F229">
        <f t="shared" si="11"/>
        <v>2.4955037897679142E-2</v>
      </c>
    </row>
    <row r="230" spans="1:6" x14ac:dyDescent="0.2">
      <c r="A230">
        <v>1107.6993970000001</v>
      </c>
      <c r="B230">
        <v>19.990594000000002</v>
      </c>
      <c r="C230">
        <v>8.3814659999999996</v>
      </c>
      <c r="D230">
        <f t="shared" si="9"/>
        <v>1.141095</v>
      </c>
      <c r="E230">
        <f t="shared" si="10"/>
        <v>31.484180000000151</v>
      </c>
      <c r="F230">
        <f t="shared" si="11"/>
        <v>2.4908562517713718E-2</v>
      </c>
    </row>
    <row r="231" spans="1:6" x14ac:dyDescent="0.2">
      <c r="A231">
        <v>1107.73632</v>
      </c>
      <c r="B231">
        <v>20.007137</v>
      </c>
      <c r="C231">
        <v>8.3864699999999992</v>
      </c>
      <c r="D231">
        <f t="shared" si="9"/>
        <v>1.1460989999999995</v>
      </c>
      <c r="E231">
        <f t="shared" si="10"/>
        <v>31.521103000000039</v>
      </c>
      <c r="F231">
        <f t="shared" si="11"/>
        <v>2.4828065193957107E-2</v>
      </c>
    </row>
    <row r="232" spans="1:6" x14ac:dyDescent="0.2">
      <c r="A232">
        <v>1107.681433</v>
      </c>
      <c r="B232">
        <v>20.006862999999999</v>
      </c>
      <c r="C232">
        <v>8.3914749999999998</v>
      </c>
      <c r="D232">
        <f t="shared" si="9"/>
        <v>1.1511040000000001</v>
      </c>
      <c r="E232">
        <f t="shared" si="10"/>
        <v>31.466216000000031</v>
      </c>
      <c r="F232">
        <f t="shared" si="11"/>
        <v>2.4678290964195049E-2</v>
      </c>
    </row>
    <row r="233" spans="1:6" x14ac:dyDescent="0.2">
      <c r="A233">
        <v>1107.373572</v>
      </c>
      <c r="B233">
        <v>20.030308999999999</v>
      </c>
      <c r="C233">
        <v>8.3964800000000004</v>
      </c>
      <c r="D233">
        <f t="shared" si="9"/>
        <v>1.1561090000000007</v>
      </c>
      <c r="E233">
        <f t="shared" si="10"/>
        <v>31.158355000000029</v>
      </c>
      <c r="F233">
        <f t="shared" si="11"/>
        <v>2.433781493400667E-2</v>
      </c>
    </row>
    <row r="234" spans="1:6" x14ac:dyDescent="0.2">
      <c r="A234">
        <v>1106.815748</v>
      </c>
      <c r="B234">
        <v>20.054480999999999</v>
      </c>
      <c r="C234">
        <v>8.4014849999999992</v>
      </c>
      <c r="D234">
        <f t="shared" si="9"/>
        <v>1.1611139999999995</v>
      </c>
      <c r="E234">
        <f t="shared" si="10"/>
        <v>30.600531000000046</v>
      </c>
      <c r="F234">
        <f t="shared" si="11"/>
        <v>2.3811062304579741E-2</v>
      </c>
    </row>
    <row r="235" spans="1:6" x14ac:dyDescent="0.2">
      <c r="A235">
        <v>1106.0422249999999</v>
      </c>
      <c r="B235">
        <v>20.038385999999999</v>
      </c>
      <c r="C235">
        <v>8.4064899999999998</v>
      </c>
      <c r="D235">
        <f t="shared" si="9"/>
        <v>1.1661190000000001</v>
      </c>
      <c r="E235">
        <f t="shared" si="10"/>
        <v>29.827007999999978</v>
      </c>
      <c r="F235">
        <f t="shared" si="11"/>
        <v>2.3125711957038074E-2</v>
      </c>
    </row>
    <row r="236" spans="1:6" x14ac:dyDescent="0.2">
      <c r="A236">
        <v>1105.155884</v>
      </c>
      <c r="B236">
        <v>20.060074</v>
      </c>
      <c r="C236">
        <v>8.4114939999999994</v>
      </c>
      <c r="D236">
        <f t="shared" si="9"/>
        <v>1.1711229999999997</v>
      </c>
      <c r="E236">
        <f t="shared" si="10"/>
        <v>28.940667000000076</v>
      </c>
      <c r="F236">
        <f t="shared" si="11"/>
        <v>2.2360550203509934E-2</v>
      </c>
    </row>
    <row r="237" spans="1:6" x14ac:dyDescent="0.2">
      <c r="A237">
        <v>1104.344085</v>
      </c>
      <c r="B237">
        <v>20.035974</v>
      </c>
      <c r="C237">
        <v>8.416499</v>
      </c>
      <c r="D237">
        <f t="shared" si="9"/>
        <v>1.1761280000000003</v>
      </c>
      <c r="E237">
        <f t="shared" si="10"/>
        <v>28.128868000000011</v>
      </c>
      <c r="F237">
        <f t="shared" si="11"/>
        <v>2.1656748662230153E-2</v>
      </c>
    </row>
    <row r="238" spans="1:6" x14ac:dyDescent="0.2">
      <c r="A238">
        <v>1103.7830349999999</v>
      </c>
      <c r="B238">
        <v>20.051117000000001</v>
      </c>
      <c r="C238">
        <v>8.4215040000000005</v>
      </c>
      <c r="D238">
        <f t="shared" si="9"/>
        <v>1.1811330000000009</v>
      </c>
      <c r="E238">
        <f t="shared" si="10"/>
        <v>27.567817999999988</v>
      </c>
      <c r="F238">
        <f t="shared" si="11"/>
        <v>2.1145593282213073E-2</v>
      </c>
    </row>
    <row r="239" spans="1:6" x14ac:dyDescent="0.2">
      <c r="A239">
        <v>1103.232667</v>
      </c>
      <c r="B239">
        <v>20.046365000000002</v>
      </c>
      <c r="C239">
        <v>8.4265089999999994</v>
      </c>
      <c r="D239">
        <f t="shared" si="9"/>
        <v>1.1861379999999997</v>
      </c>
      <c r="E239">
        <f t="shared" si="10"/>
        <v>27.017450000000053</v>
      </c>
      <c r="F239">
        <f t="shared" si="11"/>
        <v>2.0646290036986814E-2</v>
      </c>
    </row>
    <row r="240" spans="1:6" x14ac:dyDescent="0.2">
      <c r="A240">
        <v>1101.902642</v>
      </c>
      <c r="B240">
        <v>20.097732000000001</v>
      </c>
      <c r="C240">
        <v>8.431514</v>
      </c>
      <c r="D240">
        <f t="shared" si="9"/>
        <v>1.1911430000000003</v>
      </c>
      <c r="E240">
        <f t="shared" si="10"/>
        <v>25.687425000000076</v>
      </c>
      <c r="F240">
        <f t="shared" si="11"/>
        <v>1.9571019244168871E-2</v>
      </c>
    </row>
    <row r="241" spans="1:6" x14ac:dyDescent="0.2">
      <c r="A241">
        <v>1100.7904000000001</v>
      </c>
      <c r="B241">
        <v>20.064475999999999</v>
      </c>
      <c r="C241">
        <v>8.4365179999999995</v>
      </c>
      <c r="D241">
        <f t="shared" si="9"/>
        <v>1.1961469999999998</v>
      </c>
      <c r="E241">
        <f t="shared" si="10"/>
        <v>24.575183000000152</v>
      </c>
      <c r="F241">
        <f t="shared" si="11"/>
        <v>1.8664122305128115E-2</v>
      </c>
    </row>
    <row r="242" spans="1:6" x14ac:dyDescent="0.2">
      <c r="A242">
        <v>1100.12006</v>
      </c>
      <c r="B242">
        <v>20.045173999999999</v>
      </c>
      <c r="C242">
        <v>8.4415230000000001</v>
      </c>
      <c r="D242">
        <f t="shared" si="9"/>
        <v>1.2011520000000004</v>
      </c>
      <c r="E242">
        <f t="shared" si="10"/>
        <v>23.904843000000028</v>
      </c>
      <c r="F242">
        <f t="shared" si="11"/>
        <v>1.8090386395564664E-2</v>
      </c>
    </row>
    <row r="243" spans="1:6" x14ac:dyDescent="0.2">
      <c r="A243">
        <v>1099.5782859999999</v>
      </c>
      <c r="B243">
        <v>20.028908000000001</v>
      </c>
      <c r="C243">
        <v>8.4465280000000007</v>
      </c>
      <c r="D243">
        <f t="shared" si="9"/>
        <v>1.206157000000001</v>
      </c>
      <c r="E243">
        <f t="shared" si="10"/>
        <v>23.363068999999996</v>
      </c>
      <c r="F243">
        <f t="shared" si="11"/>
        <v>1.7615699572049927E-2</v>
      </c>
    </row>
    <row r="244" spans="1:6" x14ac:dyDescent="0.2">
      <c r="A244">
        <v>1099.867542</v>
      </c>
      <c r="B244">
        <v>19.962826</v>
      </c>
      <c r="C244">
        <v>8.4515329999999995</v>
      </c>
      <c r="D244">
        <f t="shared" si="9"/>
        <v>1.2111619999999998</v>
      </c>
      <c r="E244">
        <f t="shared" si="10"/>
        <v>23.652325000000019</v>
      </c>
      <c r="F244">
        <f t="shared" si="11"/>
        <v>1.7755430862691039E-2</v>
      </c>
    </row>
    <row r="245" spans="1:6" x14ac:dyDescent="0.2">
      <c r="A245">
        <v>1100.4948509999999</v>
      </c>
      <c r="B245">
        <v>19.944386000000002</v>
      </c>
      <c r="C245">
        <v>8.4565380000000001</v>
      </c>
      <c r="D245">
        <f t="shared" si="9"/>
        <v>1.2161670000000004</v>
      </c>
      <c r="E245">
        <f t="shared" si="10"/>
        <v>24.279633999999987</v>
      </c>
      <c r="F245">
        <f t="shared" si="11"/>
        <v>1.8140986741686044E-2</v>
      </c>
    </row>
    <row r="246" spans="1:6" x14ac:dyDescent="0.2">
      <c r="A246">
        <v>1101.167301</v>
      </c>
      <c r="B246">
        <v>19.944752999999999</v>
      </c>
      <c r="C246">
        <v>8.4615419999999997</v>
      </c>
      <c r="D246">
        <f t="shared" si="9"/>
        <v>1.221171</v>
      </c>
      <c r="E246">
        <f t="shared" si="10"/>
        <v>24.952084000000013</v>
      </c>
      <c r="F246">
        <f t="shared" si="11"/>
        <v>1.8555686861533527E-2</v>
      </c>
    </row>
    <row r="247" spans="1:6" x14ac:dyDescent="0.2">
      <c r="A247">
        <v>1102.054142</v>
      </c>
      <c r="B247">
        <v>19.917608999999999</v>
      </c>
      <c r="C247">
        <v>8.4665470000000003</v>
      </c>
      <c r="D247">
        <f t="shared" si="9"/>
        <v>1.2261760000000006</v>
      </c>
      <c r="E247">
        <f t="shared" si="10"/>
        <v>25.838925000000017</v>
      </c>
      <c r="F247">
        <f t="shared" si="11"/>
        <v>1.9121356508331116E-2</v>
      </c>
    </row>
    <row r="248" spans="1:6" x14ac:dyDescent="0.2">
      <c r="A248">
        <v>1103.3511490000001</v>
      </c>
      <c r="B248">
        <v>19.918087</v>
      </c>
      <c r="C248">
        <v>8.4715520000000009</v>
      </c>
      <c r="D248">
        <f t="shared" si="9"/>
        <v>1.2311810000000012</v>
      </c>
      <c r="E248">
        <f t="shared" si="10"/>
        <v>27.135932000000139</v>
      </c>
      <c r="F248">
        <f t="shared" si="11"/>
        <v>1.9976025603007104E-2</v>
      </c>
    </row>
    <row r="249" spans="1:6" x14ac:dyDescent="0.2">
      <c r="A249">
        <v>1104.3603619999999</v>
      </c>
      <c r="B249">
        <v>19.930146000000001</v>
      </c>
      <c r="C249">
        <v>8.4765569999999997</v>
      </c>
      <c r="D249">
        <f t="shared" si="9"/>
        <v>1.236186</v>
      </c>
      <c r="E249">
        <f t="shared" si="10"/>
        <v>28.145144999999957</v>
      </c>
      <c r="F249">
        <f t="shared" si="11"/>
        <v>2.0616211414985222E-2</v>
      </c>
    </row>
    <row r="250" spans="1:6" x14ac:dyDescent="0.2">
      <c r="A250">
        <v>1105.7181430000001</v>
      </c>
      <c r="B250">
        <v>19.918310000000002</v>
      </c>
      <c r="C250">
        <v>8.4815620000000003</v>
      </c>
      <c r="D250">
        <f t="shared" si="9"/>
        <v>1.2411910000000006</v>
      </c>
      <c r="E250">
        <f t="shared" si="10"/>
        <v>29.502926000000116</v>
      </c>
      <c r="F250">
        <f t="shared" si="11"/>
        <v>2.1497206905189144E-2</v>
      </c>
    </row>
    <row r="251" spans="1:6" x14ac:dyDescent="0.2">
      <c r="A251">
        <v>1106.576613</v>
      </c>
      <c r="B251">
        <v>19.937664000000002</v>
      </c>
      <c r="C251">
        <v>8.4865659999999998</v>
      </c>
      <c r="D251">
        <f t="shared" si="9"/>
        <v>1.2461950000000002</v>
      </c>
      <c r="E251">
        <f t="shared" si="10"/>
        <v>30.361396000000013</v>
      </c>
      <c r="F251">
        <f t="shared" si="11"/>
        <v>2.2016802392081328E-2</v>
      </c>
    </row>
    <row r="252" spans="1:6" x14ac:dyDescent="0.2">
      <c r="A252">
        <v>1107.328485</v>
      </c>
      <c r="B252">
        <v>19.948212999999999</v>
      </c>
      <c r="C252">
        <v>8.4915710000000004</v>
      </c>
      <c r="D252">
        <f t="shared" si="9"/>
        <v>1.2512000000000008</v>
      </c>
      <c r="E252">
        <f t="shared" si="10"/>
        <v>31.113268000000062</v>
      </c>
      <c r="F252">
        <f t="shared" si="11"/>
        <v>2.2456518245681869E-2</v>
      </c>
    </row>
    <row r="253" spans="1:6" x14ac:dyDescent="0.2">
      <c r="A253">
        <v>1108.0656220000001</v>
      </c>
      <c r="B253">
        <v>19.945971</v>
      </c>
      <c r="C253">
        <v>8.4965759999999992</v>
      </c>
      <c r="D253">
        <f t="shared" si="9"/>
        <v>1.2562049999999996</v>
      </c>
      <c r="E253">
        <f t="shared" si="10"/>
        <v>31.850405000000137</v>
      </c>
      <c r="F253">
        <f t="shared" si="11"/>
        <v>2.2881735463251535E-2</v>
      </c>
    </row>
    <row r="254" spans="1:6" x14ac:dyDescent="0.2">
      <c r="A254">
        <v>1108.4690330000001</v>
      </c>
      <c r="B254">
        <v>19.977143000000002</v>
      </c>
      <c r="C254">
        <v>8.5015809999999998</v>
      </c>
      <c r="D254">
        <f t="shared" si="9"/>
        <v>1.2612100000000002</v>
      </c>
      <c r="E254">
        <f t="shared" si="10"/>
        <v>32.253816000000143</v>
      </c>
      <c r="F254">
        <f t="shared" si="11"/>
        <v>2.307119732460074E-2</v>
      </c>
    </row>
    <row r="255" spans="1:6" x14ac:dyDescent="0.2">
      <c r="A255">
        <v>1108.6907209999999</v>
      </c>
      <c r="B255">
        <v>20.003008999999999</v>
      </c>
      <c r="C255">
        <v>8.5065860000000004</v>
      </c>
      <c r="D255">
        <f t="shared" si="9"/>
        <v>1.2662150000000008</v>
      </c>
      <c r="E255">
        <f t="shared" si="10"/>
        <v>32.475504000000001</v>
      </c>
      <c r="F255">
        <f t="shared" si="11"/>
        <v>2.3133323598707234E-2</v>
      </c>
    </row>
    <row r="256" spans="1:6" x14ac:dyDescent="0.2">
      <c r="A256">
        <v>1108.283042</v>
      </c>
      <c r="B256">
        <v>20.022722000000002</v>
      </c>
      <c r="C256">
        <v>8.51159</v>
      </c>
      <c r="D256">
        <f t="shared" si="9"/>
        <v>1.2712190000000003</v>
      </c>
      <c r="E256">
        <f t="shared" si="10"/>
        <v>32.067825000000084</v>
      </c>
      <c r="F256">
        <f t="shared" si="11"/>
        <v>2.2761372249666859E-2</v>
      </c>
    </row>
    <row r="257" spans="1:6" x14ac:dyDescent="0.2">
      <c r="A257">
        <v>1107.7981010000001</v>
      </c>
      <c r="B257">
        <v>20.034320000000001</v>
      </c>
      <c r="C257">
        <v>8.5165950000000006</v>
      </c>
      <c r="D257">
        <f t="shared" si="9"/>
        <v>1.2762240000000009</v>
      </c>
      <c r="E257">
        <f t="shared" si="10"/>
        <v>31.582884000000149</v>
      </c>
      <c r="F257">
        <f t="shared" si="11"/>
        <v>2.2339027429770359E-2</v>
      </c>
    </row>
    <row r="258" spans="1:6" x14ac:dyDescent="0.2">
      <c r="A258">
        <v>1107.506443</v>
      </c>
      <c r="B258">
        <v>20.034787999999999</v>
      </c>
      <c r="C258">
        <v>8.5215999999999994</v>
      </c>
      <c r="D258">
        <f t="shared" si="9"/>
        <v>1.2812289999999997</v>
      </c>
      <c r="E258">
        <f t="shared" si="10"/>
        <v>31.291226000000051</v>
      </c>
      <c r="F258">
        <f t="shared" si="11"/>
        <v>2.2052079916133911E-2</v>
      </c>
    </row>
    <row r="259" spans="1:6" x14ac:dyDescent="0.2">
      <c r="A259">
        <v>1106.6887489999999</v>
      </c>
      <c r="B259">
        <v>20.045271</v>
      </c>
      <c r="C259">
        <v>8.526605</v>
      </c>
      <c r="D259">
        <f t="shared" ref="D259:D322" si="12">C259-$C$2</f>
        <v>1.2862340000000003</v>
      </c>
      <c r="E259">
        <f t="shared" ref="E259:E322" si="13">A259-$A$2</f>
        <v>30.473531999999977</v>
      </c>
      <c r="F259">
        <f t="shared" ref="F259:F322" si="14">(1/A259)*(E259/D259)</f>
        <v>2.1408060002970259E-2</v>
      </c>
    </row>
    <row r="260" spans="1:6" x14ac:dyDescent="0.2">
      <c r="A260">
        <v>1106.2725170000001</v>
      </c>
      <c r="B260">
        <v>20.02111</v>
      </c>
      <c r="C260">
        <v>8.5316100000000006</v>
      </c>
      <c r="D260">
        <f t="shared" si="12"/>
        <v>1.2912390000000009</v>
      </c>
      <c r="E260">
        <f t="shared" si="13"/>
        <v>30.057300000000168</v>
      </c>
      <c r="F260">
        <f t="shared" si="14"/>
        <v>2.1041718576155007E-2</v>
      </c>
    </row>
    <row r="261" spans="1:6" x14ac:dyDescent="0.2">
      <c r="A261">
        <v>1106.2442759999999</v>
      </c>
      <c r="B261">
        <v>19.994451000000002</v>
      </c>
      <c r="C261">
        <v>8.5366140000000001</v>
      </c>
      <c r="D261">
        <f t="shared" si="12"/>
        <v>1.2962430000000005</v>
      </c>
      <c r="E261">
        <f t="shared" si="13"/>
        <v>30.029058999999961</v>
      </c>
      <c r="F261">
        <f t="shared" si="14"/>
        <v>2.0941330094232723E-2</v>
      </c>
    </row>
    <row r="262" spans="1:6" x14ac:dyDescent="0.2">
      <c r="A262">
        <v>1106.2755529999999</v>
      </c>
      <c r="B262">
        <v>19.985711999999999</v>
      </c>
      <c r="C262">
        <v>8.5416190000000007</v>
      </c>
      <c r="D262">
        <f t="shared" si="12"/>
        <v>1.3012480000000011</v>
      </c>
      <c r="E262">
        <f t="shared" si="13"/>
        <v>30.060336000000007</v>
      </c>
      <c r="F262">
        <f t="shared" si="14"/>
        <v>2.0881920611937815E-2</v>
      </c>
    </row>
    <row r="263" spans="1:6" x14ac:dyDescent="0.2">
      <c r="A263">
        <v>1106.310215</v>
      </c>
      <c r="B263">
        <v>20.000968</v>
      </c>
      <c r="C263">
        <v>8.5466239999999996</v>
      </c>
      <c r="D263">
        <f t="shared" si="12"/>
        <v>1.3062529999999999</v>
      </c>
      <c r="E263">
        <f t="shared" si="13"/>
        <v>30.094998000000032</v>
      </c>
      <c r="F263">
        <f t="shared" si="14"/>
        <v>2.0825243854149009E-2</v>
      </c>
    </row>
    <row r="264" spans="1:6" x14ac:dyDescent="0.2">
      <c r="A264">
        <v>1106.721059</v>
      </c>
      <c r="B264">
        <v>19.972881000000001</v>
      </c>
      <c r="C264">
        <v>8.5516290000000001</v>
      </c>
      <c r="D264">
        <f t="shared" si="12"/>
        <v>1.3112580000000005</v>
      </c>
      <c r="E264">
        <f t="shared" si="13"/>
        <v>30.50584200000003</v>
      </c>
      <c r="F264">
        <f t="shared" si="14"/>
        <v>2.1021160678604392E-2</v>
      </c>
    </row>
    <row r="265" spans="1:6" x14ac:dyDescent="0.2">
      <c r="A265">
        <v>1106.7285790000001</v>
      </c>
      <c r="B265">
        <v>20.015813000000001</v>
      </c>
      <c r="C265">
        <v>8.5566340000000007</v>
      </c>
      <c r="D265">
        <f t="shared" si="12"/>
        <v>1.3162630000000011</v>
      </c>
      <c r="E265">
        <f t="shared" si="13"/>
        <v>30.513362000000143</v>
      </c>
      <c r="F265">
        <f t="shared" si="14"/>
        <v>2.0946249052574452E-2</v>
      </c>
    </row>
    <row r="266" spans="1:6" x14ac:dyDescent="0.2">
      <c r="A266">
        <v>1106.5945389999999</v>
      </c>
      <c r="B266">
        <v>20.015581999999998</v>
      </c>
      <c r="C266">
        <v>8.5616380000000003</v>
      </c>
      <c r="D266">
        <f t="shared" si="12"/>
        <v>1.3212670000000006</v>
      </c>
      <c r="E266">
        <f t="shared" si="13"/>
        <v>30.379322000000002</v>
      </c>
      <c r="F266">
        <f t="shared" si="14"/>
        <v>2.0777771520119066E-2</v>
      </c>
    </row>
    <row r="267" spans="1:6" x14ac:dyDescent="0.2">
      <c r="A267">
        <v>1106.046417</v>
      </c>
      <c r="B267">
        <v>20.017786999999998</v>
      </c>
      <c r="C267">
        <v>8.5666429999999991</v>
      </c>
      <c r="D267">
        <f t="shared" si="12"/>
        <v>1.3262719999999995</v>
      </c>
      <c r="E267">
        <f t="shared" si="13"/>
        <v>29.831200000000081</v>
      </c>
      <c r="F267">
        <f t="shared" si="14"/>
        <v>2.0335964243691215E-2</v>
      </c>
    </row>
    <row r="268" spans="1:6" x14ac:dyDescent="0.2">
      <c r="A268">
        <v>1105.8982060000001</v>
      </c>
      <c r="B268">
        <v>20.015224</v>
      </c>
      <c r="C268">
        <v>8.5716479999999997</v>
      </c>
      <c r="D268">
        <f t="shared" si="12"/>
        <v>1.331277</v>
      </c>
      <c r="E268">
        <f t="shared" si="13"/>
        <v>29.682989000000134</v>
      </c>
      <c r="F268">
        <f t="shared" si="14"/>
        <v>2.0161556104063557E-2</v>
      </c>
    </row>
    <row r="269" spans="1:6" x14ac:dyDescent="0.2">
      <c r="A269">
        <v>1105.563216</v>
      </c>
      <c r="B269">
        <v>20.021798</v>
      </c>
      <c r="C269">
        <v>8.5766530000000003</v>
      </c>
      <c r="D269">
        <f t="shared" si="12"/>
        <v>1.3362820000000006</v>
      </c>
      <c r="E269">
        <f t="shared" si="13"/>
        <v>29.347999000000073</v>
      </c>
      <c r="F269">
        <f t="shared" si="14"/>
        <v>1.9865376325545293E-2</v>
      </c>
    </row>
    <row r="270" spans="1:6" x14ac:dyDescent="0.2">
      <c r="A270">
        <v>1105.2684400000001</v>
      </c>
      <c r="B270">
        <v>20.009156000000001</v>
      </c>
      <c r="C270">
        <v>8.5816579999999991</v>
      </c>
      <c r="D270">
        <f t="shared" si="12"/>
        <v>1.3412869999999995</v>
      </c>
      <c r="E270">
        <f t="shared" si="13"/>
        <v>29.053223000000116</v>
      </c>
      <c r="F270">
        <f t="shared" si="14"/>
        <v>1.9597687712111823E-2</v>
      </c>
    </row>
    <row r="271" spans="1:6" x14ac:dyDescent="0.2">
      <c r="A271">
        <v>1105.4148520000001</v>
      </c>
      <c r="B271">
        <v>19.980630000000001</v>
      </c>
      <c r="C271">
        <v>8.5866620000000005</v>
      </c>
      <c r="D271">
        <f t="shared" si="12"/>
        <v>1.3462910000000008</v>
      </c>
      <c r="E271">
        <f t="shared" si="13"/>
        <v>29.199635000000171</v>
      </c>
      <c r="F271">
        <f t="shared" si="14"/>
        <v>1.9620640699198496E-2</v>
      </c>
    </row>
    <row r="272" spans="1:6" x14ac:dyDescent="0.2">
      <c r="A272">
        <v>1105.6285869999999</v>
      </c>
      <c r="B272">
        <v>19.998184999999999</v>
      </c>
      <c r="C272">
        <v>8.5916669999999993</v>
      </c>
      <c r="D272">
        <f t="shared" si="12"/>
        <v>1.3512959999999996</v>
      </c>
      <c r="E272">
        <f t="shared" si="13"/>
        <v>29.413369999999986</v>
      </c>
      <c r="F272">
        <f t="shared" si="14"/>
        <v>1.968724906669644E-2</v>
      </c>
    </row>
    <row r="273" spans="1:6" x14ac:dyDescent="0.2">
      <c r="A273">
        <v>1105.4723770000001</v>
      </c>
      <c r="B273">
        <v>20.005438000000002</v>
      </c>
      <c r="C273">
        <v>8.5966719999999999</v>
      </c>
      <c r="D273">
        <f t="shared" si="12"/>
        <v>1.3563010000000002</v>
      </c>
      <c r="E273">
        <f t="shared" si="13"/>
        <v>29.257160000000113</v>
      </c>
      <c r="F273">
        <f t="shared" si="14"/>
        <v>1.9513186243279638E-2</v>
      </c>
    </row>
    <row r="274" spans="1:6" x14ac:dyDescent="0.2">
      <c r="A274">
        <v>1105.833036</v>
      </c>
      <c r="B274">
        <v>19.967894999999999</v>
      </c>
      <c r="C274">
        <v>8.6016770000000005</v>
      </c>
      <c r="D274">
        <f t="shared" si="12"/>
        <v>1.3613060000000008</v>
      </c>
      <c r="E274">
        <f t="shared" si="13"/>
        <v>29.617819000000054</v>
      </c>
      <c r="F274">
        <f t="shared" si="14"/>
        <v>1.967468355746789E-2</v>
      </c>
    </row>
    <row r="275" spans="1:6" x14ac:dyDescent="0.2">
      <c r="A275">
        <v>1105.940237</v>
      </c>
      <c r="B275">
        <v>19.990283000000002</v>
      </c>
      <c r="C275">
        <v>8.6066819999999993</v>
      </c>
      <c r="D275">
        <f t="shared" si="12"/>
        <v>1.3663109999999996</v>
      </c>
      <c r="E275">
        <f t="shared" si="13"/>
        <v>29.725020000000086</v>
      </c>
      <c r="F275">
        <f t="shared" si="14"/>
        <v>1.9671656467886683E-2</v>
      </c>
    </row>
    <row r="276" spans="1:6" x14ac:dyDescent="0.2">
      <c r="A276">
        <v>1105.8816870000001</v>
      </c>
      <c r="B276">
        <v>19.998034000000001</v>
      </c>
      <c r="C276">
        <v>8.6116860000000006</v>
      </c>
      <c r="D276">
        <f t="shared" si="12"/>
        <v>1.3713150000000009</v>
      </c>
      <c r="E276">
        <f t="shared" si="13"/>
        <v>29.666470000000118</v>
      </c>
      <c r="F276">
        <f t="shared" si="14"/>
        <v>1.956230293697931E-2</v>
      </c>
    </row>
    <row r="277" spans="1:6" x14ac:dyDescent="0.2">
      <c r="A277">
        <v>1105.798601</v>
      </c>
      <c r="B277">
        <v>20.014766999999999</v>
      </c>
      <c r="C277">
        <v>8.6166909999999994</v>
      </c>
      <c r="D277">
        <f t="shared" si="12"/>
        <v>1.3763199999999998</v>
      </c>
      <c r="E277">
        <f t="shared" si="13"/>
        <v>29.583384000000024</v>
      </c>
      <c r="F277">
        <f t="shared" si="14"/>
        <v>1.9438036521975927E-2</v>
      </c>
    </row>
    <row r="278" spans="1:6" x14ac:dyDescent="0.2">
      <c r="A278">
        <v>1106.0714330000001</v>
      </c>
      <c r="B278">
        <v>19.981532000000001</v>
      </c>
      <c r="C278">
        <v>8.621696</v>
      </c>
      <c r="D278">
        <f t="shared" si="12"/>
        <v>1.3813250000000004</v>
      </c>
      <c r="E278">
        <f t="shared" si="13"/>
        <v>29.856216000000131</v>
      </c>
      <c r="F278">
        <f t="shared" si="14"/>
        <v>1.9541401878896757E-2</v>
      </c>
    </row>
    <row r="279" spans="1:6" x14ac:dyDescent="0.2">
      <c r="A279">
        <v>1106.342038</v>
      </c>
      <c r="B279">
        <v>19.972923999999999</v>
      </c>
      <c r="C279">
        <v>8.6267010000000006</v>
      </c>
      <c r="D279">
        <f t="shared" si="12"/>
        <v>1.386330000000001</v>
      </c>
      <c r="E279">
        <f t="shared" si="13"/>
        <v>30.126821000000064</v>
      </c>
      <c r="F279">
        <f t="shared" si="14"/>
        <v>1.9642523027149941E-2</v>
      </c>
    </row>
    <row r="280" spans="1:6" x14ac:dyDescent="0.2">
      <c r="A280">
        <v>1106.5763589999999</v>
      </c>
      <c r="B280">
        <v>19.985924000000001</v>
      </c>
      <c r="C280">
        <v>8.6317059999999994</v>
      </c>
      <c r="D280">
        <f t="shared" si="12"/>
        <v>1.3913349999999998</v>
      </c>
      <c r="E280">
        <f t="shared" si="13"/>
        <v>30.361141999999973</v>
      </c>
      <c r="F280">
        <f t="shared" si="14"/>
        <v>1.9719913477379895E-2</v>
      </c>
    </row>
    <row r="281" spans="1:6" x14ac:dyDescent="0.2">
      <c r="A281">
        <v>1106.633124</v>
      </c>
      <c r="B281">
        <v>19.980999000000001</v>
      </c>
      <c r="C281">
        <v>8.6367100000000008</v>
      </c>
      <c r="D281">
        <f t="shared" si="12"/>
        <v>1.3963390000000011</v>
      </c>
      <c r="E281">
        <f t="shared" si="13"/>
        <v>30.417907000000014</v>
      </c>
      <c r="F281">
        <f t="shared" si="14"/>
        <v>1.9684971672337789E-2</v>
      </c>
    </row>
    <row r="282" spans="1:6" x14ac:dyDescent="0.2">
      <c r="A282">
        <v>1107.0755819999999</v>
      </c>
      <c r="B282">
        <v>19.987517</v>
      </c>
      <c r="C282">
        <v>8.6417149999999996</v>
      </c>
      <c r="D282">
        <f t="shared" si="12"/>
        <v>1.4013439999999999</v>
      </c>
      <c r="E282">
        <f t="shared" si="13"/>
        <v>30.860365000000002</v>
      </c>
      <c r="F282">
        <f t="shared" si="14"/>
        <v>1.9892026450145105E-2</v>
      </c>
    </row>
    <row r="283" spans="1:6" x14ac:dyDescent="0.2">
      <c r="A283">
        <v>1107.306515</v>
      </c>
      <c r="B283">
        <v>19.977962000000002</v>
      </c>
      <c r="C283">
        <v>8.6467200000000002</v>
      </c>
      <c r="D283">
        <f t="shared" si="12"/>
        <v>1.4063490000000005</v>
      </c>
      <c r="E283">
        <f t="shared" si="13"/>
        <v>31.091298000000052</v>
      </c>
      <c r="F283">
        <f t="shared" si="14"/>
        <v>1.9965394204121422E-2</v>
      </c>
    </row>
    <row r="284" spans="1:6" x14ac:dyDescent="0.2">
      <c r="A284">
        <v>1107.4304059999999</v>
      </c>
      <c r="B284">
        <v>19.979323999999998</v>
      </c>
      <c r="C284">
        <v>8.6517250000000008</v>
      </c>
      <c r="D284">
        <f t="shared" si="12"/>
        <v>1.4113540000000011</v>
      </c>
      <c r="E284">
        <f t="shared" si="13"/>
        <v>31.215189000000009</v>
      </c>
      <c r="F284">
        <f t="shared" si="14"/>
        <v>1.9971632542571598E-2</v>
      </c>
    </row>
    <row r="285" spans="1:6" x14ac:dyDescent="0.2">
      <c r="A285">
        <v>1107.252939</v>
      </c>
      <c r="B285">
        <v>20.022739999999999</v>
      </c>
      <c r="C285">
        <v>8.6567299999999996</v>
      </c>
      <c r="D285">
        <f t="shared" si="12"/>
        <v>1.4163589999999999</v>
      </c>
      <c r="E285">
        <f t="shared" si="13"/>
        <v>31.037722000000031</v>
      </c>
      <c r="F285">
        <f t="shared" si="14"/>
        <v>1.9791087123834601E-2</v>
      </c>
    </row>
    <row r="286" spans="1:6" x14ac:dyDescent="0.2">
      <c r="A286">
        <v>1107.3322350000001</v>
      </c>
      <c r="B286">
        <v>19.984293999999998</v>
      </c>
      <c r="C286">
        <v>8.6617339999999992</v>
      </c>
      <c r="D286">
        <f t="shared" si="12"/>
        <v>1.4213629999999995</v>
      </c>
      <c r="E286">
        <f t="shared" si="13"/>
        <v>31.117018000000144</v>
      </c>
      <c r="F286">
        <f t="shared" si="14"/>
        <v>1.9770380257193163E-2</v>
      </c>
    </row>
    <row r="287" spans="1:6" x14ac:dyDescent="0.2">
      <c r="A287">
        <v>1107.8098010000001</v>
      </c>
      <c r="B287">
        <v>19.966390000000001</v>
      </c>
      <c r="C287">
        <v>8.6667389999999997</v>
      </c>
      <c r="D287">
        <f t="shared" si="12"/>
        <v>1.4263680000000001</v>
      </c>
      <c r="E287">
        <f t="shared" si="13"/>
        <v>31.594584000000168</v>
      </c>
      <c r="F287">
        <f t="shared" si="14"/>
        <v>1.999474414845176E-2</v>
      </c>
    </row>
    <row r="288" spans="1:6" x14ac:dyDescent="0.2">
      <c r="A288">
        <v>1108.4115690000001</v>
      </c>
      <c r="B288">
        <v>19.965216999999999</v>
      </c>
      <c r="C288">
        <v>8.6717440000000003</v>
      </c>
      <c r="D288">
        <f t="shared" si="12"/>
        <v>1.4313730000000007</v>
      </c>
      <c r="E288">
        <f t="shared" si="13"/>
        <v>32.196352000000161</v>
      </c>
      <c r="F288">
        <f t="shared" si="14"/>
        <v>2.0293305618933142E-2</v>
      </c>
    </row>
    <row r="289" spans="1:6" x14ac:dyDescent="0.2">
      <c r="A289">
        <v>1108.6019590000001</v>
      </c>
      <c r="B289">
        <v>19.987653999999999</v>
      </c>
      <c r="C289">
        <v>8.6767489999999992</v>
      </c>
      <c r="D289">
        <f t="shared" si="12"/>
        <v>1.4363779999999995</v>
      </c>
      <c r="E289">
        <f t="shared" si="13"/>
        <v>32.38674200000014</v>
      </c>
      <c r="F289">
        <f t="shared" si="14"/>
        <v>2.0338685236879536E-2</v>
      </c>
    </row>
    <row r="290" spans="1:6" x14ac:dyDescent="0.2">
      <c r="A290">
        <v>1109.0025519999999</v>
      </c>
      <c r="B290">
        <v>19.964652000000001</v>
      </c>
      <c r="C290">
        <v>8.6817539999999997</v>
      </c>
      <c r="D290">
        <f t="shared" si="12"/>
        <v>1.4413830000000001</v>
      </c>
      <c r="E290">
        <f t="shared" si="13"/>
        <v>32.787334999999985</v>
      </c>
      <c r="F290">
        <f t="shared" si="14"/>
        <v>2.0511346767794956E-2</v>
      </c>
    </row>
    <row r="291" spans="1:6" x14ac:dyDescent="0.2">
      <c r="A291">
        <v>1109.102684</v>
      </c>
      <c r="B291">
        <v>19.979227999999999</v>
      </c>
      <c r="C291">
        <v>8.6867579999999993</v>
      </c>
      <c r="D291">
        <f t="shared" si="12"/>
        <v>1.4463869999999996</v>
      </c>
      <c r="E291">
        <f t="shared" si="13"/>
        <v>32.887467000000015</v>
      </c>
      <c r="F291">
        <f t="shared" si="14"/>
        <v>2.0500958159826454E-2</v>
      </c>
    </row>
    <row r="292" spans="1:6" x14ac:dyDescent="0.2">
      <c r="A292">
        <v>1109.509687</v>
      </c>
      <c r="B292">
        <v>19.990931</v>
      </c>
      <c r="C292">
        <v>8.6917629999999999</v>
      </c>
      <c r="D292">
        <f t="shared" si="12"/>
        <v>1.4513920000000002</v>
      </c>
      <c r="E292">
        <f t="shared" si="13"/>
        <v>33.294470000000047</v>
      </c>
      <c r="F292">
        <f t="shared" si="14"/>
        <v>2.067551245649997E-2</v>
      </c>
    </row>
    <row r="293" spans="1:6" x14ac:dyDescent="0.2">
      <c r="A293">
        <v>1109.1941420000001</v>
      </c>
      <c r="B293">
        <v>20.016385</v>
      </c>
      <c r="C293">
        <v>8.6967680000000005</v>
      </c>
      <c r="D293">
        <f t="shared" si="12"/>
        <v>1.4563970000000008</v>
      </c>
      <c r="E293">
        <f t="shared" si="13"/>
        <v>32.978925000000118</v>
      </c>
      <c r="F293">
        <f t="shared" si="14"/>
        <v>2.0414989086371529E-2</v>
      </c>
    </row>
    <row r="294" spans="1:6" x14ac:dyDescent="0.2">
      <c r="A294">
        <v>1108.9382270000001</v>
      </c>
      <c r="B294">
        <v>20.014316999999998</v>
      </c>
      <c r="C294">
        <v>8.7017729999999993</v>
      </c>
      <c r="D294">
        <f t="shared" si="12"/>
        <v>1.4614019999999996</v>
      </c>
      <c r="E294">
        <f t="shared" si="13"/>
        <v>32.723010000000158</v>
      </c>
      <c r="F294">
        <f t="shared" si="14"/>
        <v>2.0191853802393491E-2</v>
      </c>
    </row>
    <row r="295" spans="1:6" x14ac:dyDescent="0.2">
      <c r="A295">
        <v>1108.4264619999999</v>
      </c>
      <c r="B295">
        <v>20.044549</v>
      </c>
      <c r="C295">
        <v>8.7067779999999999</v>
      </c>
      <c r="D295">
        <f t="shared" si="12"/>
        <v>1.4664070000000002</v>
      </c>
      <c r="E295">
        <f t="shared" si="13"/>
        <v>32.211244999999963</v>
      </c>
      <c r="F295">
        <f t="shared" si="14"/>
        <v>1.9817373773980101E-2</v>
      </c>
    </row>
    <row r="296" spans="1:6" x14ac:dyDescent="0.2">
      <c r="A296">
        <v>1107.5272749999999</v>
      </c>
      <c r="B296">
        <v>20.085476</v>
      </c>
      <c r="C296">
        <v>8.7117819999999995</v>
      </c>
      <c r="D296">
        <f t="shared" si="12"/>
        <v>1.4714109999999998</v>
      </c>
      <c r="E296">
        <f t="shared" si="13"/>
        <v>31.312057999999979</v>
      </c>
      <c r="F296">
        <f t="shared" si="14"/>
        <v>1.9214238801811417E-2</v>
      </c>
    </row>
    <row r="297" spans="1:6" x14ac:dyDescent="0.2">
      <c r="A297">
        <v>1106.2045499999999</v>
      </c>
      <c r="B297">
        <v>20.09158</v>
      </c>
      <c r="C297">
        <v>8.7167870000000001</v>
      </c>
      <c r="D297">
        <f t="shared" si="12"/>
        <v>1.4764160000000004</v>
      </c>
      <c r="E297">
        <f t="shared" si="13"/>
        <v>29.989332999999988</v>
      </c>
      <c r="F297">
        <f t="shared" si="14"/>
        <v>1.8362111623092307E-2</v>
      </c>
    </row>
    <row r="298" spans="1:6" x14ac:dyDescent="0.2">
      <c r="A298">
        <v>1104.876659</v>
      </c>
      <c r="B298">
        <v>20.077113000000001</v>
      </c>
      <c r="C298">
        <v>8.7217920000000007</v>
      </c>
      <c r="D298">
        <f t="shared" si="12"/>
        <v>1.481421000000001</v>
      </c>
      <c r="E298">
        <f t="shared" si="13"/>
        <v>28.661442000000079</v>
      </c>
      <c r="F298">
        <f t="shared" si="14"/>
        <v>1.7510790045588483E-2</v>
      </c>
    </row>
    <row r="299" spans="1:6" x14ac:dyDescent="0.2">
      <c r="A299">
        <v>1103.850823</v>
      </c>
      <c r="B299">
        <v>20.056944999999999</v>
      </c>
      <c r="C299">
        <v>8.7267969999999995</v>
      </c>
      <c r="D299">
        <f t="shared" si="12"/>
        <v>1.4864259999999998</v>
      </c>
      <c r="E299">
        <f t="shared" si="13"/>
        <v>27.635606000000053</v>
      </c>
      <c r="F299">
        <f t="shared" si="14"/>
        <v>1.6842839622732524E-2</v>
      </c>
    </row>
    <row r="300" spans="1:6" x14ac:dyDescent="0.2">
      <c r="A300">
        <v>1103.3700249999999</v>
      </c>
      <c r="B300">
        <v>20.025738</v>
      </c>
      <c r="C300">
        <v>8.7318020000000001</v>
      </c>
      <c r="D300">
        <f t="shared" si="12"/>
        <v>1.4914310000000004</v>
      </c>
      <c r="E300">
        <f t="shared" si="13"/>
        <v>27.154808000000003</v>
      </c>
      <c r="F300">
        <f t="shared" si="14"/>
        <v>1.6501460691328563E-2</v>
      </c>
    </row>
    <row r="301" spans="1:6" x14ac:dyDescent="0.2">
      <c r="A301">
        <v>1103.354008</v>
      </c>
      <c r="B301">
        <v>19.99296</v>
      </c>
      <c r="C301">
        <v>8.7368059999999996</v>
      </c>
      <c r="D301">
        <f t="shared" si="12"/>
        <v>1.496435</v>
      </c>
      <c r="E301">
        <f t="shared" si="13"/>
        <v>27.138791000000083</v>
      </c>
      <c r="F301">
        <f t="shared" si="14"/>
        <v>1.6436818598906611E-2</v>
      </c>
    </row>
    <row r="302" spans="1:6" x14ac:dyDescent="0.2">
      <c r="A302">
        <v>1103.757482</v>
      </c>
      <c r="B302">
        <v>19.959669999999999</v>
      </c>
      <c r="C302">
        <v>8.7418110000000002</v>
      </c>
      <c r="D302">
        <f t="shared" si="12"/>
        <v>1.5014400000000006</v>
      </c>
      <c r="E302">
        <f t="shared" si="13"/>
        <v>27.542265000000043</v>
      </c>
      <c r="F302">
        <f t="shared" si="14"/>
        <v>1.6619502159930209E-2</v>
      </c>
    </row>
    <row r="303" spans="1:6" x14ac:dyDescent="0.2">
      <c r="A303">
        <v>1104.1030129999999</v>
      </c>
      <c r="B303">
        <v>19.987483999999998</v>
      </c>
      <c r="C303">
        <v>8.7468160000000008</v>
      </c>
      <c r="D303">
        <f t="shared" si="12"/>
        <v>1.5064450000000011</v>
      </c>
      <c r="E303">
        <f t="shared" si="13"/>
        <v>27.88779599999998</v>
      </c>
      <c r="F303">
        <f t="shared" si="14"/>
        <v>1.6766843765551952E-2</v>
      </c>
    </row>
    <row r="304" spans="1:6" x14ac:dyDescent="0.2">
      <c r="A304">
        <v>1104.7244880000001</v>
      </c>
      <c r="B304">
        <v>19.939806000000001</v>
      </c>
      <c r="C304">
        <v>8.7518209999999996</v>
      </c>
      <c r="D304">
        <f t="shared" si="12"/>
        <v>1.51145</v>
      </c>
      <c r="E304">
        <f t="shared" si="13"/>
        <v>28.509271000000126</v>
      </c>
      <c r="F304">
        <f t="shared" si="14"/>
        <v>1.7074120667701403E-2</v>
      </c>
    </row>
    <row r="305" spans="1:6" x14ac:dyDescent="0.2">
      <c r="A305">
        <v>1105.2551980000001</v>
      </c>
      <c r="B305">
        <v>19.969087999999999</v>
      </c>
      <c r="C305">
        <v>8.7568260000000002</v>
      </c>
      <c r="D305">
        <f t="shared" si="12"/>
        <v>1.5164550000000006</v>
      </c>
      <c r="E305">
        <f t="shared" si="13"/>
        <v>29.039981000000125</v>
      </c>
      <c r="F305">
        <f t="shared" si="14"/>
        <v>1.7326236352182993E-2</v>
      </c>
    </row>
    <row r="306" spans="1:6" x14ac:dyDescent="0.2">
      <c r="A306">
        <v>1105.579385</v>
      </c>
      <c r="B306">
        <v>19.989139999999999</v>
      </c>
      <c r="C306">
        <v>8.7618299999999998</v>
      </c>
      <c r="D306">
        <f t="shared" si="12"/>
        <v>1.5214590000000001</v>
      </c>
      <c r="E306">
        <f t="shared" si="13"/>
        <v>29.364168000000063</v>
      </c>
      <c r="F306">
        <f t="shared" si="14"/>
        <v>1.7456915690006146E-2</v>
      </c>
    </row>
    <row r="307" spans="1:6" x14ac:dyDescent="0.2">
      <c r="A307">
        <v>1106.0992550000001</v>
      </c>
      <c r="B307">
        <v>19.944023999999999</v>
      </c>
      <c r="C307">
        <v>8.7668350000000004</v>
      </c>
      <c r="D307">
        <f t="shared" si="12"/>
        <v>1.5264640000000007</v>
      </c>
      <c r="E307">
        <f t="shared" si="13"/>
        <v>29.884038000000146</v>
      </c>
      <c r="F307">
        <f t="shared" si="14"/>
        <v>1.7699402832856523E-2</v>
      </c>
    </row>
    <row r="308" spans="1:6" x14ac:dyDescent="0.2">
      <c r="A308">
        <v>1106.3048839999999</v>
      </c>
      <c r="B308">
        <v>19.974565999999999</v>
      </c>
      <c r="C308">
        <v>8.7718399999999992</v>
      </c>
      <c r="D308">
        <f t="shared" si="12"/>
        <v>1.5314689999999995</v>
      </c>
      <c r="E308">
        <f t="shared" si="13"/>
        <v>30.089666999999963</v>
      </c>
      <c r="F308">
        <f t="shared" si="14"/>
        <v>1.7759647502303688E-2</v>
      </c>
    </row>
    <row r="309" spans="1:6" x14ac:dyDescent="0.2">
      <c r="A309">
        <v>1107.1194929999999</v>
      </c>
      <c r="B309">
        <v>19.935549999999999</v>
      </c>
      <c r="C309">
        <v>8.7768449999999998</v>
      </c>
      <c r="D309">
        <f t="shared" si="12"/>
        <v>1.5364740000000001</v>
      </c>
      <c r="E309">
        <f t="shared" si="13"/>
        <v>30.904275999999982</v>
      </c>
      <c r="F309">
        <f t="shared" si="14"/>
        <v>1.8167654439621019E-2</v>
      </c>
    </row>
    <row r="310" spans="1:6" x14ac:dyDescent="0.2">
      <c r="A310">
        <v>1107.8816360000001</v>
      </c>
      <c r="B310">
        <v>19.972847000000002</v>
      </c>
      <c r="C310">
        <v>8.7818500000000004</v>
      </c>
      <c r="D310">
        <f t="shared" si="12"/>
        <v>1.5414790000000007</v>
      </c>
      <c r="E310">
        <f t="shared" si="13"/>
        <v>31.666419000000133</v>
      </c>
      <c r="F310">
        <f t="shared" si="14"/>
        <v>1.8542486763623699E-2</v>
      </c>
    </row>
    <row r="311" spans="1:6" x14ac:dyDescent="0.2">
      <c r="A311">
        <v>1108.4967549999999</v>
      </c>
      <c r="B311">
        <v>19.947042</v>
      </c>
      <c r="C311">
        <v>8.7868539999999999</v>
      </c>
      <c r="D311">
        <f t="shared" si="12"/>
        <v>1.5464830000000003</v>
      </c>
      <c r="E311">
        <f t="shared" si="13"/>
        <v>32.281537999999955</v>
      </c>
      <c r="F311">
        <f t="shared" si="14"/>
        <v>1.8831054546987427E-2</v>
      </c>
    </row>
    <row r="312" spans="1:6" x14ac:dyDescent="0.2">
      <c r="A312">
        <v>1108.792445</v>
      </c>
      <c r="B312">
        <v>19.985476999999999</v>
      </c>
      <c r="C312">
        <v>8.7918590000000005</v>
      </c>
      <c r="D312">
        <f t="shared" si="12"/>
        <v>1.5514880000000009</v>
      </c>
      <c r="E312">
        <f t="shared" si="13"/>
        <v>32.577228000000105</v>
      </c>
      <c r="F312">
        <f t="shared" si="14"/>
        <v>1.8937186155729521E-2</v>
      </c>
    </row>
    <row r="313" spans="1:6" x14ac:dyDescent="0.2">
      <c r="A313">
        <v>1109.069358</v>
      </c>
      <c r="B313">
        <v>19.974015000000001</v>
      </c>
      <c r="C313">
        <v>8.7968639999999994</v>
      </c>
      <c r="D313">
        <f t="shared" si="12"/>
        <v>1.5564929999999997</v>
      </c>
      <c r="E313">
        <f t="shared" si="13"/>
        <v>32.854141000000027</v>
      </c>
      <c r="F313">
        <f t="shared" si="14"/>
        <v>1.9031991640453341E-2</v>
      </c>
    </row>
    <row r="314" spans="1:6" x14ac:dyDescent="0.2">
      <c r="A314">
        <v>1109.197795</v>
      </c>
      <c r="B314">
        <v>20.007836999999999</v>
      </c>
      <c r="C314">
        <v>8.8018689999999999</v>
      </c>
      <c r="D314">
        <f t="shared" si="12"/>
        <v>1.5614980000000003</v>
      </c>
      <c r="E314">
        <f t="shared" si="13"/>
        <v>32.982578000000103</v>
      </c>
      <c r="F314">
        <f t="shared" si="14"/>
        <v>1.9042947420979513E-2</v>
      </c>
    </row>
    <row r="315" spans="1:6" x14ac:dyDescent="0.2">
      <c r="A315">
        <v>1109.1171420000001</v>
      </c>
      <c r="B315">
        <v>19.99624</v>
      </c>
      <c r="C315">
        <v>8.8068740000000005</v>
      </c>
      <c r="D315">
        <f t="shared" si="12"/>
        <v>1.5665030000000009</v>
      </c>
      <c r="E315">
        <f t="shared" si="13"/>
        <v>32.901925000000119</v>
      </c>
      <c r="F315">
        <f t="shared" si="14"/>
        <v>1.8937064549288597E-2</v>
      </c>
    </row>
    <row r="316" spans="1:6" x14ac:dyDescent="0.2">
      <c r="A316">
        <v>1109.178032</v>
      </c>
      <c r="B316">
        <v>19.995394999999998</v>
      </c>
      <c r="C316">
        <v>8.8118780000000001</v>
      </c>
      <c r="D316">
        <f t="shared" si="12"/>
        <v>1.5715070000000004</v>
      </c>
      <c r="E316">
        <f t="shared" si="13"/>
        <v>32.962815000000091</v>
      </c>
      <c r="F316">
        <f t="shared" si="14"/>
        <v>1.8910661188183707E-2</v>
      </c>
    </row>
    <row r="317" spans="1:6" x14ac:dyDescent="0.2">
      <c r="A317">
        <v>1108.9407349999999</v>
      </c>
      <c r="B317">
        <v>20.028032</v>
      </c>
      <c r="C317">
        <v>8.8168830000000007</v>
      </c>
      <c r="D317">
        <f t="shared" si="12"/>
        <v>1.576512000000001</v>
      </c>
      <c r="E317">
        <f t="shared" si="13"/>
        <v>32.725517999999965</v>
      </c>
      <c r="F317">
        <f t="shared" si="14"/>
        <v>1.8718925331031536E-2</v>
      </c>
    </row>
    <row r="318" spans="1:6" x14ac:dyDescent="0.2">
      <c r="A318">
        <v>1108.3876499999999</v>
      </c>
      <c r="B318">
        <v>20.046958</v>
      </c>
      <c r="C318">
        <v>8.8218879999999995</v>
      </c>
      <c r="D318">
        <f t="shared" si="12"/>
        <v>1.5815169999999998</v>
      </c>
      <c r="E318">
        <f t="shared" si="13"/>
        <v>32.172432999999955</v>
      </c>
      <c r="F318">
        <f t="shared" si="14"/>
        <v>1.8353477445394728E-2</v>
      </c>
    </row>
    <row r="319" spans="1:6" x14ac:dyDescent="0.2">
      <c r="A319">
        <v>1107.988396</v>
      </c>
      <c r="B319">
        <v>20.004521</v>
      </c>
      <c r="C319">
        <v>8.8268930000000001</v>
      </c>
      <c r="D319">
        <f t="shared" si="12"/>
        <v>1.5865220000000004</v>
      </c>
      <c r="E319">
        <f t="shared" si="13"/>
        <v>31.773179000000027</v>
      </c>
      <c r="F319">
        <f t="shared" si="14"/>
        <v>1.8075043811851075E-2</v>
      </c>
    </row>
    <row r="320" spans="1:6" x14ac:dyDescent="0.2">
      <c r="A320">
        <v>1108.032956</v>
      </c>
      <c r="B320">
        <v>19.998660999999998</v>
      </c>
      <c r="C320">
        <v>8.8318980000000007</v>
      </c>
      <c r="D320">
        <f t="shared" si="12"/>
        <v>1.591527000000001</v>
      </c>
      <c r="E320">
        <f t="shared" si="13"/>
        <v>31.817739000000074</v>
      </c>
      <c r="F320">
        <f t="shared" si="14"/>
        <v>1.804274563574362E-2</v>
      </c>
    </row>
    <row r="321" spans="1:6" x14ac:dyDescent="0.2">
      <c r="A321">
        <v>1108.3237320000001</v>
      </c>
      <c r="B321">
        <v>19.955209</v>
      </c>
      <c r="C321">
        <v>8.8369020000000003</v>
      </c>
      <c r="D321">
        <f t="shared" si="12"/>
        <v>1.5965310000000006</v>
      </c>
      <c r="E321">
        <f t="shared" si="13"/>
        <v>32.108515000000125</v>
      </c>
      <c r="F321">
        <f t="shared" si="14"/>
        <v>1.8145804677590794E-2</v>
      </c>
    </row>
    <row r="322" spans="1:6" x14ac:dyDescent="0.2">
      <c r="A322">
        <v>1108.4923180000001</v>
      </c>
      <c r="B322">
        <v>19.995995000000001</v>
      </c>
      <c r="C322">
        <v>8.8419070000000008</v>
      </c>
      <c r="D322">
        <f t="shared" si="12"/>
        <v>1.6015360000000012</v>
      </c>
      <c r="E322">
        <f t="shared" si="13"/>
        <v>32.27710100000013</v>
      </c>
      <c r="F322">
        <f t="shared" si="14"/>
        <v>1.8181308170490556E-2</v>
      </c>
    </row>
    <row r="323" spans="1:6" x14ac:dyDescent="0.2">
      <c r="A323">
        <v>1108.792005</v>
      </c>
      <c r="B323">
        <v>19.971489999999999</v>
      </c>
      <c r="C323">
        <v>8.8469119999999997</v>
      </c>
      <c r="D323">
        <f t="shared" ref="D323:D386" si="15">C323-$C$2</f>
        <v>1.606541</v>
      </c>
      <c r="E323">
        <f t="shared" ref="E323:E386" si="16">A323-$A$2</f>
        <v>32.576788000000079</v>
      </c>
      <c r="F323">
        <f t="shared" ref="F323:F386" si="17">(1/A323)*(E323/D323)</f>
        <v>1.8288006285093743E-2</v>
      </c>
    </row>
    <row r="324" spans="1:6" x14ac:dyDescent="0.2">
      <c r="A324">
        <v>1108.9923160000001</v>
      </c>
      <c r="B324">
        <v>20.002994999999999</v>
      </c>
      <c r="C324">
        <v>8.8519170000000003</v>
      </c>
      <c r="D324">
        <f t="shared" si="15"/>
        <v>1.6115460000000006</v>
      </c>
      <c r="E324">
        <f t="shared" si="16"/>
        <v>32.777099000000135</v>
      </c>
      <c r="F324">
        <f t="shared" si="17"/>
        <v>1.8339997381171935E-2</v>
      </c>
    </row>
    <row r="325" spans="1:6" x14ac:dyDescent="0.2">
      <c r="A325">
        <v>1108.99396</v>
      </c>
      <c r="B325">
        <v>19.993911000000001</v>
      </c>
      <c r="C325">
        <v>8.8569220000000008</v>
      </c>
      <c r="D325">
        <f t="shared" si="15"/>
        <v>1.6165510000000012</v>
      </c>
      <c r="E325">
        <f t="shared" si="16"/>
        <v>32.778743000000077</v>
      </c>
      <c r="F325">
        <f t="shared" si="17"/>
        <v>1.8284104881399615E-2</v>
      </c>
    </row>
    <row r="326" spans="1:6" x14ac:dyDescent="0.2">
      <c r="A326">
        <v>1109.104098</v>
      </c>
      <c r="B326">
        <v>19.983298000000001</v>
      </c>
      <c r="C326">
        <v>8.8619260000000004</v>
      </c>
      <c r="D326">
        <f t="shared" si="15"/>
        <v>1.6215550000000007</v>
      </c>
      <c r="E326">
        <f t="shared" si="16"/>
        <v>32.888881000000083</v>
      </c>
      <c r="F326">
        <f t="shared" si="17"/>
        <v>1.8287111118008278E-2</v>
      </c>
    </row>
    <row r="327" spans="1:6" x14ac:dyDescent="0.2">
      <c r="A327">
        <v>1109.421777</v>
      </c>
      <c r="B327">
        <v>19.968595000000001</v>
      </c>
      <c r="C327">
        <v>8.8669309999999992</v>
      </c>
      <c r="D327">
        <f t="shared" si="15"/>
        <v>1.6265599999999996</v>
      </c>
      <c r="E327">
        <f t="shared" si="16"/>
        <v>33.206560000000081</v>
      </c>
      <c r="F327">
        <f t="shared" si="17"/>
        <v>1.8401664703030073E-2</v>
      </c>
    </row>
    <row r="328" spans="1:6" x14ac:dyDescent="0.2">
      <c r="A328">
        <v>1109.952567</v>
      </c>
      <c r="B328">
        <v>19.965741000000001</v>
      </c>
      <c r="C328">
        <v>8.8719359999999998</v>
      </c>
      <c r="D328">
        <f t="shared" si="15"/>
        <v>1.6315650000000002</v>
      </c>
      <c r="E328">
        <f t="shared" si="16"/>
        <v>33.737350000000106</v>
      </c>
      <c r="F328">
        <f t="shared" si="17"/>
        <v>1.8629541498162261E-2</v>
      </c>
    </row>
    <row r="329" spans="1:6" x14ac:dyDescent="0.2">
      <c r="A329">
        <v>1110.354053</v>
      </c>
      <c r="B329">
        <v>19.979043000000001</v>
      </c>
      <c r="C329">
        <v>8.8769410000000004</v>
      </c>
      <c r="D329">
        <f t="shared" si="15"/>
        <v>1.6365700000000007</v>
      </c>
      <c r="E329">
        <f t="shared" si="16"/>
        <v>34.138836000000083</v>
      </c>
      <c r="F329">
        <f t="shared" si="17"/>
        <v>1.8786792615342926E-2</v>
      </c>
    </row>
    <row r="330" spans="1:6" x14ac:dyDescent="0.2">
      <c r="A330">
        <v>1110.7656280000001</v>
      </c>
      <c r="B330">
        <v>19.973967999999999</v>
      </c>
      <c r="C330">
        <v>8.8819459999999992</v>
      </c>
      <c r="D330">
        <f t="shared" si="15"/>
        <v>1.6415749999999996</v>
      </c>
      <c r="E330">
        <f t="shared" si="16"/>
        <v>34.550411000000167</v>
      </c>
      <c r="F330">
        <f t="shared" si="17"/>
        <v>1.8948291451727977E-2</v>
      </c>
    </row>
    <row r="331" spans="1:6" x14ac:dyDescent="0.2">
      <c r="A331">
        <v>1110.936138</v>
      </c>
      <c r="B331">
        <v>19.993483000000001</v>
      </c>
      <c r="C331">
        <v>8.8869500000000006</v>
      </c>
      <c r="D331">
        <f t="shared" si="15"/>
        <v>1.6465790000000009</v>
      </c>
      <c r="E331">
        <f t="shared" si="16"/>
        <v>34.720921000000089</v>
      </c>
      <c r="F331">
        <f t="shared" si="17"/>
        <v>1.8981021019568618E-2</v>
      </c>
    </row>
    <row r="332" spans="1:6" x14ac:dyDescent="0.2">
      <c r="A332">
        <v>1110.7377899999999</v>
      </c>
      <c r="B332">
        <v>20.041067000000002</v>
      </c>
      <c r="C332">
        <v>8.8919549999999994</v>
      </c>
      <c r="D332">
        <f t="shared" si="15"/>
        <v>1.6515839999999997</v>
      </c>
      <c r="E332">
        <f t="shared" si="16"/>
        <v>34.522572999999966</v>
      </c>
      <c r="F332">
        <f t="shared" si="17"/>
        <v>1.8818757322040702E-2</v>
      </c>
    </row>
    <row r="333" spans="1:6" x14ac:dyDescent="0.2">
      <c r="A333">
        <v>1109.7991159999999</v>
      </c>
      <c r="B333">
        <v>20.045960000000001</v>
      </c>
      <c r="C333">
        <v>8.89696</v>
      </c>
      <c r="D333">
        <f t="shared" si="15"/>
        <v>1.6565890000000003</v>
      </c>
      <c r="E333">
        <f t="shared" si="16"/>
        <v>33.583898999999974</v>
      </c>
      <c r="F333">
        <f t="shared" si="17"/>
        <v>1.8267199311805007E-2</v>
      </c>
    </row>
    <row r="334" spans="1:6" x14ac:dyDescent="0.2">
      <c r="A334">
        <v>1108.837959</v>
      </c>
      <c r="B334">
        <v>20.065975000000002</v>
      </c>
      <c r="C334">
        <v>8.9019650000000006</v>
      </c>
      <c r="D334">
        <f t="shared" si="15"/>
        <v>1.6615940000000009</v>
      </c>
      <c r="E334">
        <f t="shared" si="16"/>
        <v>32.622742000000017</v>
      </c>
      <c r="F334">
        <f t="shared" si="17"/>
        <v>1.7706285450644125E-2</v>
      </c>
    </row>
    <row r="335" spans="1:6" x14ac:dyDescent="0.2">
      <c r="A335">
        <v>1107.976795</v>
      </c>
      <c r="B335">
        <v>20.058627999999999</v>
      </c>
      <c r="C335">
        <v>8.9069699999999994</v>
      </c>
      <c r="D335">
        <f t="shared" si="15"/>
        <v>1.6665989999999997</v>
      </c>
      <c r="E335">
        <f t="shared" si="16"/>
        <v>31.7615780000001</v>
      </c>
      <c r="F335">
        <f t="shared" si="17"/>
        <v>1.720046902557569E-2</v>
      </c>
    </row>
    <row r="336" spans="1:6" x14ac:dyDescent="0.2">
      <c r="A336">
        <v>1106.8509690000001</v>
      </c>
      <c r="B336">
        <v>20.103573999999998</v>
      </c>
      <c r="C336">
        <v>8.9119740000000007</v>
      </c>
      <c r="D336">
        <f t="shared" si="15"/>
        <v>1.6716030000000011</v>
      </c>
      <c r="E336">
        <f t="shared" si="16"/>
        <v>30.635752000000139</v>
      </c>
      <c r="F336">
        <f t="shared" si="17"/>
        <v>1.6557938061958214E-2</v>
      </c>
    </row>
    <row r="337" spans="1:6" x14ac:dyDescent="0.2">
      <c r="A337">
        <v>1105.2512400000001</v>
      </c>
      <c r="B337">
        <v>20.097387000000001</v>
      </c>
      <c r="C337">
        <v>8.9169789999999995</v>
      </c>
      <c r="D337">
        <f t="shared" si="15"/>
        <v>1.6766079999999999</v>
      </c>
      <c r="E337">
        <f t="shared" si="16"/>
        <v>29.036023000000114</v>
      </c>
      <c r="F337">
        <f t="shared" si="17"/>
        <v>1.5669119288656146E-2</v>
      </c>
    </row>
    <row r="338" spans="1:6" x14ac:dyDescent="0.2">
      <c r="A338">
        <v>1103.9900540000001</v>
      </c>
      <c r="B338">
        <v>20.060960999999999</v>
      </c>
      <c r="C338">
        <v>8.9219840000000001</v>
      </c>
      <c r="D338">
        <f t="shared" si="15"/>
        <v>1.6816130000000005</v>
      </c>
      <c r="E338">
        <f t="shared" si="16"/>
        <v>27.774837000000161</v>
      </c>
      <c r="F338">
        <f t="shared" si="17"/>
        <v>1.4960988945169645E-2</v>
      </c>
    </row>
    <row r="339" spans="1:6" x14ac:dyDescent="0.2">
      <c r="A339">
        <v>1103.37113</v>
      </c>
      <c r="B339">
        <v>20.031196999999999</v>
      </c>
      <c r="C339">
        <v>8.9269890000000007</v>
      </c>
      <c r="D339">
        <f t="shared" si="15"/>
        <v>1.6866180000000011</v>
      </c>
      <c r="E339">
        <f t="shared" si="16"/>
        <v>27.155913000000055</v>
      </c>
      <c r="F339">
        <f t="shared" si="17"/>
        <v>1.4592377675012024E-2</v>
      </c>
    </row>
    <row r="340" spans="1:6" x14ac:dyDescent="0.2">
      <c r="A340">
        <v>1103.094885</v>
      </c>
      <c r="B340">
        <v>20.009549</v>
      </c>
      <c r="C340">
        <v>8.9319939999999995</v>
      </c>
      <c r="D340">
        <f t="shared" si="15"/>
        <v>1.6916229999999999</v>
      </c>
      <c r="E340">
        <f t="shared" si="16"/>
        <v>26.879668000000038</v>
      </c>
      <c r="F340">
        <f t="shared" si="17"/>
        <v>1.4404807142582269E-2</v>
      </c>
    </row>
    <row r="341" spans="1:6" x14ac:dyDescent="0.2">
      <c r="A341">
        <v>1103.187641</v>
      </c>
      <c r="B341">
        <v>19.981876</v>
      </c>
      <c r="C341">
        <v>8.9369980000000009</v>
      </c>
      <c r="D341">
        <f t="shared" si="15"/>
        <v>1.6966270000000012</v>
      </c>
      <c r="E341">
        <f t="shared" si="16"/>
        <v>26.972424000000046</v>
      </c>
      <c r="F341">
        <f t="shared" si="17"/>
        <v>1.4410671431252514E-2</v>
      </c>
    </row>
    <row r="342" spans="1:6" x14ac:dyDescent="0.2">
      <c r="A342">
        <v>1103.973227</v>
      </c>
      <c r="B342">
        <v>19.934957000000001</v>
      </c>
      <c r="C342">
        <v>8.9420029999999997</v>
      </c>
      <c r="D342">
        <f t="shared" si="15"/>
        <v>1.701632</v>
      </c>
      <c r="E342">
        <f t="shared" si="16"/>
        <v>27.758010000000013</v>
      </c>
      <c r="F342">
        <f t="shared" si="17"/>
        <v>1.4776247013656905E-2</v>
      </c>
    </row>
    <row r="343" spans="1:6" x14ac:dyDescent="0.2">
      <c r="A343">
        <v>1105.67308</v>
      </c>
      <c r="B343">
        <v>19.859321999999999</v>
      </c>
      <c r="C343">
        <v>8.9470080000000003</v>
      </c>
      <c r="D343">
        <f t="shared" si="15"/>
        <v>1.7066370000000006</v>
      </c>
      <c r="E343">
        <f t="shared" si="16"/>
        <v>29.457863000000089</v>
      </c>
      <c r="F343">
        <f t="shared" si="17"/>
        <v>1.5611094232512826E-2</v>
      </c>
    </row>
    <row r="344" spans="1:6" x14ac:dyDescent="0.2">
      <c r="A344">
        <v>1107.2723820000001</v>
      </c>
      <c r="B344">
        <v>19.915414999999999</v>
      </c>
      <c r="C344">
        <v>8.9520130000000009</v>
      </c>
      <c r="D344">
        <f t="shared" si="15"/>
        <v>1.7116420000000012</v>
      </c>
      <c r="E344">
        <f t="shared" si="16"/>
        <v>31.057165000000168</v>
      </c>
      <c r="F344">
        <f t="shared" si="17"/>
        <v>1.6386809578844624E-2</v>
      </c>
    </row>
    <row r="345" spans="1:6" x14ac:dyDescent="0.2">
      <c r="A345">
        <v>1108.726396</v>
      </c>
      <c r="B345">
        <v>19.884395999999999</v>
      </c>
      <c r="C345">
        <v>8.9570179999999997</v>
      </c>
      <c r="D345">
        <f t="shared" si="15"/>
        <v>1.716647</v>
      </c>
      <c r="E345">
        <f t="shared" si="16"/>
        <v>32.511179000000084</v>
      </c>
      <c r="F345">
        <f t="shared" si="17"/>
        <v>1.7081552230127247E-2</v>
      </c>
    </row>
    <row r="346" spans="1:6" x14ac:dyDescent="0.2">
      <c r="A346">
        <v>1110.3777130000001</v>
      </c>
      <c r="B346">
        <v>19.887401000000001</v>
      </c>
      <c r="C346">
        <v>8.9620219999999993</v>
      </c>
      <c r="D346">
        <f t="shared" si="15"/>
        <v>1.7216509999999996</v>
      </c>
      <c r="E346">
        <f t="shared" si="16"/>
        <v>34.162496000000147</v>
      </c>
      <c r="F346">
        <f t="shared" si="17"/>
        <v>1.7870377979862965E-2</v>
      </c>
    </row>
    <row r="347" spans="1:6" x14ac:dyDescent="0.2">
      <c r="A347">
        <v>1111.6410169999999</v>
      </c>
      <c r="B347">
        <v>19.940778999999999</v>
      </c>
      <c r="C347">
        <v>8.9670269999999999</v>
      </c>
      <c r="D347">
        <f t="shared" si="15"/>
        <v>1.7266560000000002</v>
      </c>
      <c r="E347">
        <f t="shared" si="16"/>
        <v>35.425799999999981</v>
      </c>
      <c r="F347">
        <f t="shared" si="17"/>
        <v>1.8456497213627372E-2</v>
      </c>
    </row>
    <row r="348" spans="1:6" x14ac:dyDescent="0.2">
      <c r="A348">
        <v>1112.9272820000001</v>
      </c>
      <c r="B348">
        <v>19.906635000000001</v>
      </c>
      <c r="C348">
        <v>8.9720320000000005</v>
      </c>
      <c r="D348">
        <f t="shared" si="15"/>
        <v>1.7316610000000008</v>
      </c>
      <c r="E348">
        <f t="shared" si="16"/>
        <v>36.712065000000166</v>
      </c>
      <c r="F348">
        <f t="shared" si="17"/>
        <v>1.9049305593052807E-2</v>
      </c>
    </row>
    <row r="349" spans="1:6" x14ac:dyDescent="0.2">
      <c r="A349">
        <v>1114.014915</v>
      </c>
      <c r="B349">
        <v>19.935979</v>
      </c>
      <c r="C349">
        <v>8.9770369999999993</v>
      </c>
      <c r="D349">
        <f t="shared" si="15"/>
        <v>1.7366659999999996</v>
      </c>
      <c r="E349">
        <f t="shared" si="16"/>
        <v>37.799698000000035</v>
      </c>
      <c r="F349">
        <f t="shared" si="17"/>
        <v>1.9538041276414772E-2</v>
      </c>
    </row>
    <row r="350" spans="1:6" x14ac:dyDescent="0.2">
      <c r="A350">
        <v>1114.6547069999999</v>
      </c>
      <c r="B350">
        <v>19.965104</v>
      </c>
      <c r="C350">
        <v>8.9820419999999999</v>
      </c>
      <c r="D350">
        <f t="shared" si="15"/>
        <v>1.7416710000000002</v>
      </c>
      <c r="E350">
        <f t="shared" si="16"/>
        <v>38.439489999999978</v>
      </c>
      <c r="F350">
        <f t="shared" si="17"/>
        <v>1.9800271351654818E-2</v>
      </c>
    </row>
    <row r="351" spans="1:6" x14ac:dyDescent="0.2">
      <c r="A351">
        <v>1114.8469990000001</v>
      </c>
      <c r="B351">
        <v>19.974772999999999</v>
      </c>
      <c r="C351">
        <v>8.9870459999999994</v>
      </c>
      <c r="D351">
        <f t="shared" si="15"/>
        <v>1.7466749999999998</v>
      </c>
      <c r="E351">
        <f t="shared" si="16"/>
        <v>38.631782000000157</v>
      </c>
      <c r="F351">
        <f t="shared" si="17"/>
        <v>1.983888994722071E-2</v>
      </c>
    </row>
    <row r="352" spans="1:6" x14ac:dyDescent="0.2">
      <c r="A352">
        <v>1115.025478</v>
      </c>
      <c r="B352">
        <v>19.996649000000001</v>
      </c>
      <c r="C352">
        <v>8.992051</v>
      </c>
      <c r="D352">
        <f t="shared" si="15"/>
        <v>1.7516800000000003</v>
      </c>
      <c r="E352">
        <f t="shared" si="16"/>
        <v>38.810261000000082</v>
      </c>
      <c r="F352">
        <f t="shared" si="17"/>
        <v>1.9870417901491324E-2</v>
      </c>
    </row>
    <row r="353" spans="1:6" x14ac:dyDescent="0.2">
      <c r="A353">
        <v>1115.1314649999999</v>
      </c>
      <c r="B353">
        <v>19.992443000000002</v>
      </c>
      <c r="C353">
        <v>8.9970560000000006</v>
      </c>
      <c r="D353">
        <f t="shared" si="15"/>
        <v>1.7566850000000009</v>
      </c>
      <c r="E353">
        <f t="shared" si="16"/>
        <v>38.916247999999996</v>
      </c>
      <c r="F353">
        <f t="shared" si="17"/>
        <v>1.9866025983656603E-2</v>
      </c>
    </row>
    <row r="354" spans="1:6" x14ac:dyDescent="0.2">
      <c r="A354">
        <v>1114.8041310000001</v>
      </c>
      <c r="B354">
        <v>20.047471000000002</v>
      </c>
      <c r="C354">
        <v>9.0020609999999994</v>
      </c>
      <c r="D354">
        <f t="shared" si="15"/>
        <v>1.7616899999999998</v>
      </c>
      <c r="E354">
        <f t="shared" si="16"/>
        <v>38.588914000000159</v>
      </c>
      <c r="F354">
        <f t="shared" si="17"/>
        <v>1.9648730592385706E-2</v>
      </c>
    </row>
    <row r="355" spans="1:6" x14ac:dyDescent="0.2">
      <c r="A355">
        <v>1113.723125</v>
      </c>
      <c r="B355">
        <v>20.082023</v>
      </c>
      <c r="C355">
        <v>9.007066</v>
      </c>
      <c r="D355">
        <f t="shared" si="15"/>
        <v>1.7666950000000003</v>
      </c>
      <c r="E355">
        <f t="shared" si="16"/>
        <v>37.507908000000043</v>
      </c>
      <c r="F355">
        <f t="shared" si="17"/>
        <v>1.9062682954337131E-2</v>
      </c>
    </row>
    <row r="356" spans="1:6" x14ac:dyDescent="0.2">
      <c r="A356">
        <v>1112.5238830000001</v>
      </c>
      <c r="B356">
        <v>20.076809999999998</v>
      </c>
      <c r="C356">
        <v>9.0120699999999996</v>
      </c>
      <c r="D356">
        <f t="shared" si="15"/>
        <v>1.7716989999999999</v>
      </c>
      <c r="E356">
        <f t="shared" si="16"/>
        <v>36.30866600000013</v>
      </c>
      <c r="F356">
        <f t="shared" si="17"/>
        <v>1.8420907001880996E-2</v>
      </c>
    </row>
    <row r="357" spans="1:6" x14ac:dyDescent="0.2">
      <c r="A357">
        <v>1111.2770720000001</v>
      </c>
      <c r="B357">
        <v>20.079215000000001</v>
      </c>
      <c r="C357">
        <v>9.0170750000000002</v>
      </c>
      <c r="D357">
        <f t="shared" si="15"/>
        <v>1.7767040000000005</v>
      </c>
      <c r="E357">
        <f t="shared" si="16"/>
        <v>35.061855000000151</v>
      </c>
      <c r="F357">
        <f t="shared" si="17"/>
        <v>1.7758139170978002E-2</v>
      </c>
    </row>
    <row r="358" spans="1:6" x14ac:dyDescent="0.2">
      <c r="A358">
        <v>1109.855683</v>
      </c>
      <c r="B358">
        <v>20.092859000000001</v>
      </c>
      <c r="C358">
        <v>9.0220800000000008</v>
      </c>
      <c r="D358">
        <f t="shared" si="15"/>
        <v>1.7817090000000011</v>
      </c>
      <c r="E358">
        <f t="shared" si="16"/>
        <v>33.64046600000006</v>
      </c>
      <c r="F358">
        <f t="shared" si="17"/>
        <v>1.701213103657814E-2</v>
      </c>
    </row>
    <row r="359" spans="1:6" x14ac:dyDescent="0.2">
      <c r="A359">
        <v>1108.850954</v>
      </c>
      <c r="B359">
        <v>20.056666</v>
      </c>
      <c r="C359">
        <v>9.0270849999999996</v>
      </c>
      <c r="D359">
        <f t="shared" si="15"/>
        <v>1.7867139999999999</v>
      </c>
      <c r="E359">
        <f t="shared" si="16"/>
        <v>32.635737000000063</v>
      </c>
      <c r="F359">
        <f t="shared" si="17"/>
        <v>1.6472715955220117E-2</v>
      </c>
    </row>
    <row r="360" spans="1:6" x14ac:dyDescent="0.2">
      <c r="A360">
        <v>1107.7926709999999</v>
      </c>
      <c r="B360">
        <v>20.059360999999999</v>
      </c>
      <c r="C360">
        <v>9.0320900000000002</v>
      </c>
      <c r="D360">
        <f t="shared" si="15"/>
        <v>1.7917190000000005</v>
      </c>
      <c r="E360">
        <f t="shared" si="16"/>
        <v>31.577453999999989</v>
      </c>
      <c r="F360">
        <f t="shared" si="17"/>
        <v>1.5909214026921845E-2</v>
      </c>
    </row>
    <row r="361" spans="1:6" x14ac:dyDescent="0.2">
      <c r="A361">
        <v>1107.1818040000001</v>
      </c>
      <c r="B361">
        <v>20.035720999999999</v>
      </c>
      <c r="C361">
        <v>9.0370939999999997</v>
      </c>
      <c r="D361">
        <f t="shared" si="15"/>
        <v>1.7967230000000001</v>
      </c>
      <c r="E361">
        <f t="shared" si="16"/>
        <v>30.966587000000118</v>
      </c>
      <c r="F361">
        <f t="shared" si="17"/>
        <v>1.5566582402411142E-2</v>
      </c>
    </row>
    <row r="362" spans="1:6" x14ac:dyDescent="0.2">
      <c r="A362">
        <v>1107.051256</v>
      </c>
      <c r="B362">
        <v>20.01707</v>
      </c>
      <c r="C362">
        <v>9.0420990000000003</v>
      </c>
      <c r="D362">
        <f t="shared" si="15"/>
        <v>1.8017280000000007</v>
      </c>
      <c r="E362">
        <f t="shared" si="16"/>
        <v>30.836039000000028</v>
      </c>
      <c r="F362">
        <f t="shared" si="17"/>
        <v>1.5459720198557E-2</v>
      </c>
    </row>
    <row r="363" spans="1:6" x14ac:dyDescent="0.2">
      <c r="A363">
        <v>1106.4086789999999</v>
      </c>
      <c r="B363">
        <v>20.036562</v>
      </c>
      <c r="C363">
        <v>9.0471039999999991</v>
      </c>
      <c r="D363">
        <f t="shared" si="15"/>
        <v>1.8067329999999995</v>
      </c>
      <c r="E363">
        <f t="shared" si="16"/>
        <v>30.193461999999954</v>
      </c>
      <c r="F363">
        <f t="shared" si="17"/>
        <v>1.5104395938421248E-2</v>
      </c>
    </row>
    <row r="364" spans="1:6" x14ac:dyDescent="0.2">
      <c r="A364">
        <v>1106.2630140000001</v>
      </c>
      <c r="B364">
        <v>20.000275999999999</v>
      </c>
      <c r="C364">
        <v>9.0521089999999997</v>
      </c>
      <c r="D364">
        <f t="shared" si="15"/>
        <v>1.8117380000000001</v>
      </c>
      <c r="E364">
        <f t="shared" si="16"/>
        <v>30.047797000000173</v>
      </c>
      <c r="F364">
        <f t="shared" si="17"/>
        <v>1.4991975034684829E-2</v>
      </c>
    </row>
    <row r="365" spans="1:6" x14ac:dyDescent="0.2">
      <c r="A365">
        <v>1106.386092</v>
      </c>
      <c r="B365">
        <v>19.972626999999999</v>
      </c>
      <c r="C365">
        <v>9.0571140000000003</v>
      </c>
      <c r="D365">
        <f t="shared" si="15"/>
        <v>1.8167430000000007</v>
      </c>
      <c r="E365">
        <f t="shared" si="16"/>
        <v>30.170875000000024</v>
      </c>
      <c r="F365">
        <f t="shared" si="17"/>
        <v>1.5010242280794239E-2</v>
      </c>
    </row>
    <row r="366" spans="1:6" x14ac:dyDescent="0.2">
      <c r="A366">
        <v>1106.995373</v>
      </c>
      <c r="B366">
        <v>19.958846000000001</v>
      </c>
      <c r="C366">
        <v>9.0621179999999999</v>
      </c>
      <c r="D366">
        <f t="shared" si="15"/>
        <v>1.8217470000000002</v>
      </c>
      <c r="E366">
        <f t="shared" si="16"/>
        <v>30.780156000000034</v>
      </c>
      <c r="F366">
        <f t="shared" si="17"/>
        <v>1.5262896104192437E-2</v>
      </c>
    </row>
    <row r="367" spans="1:6" x14ac:dyDescent="0.2">
      <c r="A367">
        <v>1107.6361429999999</v>
      </c>
      <c r="B367">
        <v>19.950579999999999</v>
      </c>
      <c r="C367">
        <v>9.0671230000000005</v>
      </c>
      <c r="D367">
        <f t="shared" si="15"/>
        <v>1.8267520000000008</v>
      </c>
      <c r="E367">
        <f t="shared" si="16"/>
        <v>31.420926000000009</v>
      </c>
      <c r="F367">
        <f t="shared" si="17"/>
        <v>1.5528956369041788E-2</v>
      </c>
    </row>
    <row r="368" spans="1:6" x14ac:dyDescent="0.2">
      <c r="A368">
        <v>1108.27943</v>
      </c>
      <c r="B368">
        <v>19.959982</v>
      </c>
      <c r="C368">
        <v>9.0721279999999993</v>
      </c>
      <c r="D368">
        <f t="shared" si="15"/>
        <v>1.8317569999999996</v>
      </c>
      <c r="E368">
        <f t="shared" si="16"/>
        <v>32.064213000000109</v>
      </c>
      <c r="F368">
        <f t="shared" si="17"/>
        <v>1.5794411630576571E-2</v>
      </c>
    </row>
    <row r="369" spans="1:6" x14ac:dyDescent="0.2">
      <c r="A369">
        <v>1108.605904</v>
      </c>
      <c r="B369">
        <v>19.971185999999999</v>
      </c>
      <c r="C369">
        <v>9.0771329999999999</v>
      </c>
      <c r="D369">
        <f t="shared" si="15"/>
        <v>1.8367620000000002</v>
      </c>
      <c r="E369">
        <f t="shared" si="16"/>
        <v>32.390687000000071</v>
      </c>
      <c r="F369">
        <f t="shared" si="17"/>
        <v>1.5907066123803191E-2</v>
      </c>
    </row>
    <row r="370" spans="1:6" x14ac:dyDescent="0.2">
      <c r="A370">
        <v>1109.166635</v>
      </c>
      <c r="B370">
        <v>19.963075</v>
      </c>
      <c r="C370">
        <v>9.0821380000000005</v>
      </c>
      <c r="D370">
        <f t="shared" si="15"/>
        <v>1.8417670000000008</v>
      </c>
      <c r="E370">
        <f t="shared" si="16"/>
        <v>32.951418000000103</v>
      </c>
      <c r="F370">
        <f t="shared" si="17"/>
        <v>1.6130306663700442E-2</v>
      </c>
    </row>
    <row r="371" spans="1:6" x14ac:dyDescent="0.2">
      <c r="A371">
        <v>1110.0037070000001</v>
      </c>
      <c r="B371">
        <v>19.917477999999999</v>
      </c>
      <c r="C371">
        <v>9.0871420000000001</v>
      </c>
      <c r="D371">
        <f t="shared" si="15"/>
        <v>1.8467710000000004</v>
      </c>
      <c r="E371">
        <f t="shared" si="16"/>
        <v>33.788490000000138</v>
      </c>
      <c r="F371">
        <f t="shared" si="17"/>
        <v>1.6482812120462844E-2</v>
      </c>
    </row>
    <row r="372" spans="1:6" x14ac:dyDescent="0.2">
      <c r="A372">
        <v>1111.097583</v>
      </c>
      <c r="B372">
        <v>19.970120000000001</v>
      </c>
      <c r="C372">
        <v>9.0921470000000006</v>
      </c>
      <c r="D372">
        <f t="shared" si="15"/>
        <v>1.851776000000001</v>
      </c>
      <c r="E372">
        <f t="shared" si="16"/>
        <v>34.882366000000047</v>
      </c>
      <c r="F372">
        <f t="shared" si="17"/>
        <v>1.6953730709112533E-2</v>
      </c>
    </row>
    <row r="373" spans="1:6" x14ac:dyDescent="0.2">
      <c r="A373">
        <v>1111.4372350000001</v>
      </c>
      <c r="B373">
        <v>19.986978000000001</v>
      </c>
      <c r="C373">
        <v>9.0971519999999995</v>
      </c>
      <c r="D373">
        <f t="shared" si="15"/>
        <v>1.8567809999999998</v>
      </c>
      <c r="E373">
        <f t="shared" si="16"/>
        <v>35.222018000000162</v>
      </c>
      <c r="F373">
        <f t="shared" si="17"/>
        <v>1.7067448810335593E-2</v>
      </c>
    </row>
    <row r="374" spans="1:6" x14ac:dyDescent="0.2">
      <c r="A374">
        <v>1111.3899630000001</v>
      </c>
      <c r="B374">
        <v>20.012322000000001</v>
      </c>
      <c r="C374">
        <v>9.1021570000000001</v>
      </c>
      <c r="D374">
        <f t="shared" si="15"/>
        <v>1.8617860000000004</v>
      </c>
      <c r="E374">
        <f t="shared" si="16"/>
        <v>35.174746000000141</v>
      </c>
      <c r="F374">
        <f t="shared" si="17"/>
        <v>1.6999444873082172E-2</v>
      </c>
    </row>
    <row r="375" spans="1:6" x14ac:dyDescent="0.2">
      <c r="A375">
        <v>1111.075098</v>
      </c>
      <c r="B375">
        <v>20.002075000000001</v>
      </c>
      <c r="C375">
        <v>9.1071620000000006</v>
      </c>
      <c r="D375">
        <f t="shared" si="15"/>
        <v>1.866791000000001</v>
      </c>
      <c r="E375">
        <f t="shared" si="16"/>
        <v>34.859881000000087</v>
      </c>
      <c r="F375">
        <f t="shared" si="17"/>
        <v>1.6806867944671941E-2</v>
      </c>
    </row>
    <row r="376" spans="1:6" x14ac:dyDescent="0.2">
      <c r="A376">
        <v>1110.777024</v>
      </c>
      <c r="B376">
        <v>20.009201999999998</v>
      </c>
      <c r="C376">
        <v>9.1121660000000002</v>
      </c>
      <c r="D376">
        <f t="shared" si="15"/>
        <v>1.8717950000000005</v>
      </c>
      <c r="E376">
        <f t="shared" si="16"/>
        <v>34.561807000000044</v>
      </c>
      <c r="F376">
        <f t="shared" si="17"/>
        <v>1.6623071384940468E-2</v>
      </c>
    </row>
    <row r="377" spans="1:6" x14ac:dyDescent="0.2">
      <c r="A377">
        <v>1110.1899089999999</v>
      </c>
      <c r="B377">
        <v>20.054079000000002</v>
      </c>
      <c r="C377">
        <v>9.1171710000000008</v>
      </c>
      <c r="D377">
        <f t="shared" si="15"/>
        <v>1.8768000000000011</v>
      </c>
      <c r="E377">
        <f t="shared" si="16"/>
        <v>33.974692000000005</v>
      </c>
      <c r="F377">
        <f t="shared" si="17"/>
        <v>1.6305730422788451E-2</v>
      </c>
    </row>
    <row r="378" spans="1:6" x14ac:dyDescent="0.2">
      <c r="A378">
        <v>1109.4628230000001</v>
      </c>
      <c r="B378">
        <v>20.050350999999999</v>
      </c>
      <c r="C378">
        <v>9.1221759999999996</v>
      </c>
      <c r="D378">
        <f t="shared" si="15"/>
        <v>1.8818049999999999</v>
      </c>
      <c r="E378">
        <f t="shared" si="16"/>
        <v>33.247606000000133</v>
      </c>
      <c r="F378">
        <f t="shared" si="17"/>
        <v>1.592476408069711E-2</v>
      </c>
    </row>
    <row r="379" spans="1:6" x14ac:dyDescent="0.2">
      <c r="A379">
        <v>1108.7363190000001</v>
      </c>
      <c r="B379">
        <v>20.049883999999999</v>
      </c>
      <c r="C379">
        <v>9.1271810000000002</v>
      </c>
      <c r="D379">
        <f t="shared" si="15"/>
        <v>1.8868100000000005</v>
      </c>
      <c r="E379">
        <f t="shared" si="16"/>
        <v>32.521102000000155</v>
      </c>
      <c r="F379">
        <f t="shared" si="17"/>
        <v>1.5545647300996425E-2</v>
      </c>
    </row>
    <row r="380" spans="1:6" x14ac:dyDescent="0.2">
      <c r="A380">
        <v>1107.48469</v>
      </c>
      <c r="B380">
        <v>20.089098</v>
      </c>
      <c r="C380">
        <v>9.1321860000000008</v>
      </c>
      <c r="D380">
        <f t="shared" si="15"/>
        <v>1.8918150000000011</v>
      </c>
      <c r="E380">
        <f t="shared" si="16"/>
        <v>31.269473000000062</v>
      </c>
      <c r="F380">
        <f t="shared" si="17"/>
        <v>1.4924650374018807E-2</v>
      </c>
    </row>
    <row r="381" spans="1:6" x14ac:dyDescent="0.2">
      <c r="A381">
        <v>1106.4831039999999</v>
      </c>
      <c r="B381">
        <v>20.05603</v>
      </c>
      <c r="C381">
        <v>9.1371900000000004</v>
      </c>
      <c r="D381">
        <f t="shared" si="15"/>
        <v>1.8968190000000007</v>
      </c>
      <c r="E381">
        <f t="shared" si="16"/>
        <v>30.267886999999973</v>
      </c>
      <c r="F381">
        <f t="shared" si="17"/>
        <v>1.4421532933826923E-2</v>
      </c>
    </row>
    <row r="382" spans="1:6" x14ac:dyDescent="0.2">
      <c r="A382">
        <v>1105.3102389999999</v>
      </c>
      <c r="B382">
        <v>20.09337</v>
      </c>
      <c r="C382">
        <v>9.1421949999999992</v>
      </c>
      <c r="D382">
        <f t="shared" si="15"/>
        <v>1.9018239999999995</v>
      </c>
      <c r="E382">
        <f t="shared" si="16"/>
        <v>29.095021999999972</v>
      </c>
      <c r="F382">
        <f t="shared" si="17"/>
        <v>1.3840894972539319E-2</v>
      </c>
    </row>
    <row r="383" spans="1:6" x14ac:dyDescent="0.2">
      <c r="A383">
        <v>1104.188625</v>
      </c>
      <c r="B383">
        <v>20.067799000000001</v>
      </c>
      <c r="C383">
        <v>9.1471999999999998</v>
      </c>
      <c r="D383">
        <f t="shared" si="15"/>
        <v>1.9068290000000001</v>
      </c>
      <c r="E383">
        <f t="shared" si="16"/>
        <v>27.973408000000063</v>
      </c>
      <c r="F383">
        <f t="shared" si="17"/>
        <v>1.3285881133129106E-2</v>
      </c>
    </row>
    <row r="384" spans="1:6" x14ac:dyDescent="0.2">
      <c r="A384">
        <v>1103.7608929999999</v>
      </c>
      <c r="B384">
        <v>19.996665</v>
      </c>
      <c r="C384">
        <v>9.1522050000000004</v>
      </c>
      <c r="D384">
        <f t="shared" si="15"/>
        <v>1.9118340000000007</v>
      </c>
      <c r="E384">
        <f t="shared" si="16"/>
        <v>27.545675999999958</v>
      </c>
      <c r="F384">
        <f t="shared" si="17"/>
        <v>1.3053538409885672E-2</v>
      </c>
    </row>
    <row r="385" spans="1:6" x14ac:dyDescent="0.2">
      <c r="A385">
        <v>1104.3633139999999</v>
      </c>
      <c r="B385">
        <v>19.931246000000002</v>
      </c>
      <c r="C385">
        <v>9.1572099999999992</v>
      </c>
      <c r="D385">
        <f t="shared" si="15"/>
        <v>1.9168389999999995</v>
      </c>
      <c r="E385">
        <f t="shared" si="16"/>
        <v>28.148097000000007</v>
      </c>
      <c r="F385">
        <f t="shared" si="17"/>
        <v>1.3296931476303476E-2</v>
      </c>
    </row>
    <row r="386" spans="1:6" x14ac:dyDescent="0.2">
      <c r="A386">
        <v>1105.2527009999999</v>
      </c>
      <c r="B386">
        <v>19.948964</v>
      </c>
      <c r="C386">
        <v>9.1622140000000005</v>
      </c>
      <c r="D386">
        <f t="shared" si="15"/>
        <v>1.9218430000000009</v>
      </c>
      <c r="E386">
        <f t="shared" si="16"/>
        <v>29.037483999999949</v>
      </c>
      <c r="F386">
        <f t="shared" si="17"/>
        <v>1.3670345546002055E-2</v>
      </c>
    </row>
    <row r="387" spans="1:6" x14ac:dyDescent="0.2">
      <c r="A387">
        <v>1106.0221509999999</v>
      </c>
      <c r="B387">
        <v>19.937757999999999</v>
      </c>
      <c r="C387">
        <v>9.1672189999999993</v>
      </c>
      <c r="D387">
        <f t="shared" ref="D387:D406" si="18">C387-$C$2</f>
        <v>1.9268479999999997</v>
      </c>
      <c r="E387">
        <f t="shared" ref="E387:E406" si="19">A387-$A$2</f>
        <v>29.806933999999956</v>
      </c>
      <c r="F387">
        <f t="shared" ref="F387:F413" si="20">(1/A387)*(E387/D387)</f>
        <v>1.3986402572714517E-2</v>
      </c>
    </row>
    <row r="388" spans="1:6" x14ac:dyDescent="0.2">
      <c r="A388">
        <v>1107.1243710000001</v>
      </c>
      <c r="B388">
        <v>19.921306000000001</v>
      </c>
      <c r="C388">
        <v>9.1722239999999999</v>
      </c>
      <c r="D388">
        <f t="shared" si="18"/>
        <v>1.9318530000000003</v>
      </c>
      <c r="E388">
        <f t="shared" si="19"/>
        <v>30.909154000000171</v>
      </c>
      <c r="F388">
        <f t="shared" si="20"/>
        <v>1.4451623237694836E-2</v>
      </c>
    </row>
    <row r="389" spans="1:6" x14ac:dyDescent="0.2">
      <c r="A389">
        <v>1108.7052160000001</v>
      </c>
      <c r="B389">
        <v>19.878118000000001</v>
      </c>
      <c r="C389">
        <v>9.1772290000000005</v>
      </c>
      <c r="D389">
        <f t="shared" si="18"/>
        <v>1.9368580000000009</v>
      </c>
      <c r="E389">
        <f t="shared" si="19"/>
        <v>32.489999000000125</v>
      </c>
      <c r="F389">
        <f t="shared" si="20"/>
        <v>1.5129891914865032E-2</v>
      </c>
    </row>
    <row r="390" spans="1:6" x14ac:dyDescent="0.2">
      <c r="A390">
        <v>1110.2576240000001</v>
      </c>
      <c r="B390">
        <v>19.908182</v>
      </c>
      <c r="C390">
        <v>9.1822339999999993</v>
      </c>
      <c r="D390">
        <f t="shared" si="18"/>
        <v>1.9418629999999997</v>
      </c>
      <c r="E390">
        <f t="shared" si="19"/>
        <v>34.042407000000139</v>
      </c>
      <c r="F390">
        <f t="shared" si="20"/>
        <v>1.5789846525515482E-2</v>
      </c>
    </row>
    <row r="391" spans="1:6" x14ac:dyDescent="0.2">
      <c r="A391">
        <v>1111.3422740000001</v>
      </c>
      <c r="B391">
        <v>19.949273000000002</v>
      </c>
      <c r="C391">
        <v>9.1872380000000007</v>
      </c>
      <c r="D391">
        <f t="shared" si="18"/>
        <v>1.946867000000001</v>
      </c>
      <c r="E391">
        <f t="shared" si="19"/>
        <v>35.12705700000015</v>
      </c>
      <c r="F391">
        <f t="shared" si="20"/>
        <v>1.6235200149672547E-2</v>
      </c>
    </row>
    <row r="392" spans="1:6" x14ac:dyDescent="0.2">
      <c r="A392">
        <v>1111.6715529999999</v>
      </c>
      <c r="B392">
        <v>19.980764000000001</v>
      </c>
      <c r="C392">
        <v>9.1922429999999995</v>
      </c>
      <c r="D392">
        <f t="shared" si="18"/>
        <v>1.9518719999999998</v>
      </c>
      <c r="E392">
        <f t="shared" si="19"/>
        <v>35.456335999999965</v>
      </c>
      <c r="F392">
        <f t="shared" si="20"/>
        <v>1.6340525828352225E-2</v>
      </c>
    </row>
    <row r="393" spans="1:6" x14ac:dyDescent="0.2">
      <c r="A393">
        <v>1112.335593</v>
      </c>
      <c r="B393">
        <v>19.958376000000001</v>
      </c>
      <c r="C393">
        <v>9.1972480000000001</v>
      </c>
      <c r="D393">
        <f t="shared" si="18"/>
        <v>1.9568770000000004</v>
      </c>
      <c r="E393">
        <f t="shared" si="19"/>
        <v>36.120376000000078</v>
      </c>
      <c r="F393">
        <f t="shared" si="20"/>
        <v>1.6594069301628003E-2</v>
      </c>
    </row>
    <row r="394" spans="1:6" x14ac:dyDescent="0.2">
      <c r="A394">
        <v>1112.4105400000001</v>
      </c>
      <c r="B394">
        <v>20.005268999999998</v>
      </c>
      <c r="C394">
        <v>9.2022530000000007</v>
      </c>
      <c r="D394">
        <f t="shared" si="18"/>
        <v>1.961882000000001</v>
      </c>
      <c r="E394">
        <f t="shared" si="19"/>
        <v>36.195323000000144</v>
      </c>
      <c r="F394">
        <f t="shared" si="20"/>
        <v>1.658496192463204E-2</v>
      </c>
    </row>
    <row r="395" spans="1:6" x14ac:dyDescent="0.2">
      <c r="A395">
        <v>1111.877164</v>
      </c>
      <c r="B395">
        <v>20.055461000000001</v>
      </c>
      <c r="C395">
        <v>9.2072579999999995</v>
      </c>
      <c r="D395">
        <f t="shared" si="18"/>
        <v>1.9668869999999998</v>
      </c>
      <c r="E395">
        <f t="shared" si="19"/>
        <v>35.661947000000055</v>
      </c>
      <c r="F395">
        <f t="shared" si="20"/>
        <v>1.6306803190232037E-2</v>
      </c>
    </row>
    <row r="396" spans="1:6" x14ac:dyDescent="0.2">
      <c r="A396">
        <v>1110.908156</v>
      </c>
      <c r="B396">
        <v>20.065379</v>
      </c>
      <c r="C396">
        <v>9.2122620000000008</v>
      </c>
      <c r="D396">
        <f t="shared" si="18"/>
        <v>1.9718910000000012</v>
      </c>
      <c r="E396">
        <f t="shared" si="19"/>
        <v>34.692939000000024</v>
      </c>
      <c r="F396">
        <f t="shared" si="20"/>
        <v>1.5837259483651511E-2</v>
      </c>
    </row>
    <row r="397" spans="1:6" x14ac:dyDescent="0.2">
      <c r="A397">
        <v>1109.9980909999999</v>
      </c>
      <c r="B397">
        <v>20.046899</v>
      </c>
      <c r="C397">
        <v>9.2172669999999997</v>
      </c>
      <c r="D397">
        <f t="shared" si="18"/>
        <v>1.976896</v>
      </c>
      <c r="E397">
        <f t="shared" si="19"/>
        <v>33.782873999999993</v>
      </c>
      <c r="F397">
        <f t="shared" si="20"/>
        <v>1.5395384463555513E-2</v>
      </c>
    </row>
    <row r="398" spans="1:6" x14ac:dyDescent="0.2">
      <c r="A398">
        <v>1109.198165</v>
      </c>
      <c r="B398">
        <v>20.038150000000002</v>
      </c>
      <c r="C398">
        <v>9.2222720000000002</v>
      </c>
      <c r="D398">
        <f t="shared" si="18"/>
        <v>1.9819010000000006</v>
      </c>
      <c r="E398">
        <f t="shared" si="19"/>
        <v>32.982948000000079</v>
      </c>
      <c r="F398">
        <f t="shared" si="20"/>
        <v>1.5003699966474944E-2</v>
      </c>
    </row>
    <row r="399" spans="1:6" x14ac:dyDescent="0.2">
      <c r="A399">
        <v>1108.606229</v>
      </c>
      <c r="B399">
        <v>20.042596</v>
      </c>
      <c r="C399">
        <v>9.2272770000000008</v>
      </c>
      <c r="D399">
        <f t="shared" si="18"/>
        <v>1.9869060000000012</v>
      </c>
      <c r="E399">
        <f t="shared" si="19"/>
        <v>32.391012000000046</v>
      </c>
      <c r="F399">
        <f t="shared" si="20"/>
        <v>1.4705164302267993E-2</v>
      </c>
    </row>
    <row r="400" spans="1:6" x14ac:dyDescent="0.2">
      <c r="A400">
        <v>1107.6937479999999</v>
      </c>
      <c r="B400">
        <v>20.045539999999999</v>
      </c>
      <c r="C400">
        <v>9.2322819999999997</v>
      </c>
      <c r="D400">
        <f t="shared" si="18"/>
        <v>1.991911</v>
      </c>
      <c r="E400">
        <f t="shared" si="19"/>
        <v>31.478530999999975</v>
      </c>
      <c r="F400">
        <f t="shared" si="20"/>
        <v>1.4266742496270792E-2</v>
      </c>
    </row>
    <row r="401" spans="1:7" x14ac:dyDescent="0.2">
      <c r="A401">
        <v>1107.3510570000001</v>
      </c>
      <c r="B401">
        <v>20.021006</v>
      </c>
      <c r="C401">
        <v>9.2372859999999992</v>
      </c>
      <c r="D401">
        <f t="shared" si="18"/>
        <v>1.9969149999999996</v>
      </c>
      <c r="E401">
        <f t="shared" si="19"/>
        <v>31.135840000000144</v>
      </c>
      <c r="F401">
        <f t="shared" si="20"/>
        <v>1.4080422388284412E-2</v>
      </c>
    </row>
    <row r="402" spans="1:7" x14ac:dyDescent="0.2">
      <c r="A402">
        <v>1107.2804490000001</v>
      </c>
      <c r="B402">
        <v>19.968843</v>
      </c>
      <c r="C402">
        <v>9.2422909999999998</v>
      </c>
      <c r="D402">
        <f t="shared" si="18"/>
        <v>2.0019200000000001</v>
      </c>
      <c r="E402">
        <f t="shared" si="19"/>
        <v>31.065232000000151</v>
      </c>
      <c r="F402">
        <f t="shared" si="20"/>
        <v>1.4014262605091742E-2</v>
      </c>
    </row>
    <row r="403" spans="1:7" x14ac:dyDescent="0.2">
      <c r="A403">
        <v>1107.037767</v>
      </c>
      <c r="B403">
        <v>19.990172999999999</v>
      </c>
      <c r="C403">
        <v>9.2472960000000004</v>
      </c>
      <c r="D403">
        <f t="shared" si="18"/>
        <v>2.0069250000000007</v>
      </c>
      <c r="E403">
        <f t="shared" si="19"/>
        <v>30.822550000000092</v>
      </c>
      <c r="F403">
        <f t="shared" si="20"/>
        <v>1.3873146919570893E-2</v>
      </c>
    </row>
    <row r="404" spans="1:7" x14ac:dyDescent="0.2">
      <c r="A404">
        <v>1106.26848</v>
      </c>
      <c r="B404">
        <v>19.973115</v>
      </c>
      <c r="C404">
        <v>9.2523009999999992</v>
      </c>
      <c r="D404">
        <f t="shared" si="18"/>
        <v>2.0119299999999996</v>
      </c>
      <c r="E404">
        <f t="shared" si="19"/>
        <v>30.053263000000015</v>
      </c>
      <c r="F404">
        <f t="shared" si="20"/>
        <v>1.3502625636308229E-2</v>
      </c>
    </row>
    <row r="405" spans="1:7" x14ac:dyDescent="0.2">
      <c r="A405">
        <v>1105.715193</v>
      </c>
      <c r="B405">
        <v>19.954585999999999</v>
      </c>
      <c r="C405">
        <v>9.2573059999999998</v>
      </c>
      <c r="D405">
        <f t="shared" si="18"/>
        <v>2.0169350000000001</v>
      </c>
      <c r="E405">
        <f t="shared" si="19"/>
        <v>29.499976000000061</v>
      </c>
      <c r="F405">
        <f t="shared" si="20"/>
        <v>1.3227765379736425E-2</v>
      </c>
    </row>
    <row r="406" spans="1:7" s="1" customFormat="1" x14ac:dyDescent="0.2">
      <c r="A406">
        <v>1105.953812</v>
      </c>
      <c r="B406">
        <v>19.862922000000001</v>
      </c>
      <c r="C406">
        <v>9.2623099999999994</v>
      </c>
      <c r="D406">
        <f t="shared" si="18"/>
        <v>2.0219389999999997</v>
      </c>
      <c r="E406">
        <f t="shared" si="19"/>
        <v>29.738595000000032</v>
      </c>
      <c r="F406">
        <f t="shared" si="20"/>
        <v>1.3298890413969703E-2</v>
      </c>
      <c r="G406"/>
    </row>
    <row r="407" spans="1:7" s="1" customFormat="1" x14ac:dyDescent="0.2">
      <c r="A407">
        <v>1105.902904</v>
      </c>
      <c r="B407">
        <v>19.885587000000001</v>
      </c>
      <c r="C407">
        <v>9.267315</v>
      </c>
      <c r="D407">
        <f t="shared" ref="D407:D413" si="21">C407-$C$2</f>
        <v>2.0269440000000003</v>
      </c>
      <c r="E407">
        <f t="shared" ref="E407:E413" si="22">A407-$A$2</f>
        <v>29.687687000000096</v>
      </c>
      <c r="F407">
        <f t="shared" si="20"/>
        <v>1.3243952480254572E-2</v>
      </c>
      <c r="G407"/>
    </row>
    <row r="408" spans="1:7" s="1" customFormat="1" x14ac:dyDescent="0.2">
      <c r="A408">
        <v>1105.7637990000001</v>
      </c>
      <c r="B408">
        <v>19.863477</v>
      </c>
      <c r="C408">
        <v>9.2723200000000006</v>
      </c>
      <c r="D408">
        <f t="shared" si="21"/>
        <v>2.0319490000000009</v>
      </c>
      <c r="E408">
        <f t="shared" si="22"/>
        <v>29.548582000000124</v>
      </c>
      <c r="F408">
        <f t="shared" si="20"/>
        <v>1.3151081627196413E-2</v>
      </c>
      <c r="G408"/>
    </row>
    <row r="409" spans="1:7" x14ac:dyDescent="0.2">
      <c r="A409">
        <v>1105.650807</v>
      </c>
      <c r="B409">
        <v>19.831938000000001</v>
      </c>
      <c r="C409">
        <v>9.2773249999999994</v>
      </c>
      <c r="D409">
        <f t="shared" si="21"/>
        <v>2.0369539999999997</v>
      </c>
      <c r="E409">
        <f t="shared" si="22"/>
        <v>29.435590000000047</v>
      </c>
      <c r="F409">
        <f t="shared" si="20"/>
        <v>1.3069938268431574E-2</v>
      </c>
    </row>
    <row r="410" spans="1:7" x14ac:dyDescent="0.2">
      <c r="A410">
        <v>1105.9223950000001</v>
      </c>
      <c r="B410">
        <v>19.784248999999999</v>
      </c>
      <c r="C410">
        <v>9.28233</v>
      </c>
      <c r="D410">
        <f t="shared" si="21"/>
        <v>2.0419590000000003</v>
      </c>
      <c r="E410">
        <f t="shared" si="22"/>
        <v>29.707178000000113</v>
      </c>
      <c r="F410">
        <f t="shared" si="20"/>
        <v>1.3154965942566278E-2</v>
      </c>
    </row>
    <row r="411" spans="1:7" x14ac:dyDescent="0.2">
      <c r="A411">
        <v>1105.9296340000001</v>
      </c>
      <c r="B411">
        <v>19.821403</v>
      </c>
      <c r="C411">
        <v>9.2873339999999995</v>
      </c>
      <c r="D411">
        <f t="shared" si="21"/>
        <v>2.0469629999999999</v>
      </c>
      <c r="E411">
        <f t="shared" si="22"/>
        <v>29.71441700000014</v>
      </c>
      <c r="F411">
        <f t="shared" si="20"/>
        <v>1.3125919177632468E-2</v>
      </c>
    </row>
    <row r="412" spans="1:7" x14ac:dyDescent="0.2">
      <c r="A412">
        <v>1105.14993</v>
      </c>
      <c r="B412">
        <v>19.836169999999999</v>
      </c>
      <c r="C412">
        <v>9.2923390000000001</v>
      </c>
      <c r="D412">
        <f t="shared" si="21"/>
        <v>2.0519680000000005</v>
      </c>
      <c r="E412">
        <f t="shared" si="22"/>
        <v>28.934713000000102</v>
      </c>
      <c r="F412">
        <f t="shared" si="20"/>
        <v>1.2759316039049291E-2</v>
      </c>
    </row>
    <row r="413" spans="1:7" s="1" customFormat="1" x14ac:dyDescent="0.2">
      <c r="A413" s="1">
        <v>1104.488439</v>
      </c>
      <c r="B413" s="1">
        <v>19.781863999999999</v>
      </c>
      <c r="C413">
        <v>9.2973440000000007</v>
      </c>
      <c r="D413">
        <f t="shared" si="21"/>
        <v>2.0569730000000011</v>
      </c>
      <c r="E413">
        <f t="shared" si="22"/>
        <v>28.273222000000032</v>
      </c>
      <c r="F413">
        <f t="shared" si="20"/>
        <v>1.2444731694713287E-2</v>
      </c>
      <c r="G413"/>
    </row>
    <row r="414" spans="1:7" s="1" customFormat="1" ht="15" x14ac:dyDescent="0.25">
      <c r="A414" s="1">
        <f>MAX(A2:A413)</f>
        <v>1115.1314649999999</v>
      </c>
      <c r="B414" s="9" t="s">
        <v>16</v>
      </c>
      <c r="D414"/>
      <c r="E414"/>
      <c r="F414"/>
      <c r="G414"/>
    </row>
    <row r="415" spans="1:7" s="1" customFormat="1" ht="15" x14ac:dyDescent="0.25">
      <c r="A415" s="1">
        <f>MIN(A2:A413)</f>
        <v>1076.2152169999999</v>
      </c>
      <c r="B415" s="9" t="s">
        <v>17</v>
      </c>
      <c r="D415"/>
      <c r="E415"/>
      <c r="F415"/>
      <c r="G415"/>
    </row>
    <row r="416" spans="1:7" s="1" customFormat="1" x14ac:dyDescent="0.2">
      <c r="D416"/>
      <c r="E416"/>
      <c r="F416"/>
      <c r="G416"/>
    </row>
    <row r="417" spans="1:3" x14ac:dyDescent="0.2">
      <c r="A417" t="s">
        <v>20</v>
      </c>
      <c r="C417" s="14">
        <f>E413/A415</f>
        <v>2.6270974014670555E-2</v>
      </c>
    </row>
  </sheetData>
  <pageMargins left="0.7" right="0.7" top="0.75" bottom="0.75" header="0.3" footer="0.3"/>
  <drawing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25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1021.014826</v>
      </c>
      <c r="B2" s="1">
        <v>19.901714999999999</v>
      </c>
      <c r="C2">
        <v>7.800192</v>
      </c>
      <c r="D2">
        <f>C2-$C$2</f>
        <v>0</v>
      </c>
      <c r="E2">
        <f>A2-$A$2</f>
        <v>0</v>
      </c>
      <c r="G2" s="3">
        <f>(A422-A423)/A422</f>
        <v>2.5411145743533734E-2</v>
      </c>
    </row>
    <row r="3" spans="1:7" x14ac:dyDescent="0.2">
      <c r="A3">
        <v>1024.347794</v>
      </c>
      <c r="B3">
        <v>19.995742</v>
      </c>
      <c r="C3">
        <v>7.8051969999999997</v>
      </c>
      <c r="D3">
        <f t="shared" ref="D3:D6" si="0">C3-$C$2</f>
        <v>5.0049999999997041E-3</v>
      </c>
      <c r="E3">
        <f t="shared" ref="E3:E6" si="1">A3-$A$2</f>
        <v>3.3329680000000508</v>
      </c>
      <c r="F3">
        <f t="shared" ref="F3:F66" si="2">(1/A3)*(E3/D3)</f>
        <v>0.65009919114222436</v>
      </c>
      <c r="G3" s="4">
        <f>G2*100</f>
        <v>2.5411145743533736</v>
      </c>
    </row>
    <row r="4" spans="1:7" x14ac:dyDescent="0.2">
      <c r="A4">
        <v>1025.5745919999999</v>
      </c>
      <c r="B4">
        <v>19.887035000000001</v>
      </c>
      <c r="C4">
        <v>7.8102020000000003</v>
      </c>
      <c r="D4">
        <f t="shared" si="0"/>
        <v>1.0010000000000296E-2</v>
      </c>
      <c r="E4">
        <f t="shared" si="1"/>
        <v>4.5597659999999678</v>
      </c>
      <c r="F4">
        <f t="shared" si="2"/>
        <v>0.44416182155287076</v>
      </c>
    </row>
    <row r="5" spans="1:7" x14ac:dyDescent="0.2">
      <c r="A5">
        <v>1026.4451710000001</v>
      </c>
      <c r="B5">
        <v>19.948411</v>
      </c>
      <c r="C5">
        <v>7.8152059999999999</v>
      </c>
      <c r="D5">
        <f t="shared" si="0"/>
        <v>1.5013999999999861E-2</v>
      </c>
      <c r="E5">
        <f t="shared" si="1"/>
        <v>5.4303450000001021</v>
      </c>
      <c r="F5">
        <f t="shared" si="2"/>
        <v>0.35236702081466653</v>
      </c>
    </row>
    <row r="6" spans="1:7" x14ac:dyDescent="0.2">
      <c r="A6">
        <v>1027.2726050000001</v>
      </c>
      <c r="B6">
        <v>19.941234999999999</v>
      </c>
      <c r="C6">
        <v>7.8202109999999996</v>
      </c>
      <c r="D6">
        <f t="shared" si="0"/>
        <v>2.0018999999999565E-2</v>
      </c>
      <c r="E6">
        <f t="shared" si="1"/>
        <v>6.2577790000001414</v>
      </c>
      <c r="F6">
        <f t="shared" si="2"/>
        <v>0.30429312150476612</v>
      </c>
    </row>
    <row r="7" spans="1:7" x14ac:dyDescent="0.2">
      <c r="A7">
        <v>1028.173315</v>
      </c>
      <c r="B7">
        <v>19.921690999999999</v>
      </c>
      <c r="C7">
        <v>7.8252160000000002</v>
      </c>
      <c r="D7">
        <f t="shared" ref="D7:D70" si="3">C7-$C$2</f>
        <v>2.5024000000000157E-2</v>
      </c>
      <c r="E7">
        <f t="shared" ref="E7:E70" si="4">A7-$A$2</f>
        <v>7.1584890000000314</v>
      </c>
      <c r="F7">
        <f t="shared" si="2"/>
        <v>0.27822637826371327</v>
      </c>
    </row>
    <row r="8" spans="1:7" x14ac:dyDescent="0.2">
      <c r="A8">
        <v>1029.2082519999999</v>
      </c>
      <c r="B8">
        <v>19.924543</v>
      </c>
      <c r="C8">
        <v>7.8302209999999999</v>
      </c>
      <c r="D8">
        <f t="shared" si="3"/>
        <v>3.0028999999999861E-2</v>
      </c>
      <c r="E8">
        <f t="shared" si="4"/>
        <v>8.1934259999999313</v>
      </c>
      <c r="F8">
        <f t="shared" si="2"/>
        <v>0.2651071287468143</v>
      </c>
    </row>
    <row r="9" spans="1:7" x14ac:dyDescent="0.2">
      <c r="A9">
        <v>1029.861257</v>
      </c>
      <c r="B9">
        <v>19.947965</v>
      </c>
      <c r="C9">
        <v>7.8352259999999996</v>
      </c>
      <c r="D9">
        <f t="shared" si="3"/>
        <v>3.5033999999999565E-2</v>
      </c>
      <c r="E9">
        <f t="shared" si="4"/>
        <v>8.8464310000000523</v>
      </c>
      <c r="F9">
        <f t="shared" si="2"/>
        <v>0.24518824686726209</v>
      </c>
    </row>
    <row r="10" spans="1:7" x14ac:dyDescent="0.2">
      <c r="A10">
        <v>1031.8837799999999</v>
      </c>
      <c r="B10">
        <v>19.813614999999999</v>
      </c>
      <c r="C10">
        <v>7.84023</v>
      </c>
      <c r="D10">
        <f t="shared" si="3"/>
        <v>4.0038000000000018E-2</v>
      </c>
      <c r="E10">
        <f t="shared" si="4"/>
        <v>10.868953999999917</v>
      </c>
      <c r="F10">
        <f t="shared" si="2"/>
        <v>0.2630780351451249</v>
      </c>
    </row>
    <row r="11" spans="1:7" x14ac:dyDescent="0.2">
      <c r="A11">
        <v>1033.2588860000001</v>
      </c>
      <c r="B11">
        <v>19.923368</v>
      </c>
      <c r="C11">
        <v>7.8452349999999997</v>
      </c>
      <c r="D11">
        <f t="shared" si="3"/>
        <v>4.5042999999999722E-2</v>
      </c>
      <c r="E11">
        <f t="shared" si="4"/>
        <v>12.244060000000104</v>
      </c>
      <c r="F11">
        <f t="shared" si="2"/>
        <v>0.26308070202600015</v>
      </c>
    </row>
    <row r="12" spans="1:7" x14ac:dyDescent="0.2">
      <c r="A12">
        <v>1033.3777259999999</v>
      </c>
      <c r="B12">
        <v>20.018305000000002</v>
      </c>
      <c r="C12">
        <v>7.8502400000000003</v>
      </c>
      <c r="D12">
        <f t="shared" si="3"/>
        <v>5.0048000000000314E-2</v>
      </c>
      <c r="E12">
        <f t="shared" si="4"/>
        <v>12.362899999999968</v>
      </c>
      <c r="F12">
        <f t="shared" si="2"/>
        <v>0.23904217573044764</v>
      </c>
    </row>
    <row r="13" spans="1:7" x14ac:dyDescent="0.2">
      <c r="A13">
        <v>1033.248045</v>
      </c>
      <c r="B13">
        <v>20.009868999999998</v>
      </c>
      <c r="C13">
        <v>7.855245</v>
      </c>
      <c r="D13">
        <f t="shared" si="3"/>
        <v>5.5053000000000019E-2</v>
      </c>
      <c r="E13">
        <f t="shared" si="4"/>
        <v>12.233219000000076</v>
      </c>
      <c r="F13">
        <f t="shared" si="2"/>
        <v>0.21505778498006889</v>
      </c>
    </row>
    <row r="14" spans="1:7" x14ac:dyDescent="0.2">
      <c r="A14">
        <v>1032.5338159999999</v>
      </c>
      <c r="B14">
        <v>20.103764000000002</v>
      </c>
      <c r="C14">
        <v>7.8602499999999997</v>
      </c>
      <c r="D14">
        <f t="shared" si="3"/>
        <v>6.0057999999999723E-2</v>
      </c>
      <c r="E14">
        <f t="shared" si="4"/>
        <v>11.518989999999917</v>
      </c>
      <c r="F14">
        <f t="shared" si="2"/>
        <v>0.18575446071709262</v>
      </c>
    </row>
    <row r="15" spans="1:7" x14ac:dyDescent="0.2">
      <c r="A15">
        <v>1031.3280360000001</v>
      </c>
      <c r="B15">
        <v>20.038606999999999</v>
      </c>
      <c r="C15">
        <v>7.8652540000000002</v>
      </c>
      <c r="D15">
        <f t="shared" si="3"/>
        <v>6.5062000000000175E-2</v>
      </c>
      <c r="E15">
        <f t="shared" si="4"/>
        <v>10.31321000000014</v>
      </c>
      <c r="F15">
        <f t="shared" si="2"/>
        <v>0.15369849954326364</v>
      </c>
    </row>
    <row r="16" spans="1:7" x14ac:dyDescent="0.2">
      <c r="A16">
        <v>1030.6948609999999</v>
      </c>
      <c r="B16">
        <v>20.080712999999999</v>
      </c>
      <c r="C16">
        <v>7.8702589999999999</v>
      </c>
      <c r="D16">
        <f t="shared" si="3"/>
        <v>7.0066999999999879E-2</v>
      </c>
      <c r="E16">
        <f t="shared" si="4"/>
        <v>9.6800349999999753</v>
      </c>
      <c r="F16">
        <f t="shared" si="2"/>
        <v>0.13403965268187445</v>
      </c>
    </row>
    <row r="17" spans="1:6" x14ac:dyDescent="0.2">
      <c r="A17">
        <v>1029.6010309999999</v>
      </c>
      <c r="B17">
        <v>20.049412</v>
      </c>
      <c r="C17">
        <v>7.8752639999999996</v>
      </c>
      <c r="D17">
        <f t="shared" si="3"/>
        <v>7.5071999999999584E-2</v>
      </c>
      <c r="E17">
        <f t="shared" si="4"/>
        <v>8.5862049999999499</v>
      </c>
      <c r="F17">
        <f t="shared" si="2"/>
        <v>0.1110847132741755</v>
      </c>
    </row>
    <row r="18" spans="1:6" x14ac:dyDescent="0.2">
      <c r="A18">
        <v>1028.321299</v>
      </c>
      <c r="B18">
        <v>20.148775000000001</v>
      </c>
      <c r="C18">
        <v>7.8802690000000002</v>
      </c>
      <c r="D18">
        <f t="shared" si="3"/>
        <v>8.0077000000000176E-2</v>
      </c>
      <c r="E18">
        <f t="shared" si="4"/>
        <v>7.3064729999999827</v>
      </c>
      <c r="F18">
        <f t="shared" si="2"/>
        <v>8.873013824922063E-2</v>
      </c>
    </row>
    <row r="19" spans="1:6" x14ac:dyDescent="0.2">
      <c r="A19">
        <v>1026.5762319999999</v>
      </c>
      <c r="B19">
        <v>20.077601999999999</v>
      </c>
      <c r="C19">
        <v>7.8852739999999999</v>
      </c>
      <c r="D19">
        <f t="shared" si="3"/>
        <v>8.508199999999988E-2</v>
      </c>
      <c r="E19">
        <f t="shared" si="4"/>
        <v>5.5614059999999199</v>
      </c>
      <c r="F19">
        <f t="shared" si="2"/>
        <v>6.3673057690126808E-2</v>
      </c>
    </row>
    <row r="20" spans="1:6" x14ac:dyDescent="0.2">
      <c r="A20">
        <v>1026.6134340000001</v>
      </c>
      <c r="B20">
        <v>19.985493999999999</v>
      </c>
      <c r="C20">
        <v>7.8902780000000003</v>
      </c>
      <c r="D20">
        <f t="shared" si="3"/>
        <v>9.0086000000000332E-2</v>
      </c>
      <c r="E20">
        <f t="shared" si="4"/>
        <v>5.5986080000001266</v>
      </c>
      <c r="F20">
        <f t="shared" si="2"/>
        <v>6.0536291687190567E-2</v>
      </c>
    </row>
    <row r="21" spans="1:6" x14ac:dyDescent="0.2">
      <c r="A21">
        <v>1026.6284920000001</v>
      </c>
      <c r="B21">
        <v>20.008386000000002</v>
      </c>
      <c r="C21">
        <v>7.8952830000000001</v>
      </c>
      <c r="D21">
        <f t="shared" si="3"/>
        <v>9.5091000000000037E-2</v>
      </c>
      <c r="E21">
        <f t="shared" si="4"/>
        <v>5.6136660000000802</v>
      </c>
      <c r="F21">
        <f t="shared" si="2"/>
        <v>5.7503442102972105E-2</v>
      </c>
    </row>
    <row r="22" spans="1:6" x14ac:dyDescent="0.2">
      <c r="A22">
        <v>1026.9487810000001</v>
      </c>
      <c r="B22">
        <v>19.936747</v>
      </c>
      <c r="C22">
        <v>7.9002879999999998</v>
      </c>
      <c r="D22">
        <f t="shared" si="3"/>
        <v>0.10009599999999974</v>
      </c>
      <c r="E22">
        <f t="shared" si="4"/>
        <v>5.9339550000000827</v>
      </c>
      <c r="F22">
        <f t="shared" si="2"/>
        <v>5.7726967268176513E-2</v>
      </c>
    </row>
    <row r="23" spans="1:6" x14ac:dyDescent="0.2">
      <c r="A23">
        <v>1028.2944620000001</v>
      </c>
      <c r="B23">
        <v>19.884533000000001</v>
      </c>
      <c r="C23">
        <v>7.9052930000000003</v>
      </c>
      <c r="D23">
        <f t="shared" si="3"/>
        <v>0.10510100000000033</v>
      </c>
      <c r="E23">
        <f t="shared" si="4"/>
        <v>7.2796360000000959</v>
      </c>
      <c r="F23">
        <f t="shared" si="2"/>
        <v>6.7357400612295809E-2</v>
      </c>
    </row>
    <row r="24" spans="1:6" x14ac:dyDescent="0.2">
      <c r="A24">
        <v>1028.9317579999999</v>
      </c>
      <c r="B24">
        <v>20.008555000000001</v>
      </c>
      <c r="C24">
        <v>7.9102980000000001</v>
      </c>
      <c r="D24">
        <f t="shared" si="3"/>
        <v>0.11010600000000004</v>
      </c>
      <c r="E24">
        <f t="shared" si="4"/>
        <v>7.9169319999999743</v>
      </c>
      <c r="F24">
        <f t="shared" si="2"/>
        <v>6.988103959176678E-2</v>
      </c>
    </row>
    <row r="25" spans="1:6" x14ac:dyDescent="0.2">
      <c r="A25">
        <v>1028.817994</v>
      </c>
      <c r="B25">
        <v>19.973222</v>
      </c>
      <c r="C25">
        <v>7.9153019999999996</v>
      </c>
      <c r="D25">
        <f t="shared" si="3"/>
        <v>0.1151099999999996</v>
      </c>
      <c r="E25">
        <f t="shared" si="4"/>
        <v>7.8031680000000279</v>
      </c>
      <c r="F25">
        <f t="shared" si="2"/>
        <v>6.5889976384026383E-2</v>
      </c>
    </row>
    <row r="26" spans="1:6" x14ac:dyDescent="0.2">
      <c r="A26">
        <v>1030.7357420000001</v>
      </c>
      <c r="B26">
        <v>19.810143</v>
      </c>
      <c r="C26">
        <v>7.9203070000000002</v>
      </c>
      <c r="D26">
        <f t="shared" si="3"/>
        <v>0.12011500000000019</v>
      </c>
      <c r="E26">
        <f t="shared" si="4"/>
        <v>9.720916000000102</v>
      </c>
      <c r="F26">
        <f t="shared" si="2"/>
        <v>7.8516803140471936E-2</v>
      </c>
    </row>
    <row r="27" spans="1:6" x14ac:dyDescent="0.2">
      <c r="A27">
        <v>1033.2271450000001</v>
      </c>
      <c r="B27">
        <v>19.806756</v>
      </c>
      <c r="C27">
        <v>7.9253119999999999</v>
      </c>
      <c r="D27">
        <f t="shared" si="3"/>
        <v>0.1251199999999999</v>
      </c>
      <c r="E27">
        <f t="shared" si="4"/>
        <v>12.212319000000093</v>
      </c>
      <c r="F27">
        <f t="shared" si="2"/>
        <v>9.4466015353005292E-2</v>
      </c>
    </row>
    <row r="28" spans="1:6" x14ac:dyDescent="0.2">
      <c r="A28">
        <v>1034.919425</v>
      </c>
      <c r="B28">
        <v>19.927479000000002</v>
      </c>
      <c r="C28">
        <v>7.9303169999999996</v>
      </c>
      <c r="D28">
        <f t="shared" si="3"/>
        <v>0.1301249999999996</v>
      </c>
      <c r="E28">
        <f t="shared" si="4"/>
        <v>13.904599000000076</v>
      </c>
      <c r="F28">
        <f t="shared" si="2"/>
        <v>0.10325026798400629</v>
      </c>
    </row>
    <row r="29" spans="1:6" x14ac:dyDescent="0.2">
      <c r="A29">
        <v>1035.0830370000001</v>
      </c>
      <c r="B29">
        <v>19.991838999999999</v>
      </c>
      <c r="C29">
        <v>7.9353220000000002</v>
      </c>
      <c r="D29">
        <f t="shared" si="3"/>
        <v>0.13513000000000019</v>
      </c>
      <c r="E29">
        <f t="shared" si="4"/>
        <v>14.068211000000133</v>
      </c>
      <c r="F29">
        <f t="shared" si="2"/>
        <v>0.10058006344399885</v>
      </c>
    </row>
    <row r="30" spans="1:6" x14ac:dyDescent="0.2">
      <c r="A30">
        <v>1035.2728139999999</v>
      </c>
      <c r="B30">
        <v>19.986616999999999</v>
      </c>
      <c r="C30">
        <v>7.9403259999999998</v>
      </c>
      <c r="D30">
        <f t="shared" si="3"/>
        <v>0.14013399999999976</v>
      </c>
      <c r="E30">
        <f t="shared" si="4"/>
        <v>14.257987999999955</v>
      </c>
      <c r="F30">
        <f t="shared" si="2"/>
        <v>9.8278816156162976E-2</v>
      </c>
    </row>
    <row r="31" spans="1:6" x14ac:dyDescent="0.2">
      <c r="A31">
        <v>1036.782639</v>
      </c>
      <c r="B31">
        <v>19.843297</v>
      </c>
      <c r="C31">
        <v>7.9453310000000004</v>
      </c>
      <c r="D31">
        <f t="shared" si="3"/>
        <v>0.14513900000000035</v>
      </c>
      <c r="E31">
        <f t="shared" si="4"/>
        <v>15.767813000000046</v>
      </c>
      <c r="F31">
        <f t="shared" si="2"/>
        <v>0.1047851206932417</v>
      </c>
    </row>
    <row r="32" spans="1:6" x14ac:dyDescent="0.2">
      <c r="A32">
        <v>1038.739783</v>
      </c>
      <c r="B32">
        <v>19.870352</v>
      </c>
      <c r="C32">
        <v>7.9503360000000001</v>
      </c>
      <c r="D32">
        <f t="shared" si="3"/>
        <v>0.15014400000000006</v>
      </c>
      <c r="E32">
        <f t="shared" si="4"/>
        <v>17.724957000000018</v>
      </c>
      <c r="F32">
        <f t="shared" si="2"/>
        <v>0.11365026256329504</v>
      </c>
    </row>
    <row r="33" spans="1:6" x14ac:dyDescent="0.2">
      <c r="A33">
        <v>1040.1088380000001</v>
      </c>
      <c r="B33">
        <v>19.880385</v>
      </c>
      <c r="C33">
        <v>7.9553409999999998</v>
      </c>
      <c r="D33">
        <f t="shared" si="3"/>
        <v>0.15514899999999976</v>
      </c>
      <c r="E33">
        <f t="shared" si="4"/>
        <v>19.094012000000134</v>
      </c>
      <c r="F33">
        <f t="shared" si="2"/>
        <v>0.11832306849458686</v>
      </c>
    </row>
    <row r="34" spans="1:6" x14ac:dyDescent="0.2">
      <c r="A34">
        <v>1040.6260569999999</v>
      </c>
      <c r="B34">
        <v>20.031787000000001</v>
      </c>
      <c r="C34">
        <v>7.9603460000000004</v>
      </c>
      <c r="D34">
        <f t="shared" si="3"/>
        <v>0.16015400000000035</v>
      </c>
      <c r="E34">
        <f t="shared" si="4"/>
        <v>19.611230999999975</v>
      </c>
      <c r="F34">
        <f t="shared" si="2"/>
        <v>0.11767179243246854</v>
      </c>
    </row>
    <row r="35" spans="1:6" x14ac:dyDescent="0.2">
      <c r="A35">
        <v>1039.148608</v>
      </c>
      <c r="B35">
        <v>20.104619</v>
      </c>
      <c r="C35">
        <v>7.9653499999999999</v>
      </c>
      <c r="D35">
        <f t="shared" si="3"/>
        <v>0.16515799999999992</v>
      </c>
      <c r="E35">
        <f t="shared" si="4"/>
        <v>18.133781999999997</v>
      </c>
      <c r="F35">
        <f t="shared" si="2"/>
        <v>0.10566012378922332</v>
      </c>
    </row>
    <row r="36" spans="1:6" x14ac:dyDescent="0.2">
      <c r="A36">
        <v>1039.107438</v>
      </c>
      <c r="B36">
        <v>19.975574999999999</v>
      </c>
      <c r="C36">
        <v>7.9703549999999996</v>
      </c>
      <c r="D36">
        <f t="shared" si="3"/>
        <v>0.17016299999999962</v>
      </c>
      <c r="E36">
        <f t="shared" si="4"/>
        <v>18.092612000000031</v>
      </c>
      <c r="F36">
        <f t="shared" si="2"/>
        <v>0.10232356966843573</v>
      </c>
    </row>
    <row r="37" spans="1:6" x14ac:dyDescent="0.2">
      <c r="A37">
        <v>1039.279591</v>
      </c>
      <c r="B37">
        <v>20.010414999999998</v>
      </c>
      <c r="C37">
        <v>7.9753600000000002</v>
      </c>
      <c r="D37">
        <f t="shared" si="3"/>
        <v>0.17516800000000021</v>
      </c>
      <c r="E37">
        <f t="shared" si="4"/>
        <v>18.264765000000011</v>
      </c>
      <c r="F37">
        <f t="shared" si="2"/>
        <v>0.10032910049440152</v>
      </c>
    </row>
    <row r="38" spans="1:6" x14ac:dyDescent="0.2">
      <c r="A38">
        <v>1038.176952</v>
      </c>
      <c r="B38">
        <v>20.115997</v>
      </c>
      <c r="C38">
        <v>7.9803649999999999</v>
      </c>
      <c r="D38">
        <f t="shared" si="3"/>
        <v>0.18017299999999992</v>
      </c>
      <c r="E38">
        <f t="shared" si="4"/>
        <v>17.162126000000058</v>
      </c>
      <c r="F38">
        <f t="shared" si="2"/>
        <v>9.1750828191923983E-2</v>
      </c>
    </row>
    <row r="39" spans="1:6" x14ac:dyDescent="0.2">
      <c r="A39">
        <v>1035.873842</v>
      </c>
      <c r="B39">
        <v>20.177600999999999</v>
      </c>
      <c r="C39">
        <v>7.9853699999999996</v>
      </c>
      <c r="D39">
        <f t="shared" si="3"/>
        <v>0.18517799999999962</v>
      </c>
      <c r="E39">
        <f t="shared" si="4"/>
        <v>14.859015999999997</v>
      </c>
      <c r="F39">
        <f t="shared" si="2"/>
        <v>7.7462907671175363E-2</v>
      </c>
    </row>
    <row r="40" spans="1:6" x14ac:dyDescent="0.2">
      <c r="A40">
        <v>1033.6316039999999</v>
      </c>
      <c r="B40">
        <v>20.148377</v>
      </c>
      <c r="C40">
        <v>7.9903740000000001</v>
      </c>
      <c r="D40">
        <f t="shared" si="3"/>
        <v>0.19018200000000007</v>
      </c>
      <c r="E40">
        <f t="shared" si="4"/>
        <v>12.616777999999954</v>
      </c>
      <c r="F40">
        <f t="shared" si="2"/>
        <v>6.4182003741804869E-2</v>
      </c>
    </row>
    <row r="41" spans="1:6" x14ac:dyDescent="0.2">
      <c r="A41">
        <v>1032.766157</v>
      </c>
      <c r="B41">
        <v>20.006312999999999</v>
      </c>
      <c r="C41">
        <v>7.9953789999999998</v>
      </c>
      <c r="D41">
        <f t="shared" si="3"/>
        <v>0.19518699999999978</v>
      </c>
      <c r="E41">
        <f t="shared" si="4"/>
        <v>11.75133100000005</v>
      </c>
      <c r="F41">
        <f t="shared" si="2"/>
        <v>5.829538464079987E-2</v>
      </c>
    </row>
    <row r="42" spans="1:6" x14ac:dyDescent="0.2">
      <c r="A42">
        <v>1032.3811900000001</v>
      </c>
      <c r="B42">
        <v>20.079708</v>
      </c>
      <c r="C42">
        <v>8.0003840000000004</v>
      </c>
      <c r="D42">
        <f t="shared" si="3"/>
        <v>0.20019200000000037</v>
      </c>
      <c r="E42">
        <f t="shared" si="4"/>
        <v>11.36636400000009</v>
      </c>
      <c r="F42">
        <f t="shared" si="2"/>
        <v>5.4996462865400247E-2</v>
      </c>
    </row>
    <row r="43" spans="1:6" x14ac:dyDescent="0.2">
      <c r="A43">
        <v>1031.2015240000001</v>
      </c>
      <c r="B43">
        <v>20.044263999999998</v>
      </c>
      <c r="C43">
        <v>8.0053889999999992</v>
      </c>
      <c r="D43">
        <f t="shared" si="3"/>
        <v>0.20519699999999919</v>
      </c>
      <c r="E43">
        <f t="shared" si="4"/>
        <v>10.186698000000092</v>
      </c>
      <c r="F43">
        <f t="shared" si="2"/>
        <v>4.8141417952359634E-2</v>
      </c>
    </row>
    <row r="44" spans="1:6" x14ac:dyDescent="0.2">
      <c r="A44">
        <v>1031.6934779999999</v>
      </c>
      <c r="B44">
        <v>19.944804999999999</v>
      </c>
      <c r="C44">
        <v>8.0103939999999998</v>
      </c>
      <c r="D44">
        <f t="shared" si="3"/>
        <v>0.21020199999999978</v>
      </c>
      <c r="E44">
        <f t="shared" si="4"/>
        <v>10.678651999999943</v>
      </c>
      <c r="F44">
        <f t="shared" si="2"/>
        <v>4.924123137774699E-2</v>
      </c>
    </row>
    <row r="45" spans="1:6" x14ac:dyDescent="0.2">
      <c r="A45">
        <v>1032.2313220000001</v>
      </c>
      <c r="B45">
        <v>19.997768000000001</v>
      </c>
      <c r="C45">
        <v>8.0153979999999994</v>
      </c>
      <c r="D45">
        <f t="shared" si="3"/>
        <v>0.21520599999999934</v>
      </c>
      <c r="E45">
        <f t="shared" si="4"/>
        <v>11.21649600000012</v>
      </c>
      <c r="F45">
        <f t="shared" si="2"/>
        <v>5.0492374795371053E-2</v>
      </c>
    </row>
    <row r="46" spans="1:6" x14ac:dyDescent="0.2">
      <c r="A46">
        <v>1031.602167</v>
      </c>
      <c r="B46">
        <v>20.046075999999999</v>
      </c>
      <c r="C46">
        <v>8.0204029999999999</v>
      </c>
      <c r="D46">
        <f t="shared" si="3"/>
        <v>0.22021099999999993</v>
      </c>
      <c r="E46">
        <f t="shared" si="4"/>
        <v>10.587341000000038</v>
      </c>
      <c r="F46">
        <f t="shared" si="2"/>
        <v>4.6605336319391254E-2</v>
      </c>
    </row>
    <row r="47" spans="1:6" x14ac:dyDescent="0.2">
      <c r="A47">
        <v>1030.475952</v>
      </c>
      <c r="B47">
        <v>20.09186</v>
      </c>
      <c r="C47">
        <v>8.0254080000000005</v>
      </c>
      <c r="D47">
        <f t="shared" si="3"/>
        <v>0.22521600000000053</v>
      </c>
      <c r="E47">
        <f t="shared" si="4"/>
        <v>9.4611260000000357</v>
      </c>
      <c r="F47">
        <f t="shared" si="2"/>
        <v>4.0766715663793314E-2</v>
      </c>
    </row>
    <row r="48" spans="1:6" x14ac:dyDescent="0.2">
      <c r="A48">
        <v>1030.5717509999999</v>
      </c>
      <c r="B48">
        <v>19.952059999999999</v>
      </c>
      <c r="C48">
        <v>8.0304129999999994</v>
      </c>
      <c r="D48">
        <f t="shared" si="3"/>
        <v>0.23022099999999934</v>
      </c>
      <c r="E48">
        <f t="shared" si="4"/>
        <v>9.5569249999999784</v>
      </c>
      <c r="F48">
        <f t="shared" si="2"/>
        <v>4.0280514390786192E-2</v>
      </c>
    </row>
    <row r="49" spans="1:6" x14ac:dyDescent="0.2">
      <c r="A49">
        <v>1031.6006379999999</v>
      </c>
      <c r="B49">
        <v>19.894363999999999</v>
      </c>
      <c r="C49">
        <v>8.0354179999999999</v>
      </c>
      <c r="D49">
        <f t="shared" si="3"/>
        <v>0.23522599999999994</v>
      </c>
      <c r="E49">
        <f t="shared" si="4"/>
        <v>10.585811999999919</v>
      </c>
      <c r="F49">
        <f t="shared" si="2"/>
        <v>4.3624177450469127E-2</v>
      </c>
    </row>
    <row r="50" spans="1:6" x14ac:dyDescent="0.2">
      <c r="A50">
        <v>1033.1975709999999</v>
      </c>
      <c r="B50">
        <v>19.877202</v>
      </c>
      <c r="C50">
        <v>8.0404219999999995</v>
      </c>
      <c r="D50">
        <f t="shared" si="3"/>
        <v>0.2402299999999995</v>
      </c>
      <c r="E50">
        <f t="shared" si="4"/>
        <v>12.182744999999954</v>
      </c>
      <c r="F50">
        <f t="shared" si="2"/>
        <v>4.9083388425045726E-2</v>
      </c>
    </row>
    <row r="51" spans="1:6" x14ac:dyDescent="0.2">
      <c r="A51">
        <v>1034.7127170000001</v>
      </c>
      <c r="B51">
        <v>19.889738999999999</v>
      </c>
      <c r="C51">
        <v>8.0454270000000001</v>
      </c>
      <c r="D51">
        <f t="shared" si="3"/>
        <v>0.24523500000000009</v>
      </c>
      <c r="E51">
        <f t="shared" si="4"/>
        <v>13.697891000000141</v>
      </c>
      <c r="F51">
        <f t="shared" si="2"/>
        <v>5.3982310188448901E-2</v>
      </c>
    </row>
    <row r="52" spans="1:6" x14ac:dyDescent="0.2">
      <c r="A52">
        <v>1034.9767810000001</v>
      </c>
      <c r="B52">
        <v>20.019338000000001</v>
      </c>
      <c r="C52">
        <v>8.0504320000000007</v>
      </c>
      <c r="D52">
        <f t="shared" si="3"/>
        <v>0.25024000000000068</v>
      </c>
      <c r="E52">
        <f t="shared" si="4"/>
        <v>13.961955000000103</v>
      </c>
      <c r="F52">
        <f t="shared" si="2"/>
        <v>5.3908704559419464E-2</v>
      </c>
    </row>
    <row r="53" spans="1:6" x14ac:dyDescent="0.2">
      <c r="A53">
        <v>1035.296294</v>
      </c>
      <c r="B53">
        <v>19.942961</v>
      </c>
      <c r="C53">
        <v>8.0554369999999995</v>
      </c>
      <c r="D53">
        <f t="shared" si="3"/>
        <v>0.2552449999999995</v>
      </c>
      <c r="E53">
        <f t="shared" si="4"/>
        <v>14.281468000000018</v>
      </c>
      <c r="F53">
        <f t="shared" si="2"/>
        <v>5.404443093633552E-2</v>
      </c>
    </row>
    <row r="54" spans="1:6" x14ac:dyDescent="0.2">
      <c r="A54">
        <v>1037.370406</v>
      </c>
      <c r="B54">
        <v>19.807984000000001</v>
      </c>
      <c r="C54">
        <v>8.0604420000000001</v>
      </c>
      <c r="D54">
        <f t="shared" si="3"/>
        <v>0.26025000000000009</v>
      </c>
      <c r="E54">
        <f t="shared" si="4"/>
        <v>16.355580000000032</v>
      </c>
      <c r="F54">
        <f t="shared" si="2"/>
        <v>6.0581686205327986E-2</v>
      </c>
    </row>
    <row r="55" spans="1:6" x14ac:dyDescent="0.2">
      <c r="A55">
        <v>1039.235981</v>
      </c>
      <c r="B55">
        <v>19.918734000000001</v>
      </c>
      <c r="C55">
        <v>8.0654459999999997</v>
      </c>
      <c r="D55">
        <f t="shared" si="3"/>
        <v>0.26525399999999966</v>
      </c>
      <c r="E55">
        <f t="shared" si="4"/>
        <v>18.221155000000067</v>
      </c>
      <c r="F55">
        <f t="shared" si="2"/>
        <v>6.6099745304420157E-2</v>
      </c>
    </row>
    <row r="56" spans="1:6" x14ac:dyDescent="0.2">
      <c r="A56">
        <v>1039.877798</v>
      </c>
      <c r="B56">
        <v>19.927651000000001</v>
      </c>
      <c r="C56">
        <v>8.0704510000000003</v>
      </c>
      <c r="D56">
        <f t="shared" si="3"/>
        <v>0.27025900000000025</v>
      </c>
      <c r="E56">
        <f t="shared" si="4"/>
        <v>18.862972000000013</v>
      </c>
      <c r="F56">
        <f t="shared" si="2"/>
        <v>6.7119335583042491E-2</v>
      </c>
    </row>
    <row r="57" spans="1:6" x14ac:dyDescent="0.2">
      <c r="A57">
        <v>1041.451321</v>
      </c>
      <c r="B57">
        <v>19.901918999999999</v>
      </c>
      <c r="C57">
        <v>8.0754560000000009</v>
      </c>
      <c r="D57">
        <f t="shared" si="3"/>
        <v>0.27526400000000084</v>
      </c>
      <c r="E57">
        <f t="shared" si="4"/>
        <v>20.436495000000036</v>
      </c>
      <c r="F57">
        <f t="shared" si="2"/>
        <v>7.1288261152561358E-2</v>
      </c>
    </row>
    <row r="58" spans="1:6" x14ac:dyDescent="0.2">
      <c r="A58">
        <v>1041.248427</v>
      </c>
      <c r="B58">
        <v>20.037970000000001</v>
      </c>
      <c r="C58">
        <v>8.0804609999999997</v>
      </c>
      <c r="D58">
        <f t="shared" si="3"/>
        <v>0.28026899999999966</v>
      </c>
      <c r="E58">
        <f t="shared" si="4"/>
        <v>20.233601000000021</v>
      </c>
      <c r="F58">
        <f t="shared" si="2"/>
        <v>6.933360138871919E-2</v>
      </c>
    </row>
    <row r="59" spans="1:6" x14ac:dyDescent="0.2">
      <c r="A59">
        <v>1041.8504170000001</v>
      </c>
      <c r="B59">
        <v>19.91076</v>
      </c>
      <c r="C59">
        <v>8.0854660000000003</v>
      </c>
      <c r="D59">
        <f t="shared" si="3"/>
        <v>0.28527400000000025</v>
      </c>
      <c r="E59">
        <f t="shared" si="4"/>
        <v>20.835591000000136</v>
      </c>
      <c r="F59">
        <f t="shared" si="2"/>
        <v>7.0103267713062675E-2</v>
      </c>
    </row>
    <row r="60" spans="1:6" x14ac:dyDescent="0.2">
      <c r="A60">
        <v>1042.4218639999999</v>
      </c>
      <c r="B60">
        <v>19.990500000000001</v>
      </c>
      <c r="C60">
        <v>8.0904699999999998</v>
      </c>
      <c r="D60">
        <f t="shared" si="3"/>
        <v>0.29027799999999981</v>
      </c>
      <c r="E60">
        <f t="shared" si="4"/>
        <v>21.407037999999943</v>
      </c>
      <c r="F60">
        <f t="shared" si="2"/>
        <v>7.0745520474921372E-2</v>
      </c>
    </row>
    <row r="61" spans="1:6" x14ac:dyDescent="0.2">
      <c r="A61">
        <v>1041.926127</v>
      </c>
      <c r="B61">
        <v>20.030805999999998</v>
      </c>
      <c r="C61">
        <v>8.0954750000000004</v>
      </c>
      <c r="D61">
        <f t="shared" si="3"/>
        <v>0.29528300000000041</v>
      </c>
      <c r="E61">
        <f t="shared" si="4"/>
        <v>20.91130099999998</v>
      </c>
      <c r="F61">
        <f t="shared" si="2"/>
        <v>6.7968186191710855E-2</v>
      </c>
    </row>
    <row r="62" spans="1:6" x14ac:dyDescent="0.2">
      <c r="A62">
        <v>1041.402382</v>
      </c>
      <c r="B62">
        <v>20.090985</v>
      </c>
      <c r="C62">
        <v>8.1004799999999992</v>
      </c>
      <c r="D62">
        <f t="shared" si="3"/>
        <v>0.30028799999999922</v>
      </c>
      <c r="E62">
        <f t="shared" si="4"/>
        <v>20.387556000000018</v>
      </c>
      <c r="F62">
        <f t="shared" si="2"/>
        <v>6.5194149317112454E-2</v>
      </c>
    </row>
    <row r="63" spans="1:6" x14ac:dyDescent="0.2">
      <c r="A63">
        <v>1039.168498</v>
      </c>
      <c r="B63">
        <v>20.185117999999999</v>
      </c>
      <c r="C63">
        <v>8.1054849999999998</v>
      </c>
      <c r="D63">
        <f t="shared" si="3"/>
        <v>0.30529299999999981</v>
      </c>
      <c r="E63">
        <f t="shared" si="4"/>
        <v>18.153672000000029</v>
      </c>
      <c r="F63">
        <f t="shared" si="2"/>
        <v>5.722181975283764E-2</v>
      </c>
    </row>
    <row r="64" spans="1:6" x14ac:dyDescent="0.2">
      <c r="A64">
        <v>1036.596665</v>
      </c>
      <c r="B64">
        <v>20.191056</v>
      </c>
      <c r="C64">
        <v>8.1104900000000004</v>
      </c>
      <c r="D64">
        <f t="shared" si="3"/>
        <v>0.31029800000000041</v>
      </c>
      <c r="E64">
        <f t="shared" si="4"/>
        <v>15.581839000000059</v>
      </c>
      <c r="F64">
        <f t="shared" si="2"/>
        <v>4.8442877137581254E-2</v>
      </c>
    </row>
    <row r="65" spans="1:6" x14ac:dyDescent="0.2">
      <c r="A65">
        <v>1034.232512</v>
      </c>
      <c r="B65">
        <v>20.136274</v>
      </c>
      <c r="C65">
        <v>8.115494</v>
      </c>
      <c r="D65">
        <f t="shared" si="3"/>
        <v>0.31530199999999997</v>
      </c>
      <c r="E65">
        <f t="shared" si="4"/>
        <v>13.217686000000072</v>
      </c>
      <c r="F65">
        <f t="shared" si="2"/>
        <v>4.0533165215923588E-2</v>
      </c>
    </row>
    <row r="66" spans="1:6" x14ac:dyDescent="0.2">
      <c r="A66">
        <v>1032.857133</v>
      </c>
      <c r="B66">
        <v>20.099544000000002</v>
      </c>
      <c r="C66">
        <v>8.1204990000000006</v>
      </c>
      <c r="D66">
        <f t="shared" si="3"/>
        <v>0.32030700000000056</v>
      </c>
      <c r="E66">
        <f t="shared" si="4"/>
        <v>11.842307000000005</v>
      </c>
      <c r="F66">
        <f t="shared" si="2"/>
        <v>3.5795598859759623E-2</v>
      </c>
    </row>
    <row r="67" spans="1:6" x14ac:dyDescent="0.2">
      <c r="A67">
        <v>1031.2785670000001</v>
      </c>
      <c r="B67">
        <v>20.097604</v>
      </c>
      <c r="C67">
        <v>8.1255039999999994</v>
      </c>
      <c r="D67">
        <f t="shared" si="3"/>
        <v>0.32531199999999938</v>
      </c>
      <c r="E67">
        <f t="shared" si="4"/>
        <v>10.263741000000095</v>
      </c>
      <c r="F67">
        <f t="shared" ref="F67:F130" si="5">(1/A67)*(E67/D67)</f>
        <v>3.0593531285405397E-2</v>
      </c>
    </row>
    <row r="68" spans="1:6" x14ac:dyDescent="0.2">
      <c r="A68">
        <v>1030.966238</v>
      </c>
      <c r="B68">
        <v>20.020761</v>
      </c>
      <c r="C68">
        <v>8.130509</v>
      </c>
      <c r="D68">
        <f t="shared" si="3"/>
        <v>0.33031699999999997</v>
      </c>
      <c r="E68">
        <f t="shared" si="4"/>
        <v>9.9514120000000048</v>
      </c>
      <c r="F68">
        <f t="shared" si="5"/>
        <v>2.9221959740789991E-2</v>
      </c>
    </row>
    <row r="69" spans="1:6" x14ac:dyDescent="0.2">
      <c r="A69">
        <v>1030.3337839999999</v>
      </c>
      <c r="B69">
        <v>20.049802</v>
      </c>
      <c r="C69">
        <v>8.1355140000000006</v>
      </c>
      <c r="D69">
        <f t="shared" si="3"/>
        <v>0.33532200000000056</v>
      </c>
      <c r="E69">
        <f t="shared" si="4"/>
        <v>9.3189579999999523</v>
      </c>
      <c r="F69">
        <f t="shared" si="5"/>
        <v>2.6972882859185515E-2</v>
      </c>
    </row>
    <row r="70" spans="1:6" x14ac:dyDescent="0.2">
      <c r="A70">
        <v>1030.2378160000001</v>
      </c>
      <c r="B70">
        <v>19.984763999999998</v>
      </c>
      <c r="C70">
        <v>8.1405180000000001</v>
      </c>
      <c r="D70">
        <f t="shared" si="3"/>
        <v>0.34032600000000013</v>
      </c>
      <c r="E70">
        <f t="shared" si="4"/>
        <v>9.2229900000000953</v>
      </c>
      <c r="F70">
        <f t="shared" si="5"/>
        <v>2.6305049378040724E-2</v>
      </c>
    </row>
    <row r="71" spans="1:6" x14ac:dyDescent="0.2">
      <c r="A71">
        <v>1031.5709999999999</v>
      </c>
      <c r="B71">
        <v>19.851148999999999</v>
      </c>
      <c r="C71">
        <v>8.1455230000000007</v>
      </c>
      <c r="D71">
        <f t="shared" ref="D71:D134" si="6">C71-$C$2</f>
        <v>0.34533100000000072</v>
      </c>
      <c r="E71">
        <f t="shared" ref="E71:E134" si="7">A71-$A$2</f>
        <v>10.556173999999942</v>
      </c>
      <c r="F71">
        <f t="shared" si="5"/>
        <v>2.963274265270148E-2</v>
      </c>
    </row>
    <row r="72" spans="1:6" x14ac:dyDescent="0.2">
      <c r="A72">
        <v>1033.3895030000001</v>
      </c>
      <c r="B72">
        <v>19.888625999999999</v>
      </c>
      <c r="C72">
        <v>8.1505279999999996</v>
      </c>
      <c r="D72">
        <f t="shared" si="6"/>
        <v>0.35033599999999954</v>
      </c>
      <c r="E72">
        <f t="shared" si="7"/>
        <v>12.374677000000133</v>
      </c>
      <c r="F72">
        <f t="shared" si="5"/>
        <v>3.4181023204995588E-2</v>
      </c>
    </row>
    <row r="73" spans="1:6" x14ac:dyDescent="0.2">
      <c r="A73">
        <v>1035.0866599999999</v>
      </c>
      <c r="B73">
        <v>19.870038999999998</v>
      </c>
      <c r="C73">
        <v>8.1555330000000001</v>
      </c>
      <c r="D73">
        <f t="shared" si="6"/>
        <v>0.35534100000000013</v>
      </c>
      <c r="E73">
        <f t="shared" si="7"/>
        <v>14.071833999999967</v>
      </c>
      <c r="F73">
        <f t="shared" si="5"/>
        <v>3.8258564564132992E-2</v>
      </c>
    </row>
    <row r="74" spans="1:6" x14ac:dyDescent="0.2">
      <c r="A74">
        <v>1036.7966980000001</v>
      </c>
      <c r="B74">
        <v>19.857706</v>
      </c>
      <c r="C74">
        <v>8.1605380000000007</v>
      </c>
      <c r="D74">
        <f t="shared" si="6"/>
        <v>0.36034600000000072</v>
      </c>
      <c r="E74">
        <f t="shared" si="7"/>
        <v>15.781872000000135</v>
      </c>
      <c r="F74">
        <f t="shared" si="5"/>
        <v>4.2242071345927258E-2</v>
      </c>
    </row>
    <row r="75" spans="1:6" x14ac:dyDescent="0.2">
      <c r="A75">
        <v>1038.299649</v>
      </c>
      <c r="B75">
        <v>19.904540999999998</v>
      </c>
      <c r="C75">
        <v>8.1655420000000003</v>
      </c>
      <c r="D75">
        <f t="shared" si="6"/>
        <v>0.36535000000000029</v>
      </c>
      <c r="E75">
        <f t="shared" si="7"/>
        <v>17.284823000000074</v>
      </c>
      <c r="F75">
        <f t="shared" si="5"/>
        <v>4.5565182886921664E-2</v>
      </c>
    </row>
    <row r="76" spans="1:6" x14ac:dyDescent="0.2">
      <c r="A76">
        <v>1039.068624</v>
      </c>
      <c r="B76">
        <v>19.967927</v>
      </c>
      <c r="C76">
        <v>8.1705469999999991</v>
      </c>
      <c r="D76">
        <f t="shared" si="6"/>
        <v>0.3703549999999991</v>
      </c>
      <c r="E76">
        <f t="shared" si="7"/>
        <v>18.053798000000029</v>
      </c>
      <c r="F76">
        <f t="shared" si="5"/>
        <v>4.6914396687644661E-2</v>
      </c>
    </row>
    <row r="77" spans="1:6" x14ac:dyDescent="0.2">
      <c r="A77">
        <v>1039.739591</v>
      </c>
      <c r="B77">
        <v>19.933964</v>
      </c>
      <c r="C77">
        <v>8.1755519999999997</v>
      </c>
      <c r="D77">
        <f t="shared" si="6"/>
        <v>0.37535999999999969</v>
      </c>
      <c r="E77">
        <f t="shared" si="7"/>
        <v>18.724765000000048</v>
      </c>
      <c r="F77">
        <f t="shared" si="5"/>
        <v>4.797818383941331E-2</v>
      </c>
    </row>
    <row r="78" spans="1:6" x14ac:dyDescent="0.2">
      <c r="A78">
        <v>1040.3323680000001</v>
      </c>
      <c r="B78">
        <v>19.948181000000002</v>
      </c>
      <c r="C78">
        <v>8.1805570000000003</v>
      </c>
      <c r="D78">
        <f t="shared" si="6"/>
        <v>0.38036500000000029</v>
      </c>
      <c r="E78">
        <f t="shared" si="7"/>
        <v>19.317542000000117</v>
      </c>
      <c r="F78">
        <f t="shared" si="5"/>
        <v>4.8817912711180404E-2</v>
      </c>
    </row>
    <row r="79" spans="1:6" x14ac:dyDescent="0.2">
      <c r="A79">
        <v>1040.4903850000001</v>
      </c>
      <c r="B79">
        <v>20.006097</v>
      </c>
      <c r="C79">
        <v>8.1855619999999991</v>
      </c>
      <c r="D79">
        <f t="shared" si="6"/>
        <v>0.3853699999999991</v>
      </c>
      <c r="E79">
        <f t="shared" si="7"/>
        <v>19.475559000000089</v>
      </c>
      <c r="F79">
        <f t="shared" si="5"/>
        <v>4.8570654710021949E-2</v>
      </c>
    </row>
    <row r="80" spans="1:6" x14ac:dyDescent="0.2">
      <c r="A80">
        <v>1040.8617899999999</v>
      </c>
      <c r="B80">
        <v>19.964926999999999</v>
      </c>
      <c r="C80">
        <v>8.1905660000000005</v>
      </c>
      <c r="D80">
        <f t="shared" si="6"/>
        <v>0.39037400000000044</v>
      </c>
      <c r="E80">
        <f t="shared" si="7"/>
        <v>19.846963999999957</v>
      </c>
      <c r="F80">
        <f t="shared" si="5"/>
        <v>4.8845001953852503E-2</v>
      </c>
    </row>
    <row r="81" spans="1:6" x14ac:dyDescent="0.2">
      <c r="A81">
        <v>1041.2882750000001</v>
      </c>
      <c r="B81">
        <v>19.984214999999999</v>
      </c>
      <c r="C81">
        <v>8.1955709999999993</v>
      </c>
      <c r="D81">
        <f t="shared" si="6"/>
        <v>0.39537899999999926</v>
      </c>
      <c r="E81">
        <f t="shared" si="7"/>
        <v>20.273449000000141</v>
      </c>
      <c r="F81">
        <f t="shared" si="5"/>
        <v>4.9242836577101656E-2</v>
      </c>
    </row>
    <row r="82" spans="1:6" x14ac:dyDescent="0.2">
      <c r="A82">
        <v>1041.6421089999999</v>
      </c>
      <c r="B82">
        <v>19.962167999999998</v>
      </c>
      <c r="C82">
        <v>8.2005759999999999</v>
      </c>
      <c r="D82">
        <f t="shared" si="6"/>
        <v>0.40038399999999985</v>
      </c>
      <c r="E82">
        <f t="shared" si="7"/>
        <v>20.62728299999992</v>
      </c>
      <c r="F82">
        <f t="shared" si="5"/>
        <v>4.9459165538093049E-2</v>
      </c>
    </row>
    <row r="83" spans="1:6" x14ac:dyDescent="0.2">
      <c r="A83">
        <v>1041.8106620000001</v>
      </c>
      <c r="B83">
        <v>20.019107000000002</v>
      </c>
      <c r="C83">
        <v>8.2055810000000005</v>
      </c>
      <c r="D83">
        <f t="shared" si="6"/>
        <v>0.40538900000000044</v>
      </c>
      <c r="E83">
        <f t="shared" si="7"/>
        <v>20.795836000000122</v>
      </c>
      <c r="F83">
        <f t="shared" si="5"/>
        <v>4.9239725811912764E-2</v>
      </c>
    </row>
    <row r="84" spans="1:6" x14ac:dyDescent="0.2">
      <c r="A84">
        <v>1040.4778779999999</v>
      </c>
      <c r="B84">
        <v>20.113766999999999</v>
      </c>
      <c r="C84">
        <v>8.2105859999999993</v>
      </c>
      <c r="D84">
        <f t="shared" si="6"/>
        <v>0.41039399999999926</v>
      </c>
      <c r="E84">
        <f t="shared" si="7"/>
        <v>19.463051999999948</v>
      </c>
      <c r="F84">
        <f t="shared" si="5"/>
        <v>4.558029055508666E-2</v>
      </c>
    </row>
    <row r="85" spans="1:6" x14ac:dyDescent="0.2">
      <c r="A85">
        <v>1039.1698280000001</v>
      </c>
      <c r="B85">
        <v>20.080738</v>
      </c>
      <c r="C85">
        <v>8.2155900000000006</v>
      </c>
      <c r="D85">
        <f t="shared" si="6"/>
        <v>0.4153980000000006</v>
      </c>
      <c r="E85">
        <f t="shared" si="7"/>
        <v>18.155002000000081</v>
      </c>
      <c r="F85">
        <f t="shared" si="5"/>
        <v>4.2057685706363847E-2</v>
      </c>
    </row>
    <row r="86" spans="1:6" x14ac:dyDescent="0.2">
      <c r="A86">
        <v>1038.507171</v>
      </c>
      <c r="B86">
        <v>20.022838</v>
      </c>
      <c r="C86">
        <v>8.2205949999999994</v>
      </c>
      <c r="D86">
        <f t="shared" si="6"/>
        <v>0.42040299999999942</v>
      </c>
      <c r="E86">
        <f t="shared" si="7"/>
        <v>17.492345</v>
      </c>
      <c r="F86">
        <f t="shared" si="5"/>
        <v>4.0065699377149426E-2</v>
      </c>
    </row>
    <row r="87" spans="1:6" x14ac:dyDescent="0.2">
      <c r="A87">
        <v>1038.7194320000001</v>
      </c>
      <c r="B87">
        <v>19.963090000000001</v>
      </c>
      <c r="C87">
        <v>8.2256</v>
      </c>
      <c r="D87">
        <f t="shared" si="6"/>
        <v>0.42540800000000001</v>
      </c>
      <c r="E87">
        <f t="shared" si="7"/>
        <v>17.704606000000126</v>
      </c>
      <c r="F87">
        <f t="shared" si="5"/>
        <v>4.006658772613899E-2</v>
      </c>
    </row>
    <row r="88" spans="1:6" x14ac:dyDescent="0.2">
      <c r="A88">
        <v>1039.4539</v>
      </c>
      <c r="B88">
        <v>19.928493</v>
      </c>
      <c r="C88">
        <v>8.2306050000000006</v>
      </c>
      <c r="D88">
        <f t="shared" si="6"/>
        <v>0.4304130000000006</v>
      </c>
      <c r="E88">
        <f t="shared" si="7"/>
        <v>18.439074000000005</v>
      </c>
      <c r="F88">
        <f t="shared" si="5"/>
        <v>4.1214353721891493E-2</v>
      </c>
    </row>
    <row r="89" spans="1:6" x14ac:dyDescent="0.2">
      <c r="A89">
        <v>1039.7926239999999</v>
      </c>
      <c r="B89">
        <v>20.004144</v>
      </c>
      <c r="C89">
        <v>8.2356099999999994</v>
      </c>
      <c r="D89">
        <f t="shared" si="6"/>
        <v>0.43541799999999942</v>
      </c>
      <c r="E89">
        <f t="shared" si="7"/>
        <v>18.777797999999962</v>
      </c>
      <c r="F89">
        <f t="shared" si="5"/>
        <v>4.1475492514536208E-2</v>
      </c>
    </row>
    <row r="90" spans="1:6" x14ac:dyDescent="0.2">
      <c r="A90">
        <v>1040.066071</v>
      </c>
      <c r="B90">
        <v>19.963977</v>
      </c>
      <c r="C90">
        <v>8.2406140000000008</v>
      </c>
      <c r="D90">
        <f t="shared" si="6"/>
        <v>0.44042200000000076</v>
      </c>
      <c r="E90">
        <f t="shared" si="7"/>
        <v>19.051244999999994</v>
      </c>
      <c r="F90">
        <f t="shared" si="5"/>
        <v>4.1590431700809873E-2</v>
      </c>
    </row>
    <row r="91" spans="1:6" x14ac:dyDescent="0.2">
      <c r="A91">
        <v>1040.178682</v>
      </c>
      <c r="B91">
        <v>20.030062999999998</v>
      </c>
      <c r="C91">
        <v>8.2456189999999996</v>
      </c>
      <c r="D91">
        <f t="shared" si="6"/>
        <v>0.44542699999999957</v>
      </c>
      <c r="E91">
        <f t="shared" si="7"/>
        <v>19.16385600000001</v>
      </c>
      <c r="F91">
        <f t="shared" si="5"/>
        <v>4.1361702951203033E-2</v>
      </c>
    </row>
    <row r="92" spans="1:6" x14ac:dyDescent="0.2">
      <c r="A92">
        <v>1039.92345</v>
      </c>
      <c r="B92">
        <v>19.993825999999999</v>
      </c>
      <c r="C92">
        <v>8.2506240000000002</v>
      </c>
      <c r="D92">
        <f t="shared" si="6"/>
        <v>0.45043200000000017</v>
      </c>
      <c r="E92">
        <f t="shared" si="7"/>
        <v>18.908624000000032</v>
      </c>
      <c r="F92">
        <f t="shared" si="5"/>
        <v>4.0367264277288456E-2</v>
      </c>
    </row>
    <row r="93" spans="1:6" x14ac:dyDescent="0.2">
      <c r="A93">
        <v>1040.086931</v>
      </c>
      <c r="B93">
        <v>19.992674000000001</v>
      </c>
      <c r="C93">
        <v>8.2556290000000008</v>
      </c>
      <c r="D93">
        <f t="shared" si="6"/>
        <v>0.45543700000000076</v>
      </c>
      <c r="E93">
        <f t="shared" si="7"/>
        <v>19.072105000000079</v>
      </c>
      <c r="F93">
        <f t="shared" si="5"/>
        <v>4.0262494600846049E-2</v>
      </c>
    </row>
    <row r="94" spans="1:6" x14ac:dyDescent="0.2">
      <c r="A94">
        <v>1038.7309700000001</v>
      </c>
      <c r="B94">
        <v>20.143160999999999</v>
      </c>
      <c r="C94">
        <v>8.2606339999999996</v>
      </c>
      <c r="D94">
        <f t="shared" si="6"/>
        <v>0.46044199999999957</v>
      </c>
      <c r="E94">
        <f t="shared" si="7"/>
        <v>17.716144000000099</v>
      </c>
      <c r="F94">
        <f t="shared" si="5"/>
        <v>3.7041723838953503E-2</v>
      </c>
    </row>
    <row r="95" spans="1:6" x14ac:dyDescent="0.2">
      <c r="A95">
        <v>1036.8665599999999</v>
      </c>
      <c r="B95">
        <v>20.120847999999999</v>
      </c>
      <c r="C95">
        <v>8.2656379999999992</v>
      </c>
      <c r="D95">
        <f t="shared" si="6"/>
        <v>0.46544599999999914</v>
      </c>
      <c r="E95">
        <f t="shared" si="7"/>
        <v>15.851733999999965</v>
      </c>
      <c r="F95">
        <f t="shared" si="5"/>
        <v>3.2846160100312723E-2</v>
      </c>
    </row>
    <row r="96" spans="1:6" x14ac:dyDescent="0.2">
      <c r="A96">
        <v>1036.7040919999999</v>
      </c>
      <c r="B96">
        <v>19.956481</v>
      </c>
      <c r="C96">
        <v>8.2706429999999997</v>
      </c>
      <c r="D96">
        <f t="shared" si="6"/>
        <v>0.47045099999999973</v>
      </c>
      <c r="E96">
        <f t="shared" si="7"/>
        <v>15.689265999999975</v>
      </c>
      <c r="F96">
        <f t="shared" si="5"/>
        <v>3.2168693102230833E-2</v>
      </c>
    </row>
    <row r="97" spans="1:6" x14ac:dyDescent="0.2">
      <c r="A97">
        <v>1036.9494549999999</v>
      </c>
      <c r="B97">
        <v>20.005155999999999</v>
      </c>
      <c r="C97">
        <v>8.2756480000000003</v>
      </c>
      <c r="D97">
        <f t="shared" si="6"/>
        <v>0.47545600000000032</v>
      </c>
      <c r="E97">
        <f t="shared" si="7"/>
        <v>15.934628999999973</v>
      </c>
      <c r="F97">
        <f t="shared" si="5"/>
        <v>3.2320199764636355E-2</v>
      </c>
    </row>
    <row r="98" spans="1:6" x14ac:dyDescent="0.2">
      <c r="A98">
        <v>1036.6839709999999</v>
      </c>
      <c r="B98">
        <v>20.013752</v>
      </c>
      <c r="C98">
        <v>8.2806529999999992</v>
      </c>
      <c r="D98">
        <f t="shared" si="6"/>
        <v>0.48046099999999914</v>
      </c>
      <c r="E98">
        <f t="shared" si="7"/>
        <v>15.669144999999958</v>
      </c>
      <c r="F98">
        <f t="shared" si="5"/>
        <v>3.1458700226814837E-2</v>
      </c>
    </row>
    <row r="99" spans="1:6" x14ac:dyDescent="0.2">
      <c r="A99">
        <v>1036.7390270000001</v>
      </c>
      <c r="B99">
        <v>19.986184000000002</v>
      </c>
      <c r="C99">
        <v>8.2856579999999997</v>
      </c>
      <c r="D99">
        <f t="shared" si="6"/>
        <v>0.48546599999999973</v>
      </c>
      <c r="E99">
        <f t="shared" si="7"/>
        <v>15.724201000000107</v>
      </c>
      <c r="F99">
        <f t="shared" si="5"/>
        <v>3.1242107335927517E-2</v>
      </c>
    </row>
    <row r="100" spans="1:6" x14ac:dyDescent="0.2">
      <c r="A100">
        <v>1038.236085</v>
      </c>
      <c r="B100">
        <v>19.830701000000001</v>
      </c>
      <c r="C100">
        <v>8.2906619999999993</v>
      </c>
      <c r="D100">
        <f t="shared" si="6"/>
        <v>0.4904699999999993</v>
      </c>
      <c r="E100">
        <f t="shared" si="7"/>
        <v>17.221259000000032</v>
      </c>
      <c r="F100">
        <f t="shared" si="5"/>
        <v>3.3818654950010782E-2</v>
      </c>
    </row>
    <row r="101" spans="1:6" x14ac:dyDescent="0.2">
      <c r="A101">
        <v>1040.5449880000001</v>
      </c>
      <c r="B101">
        <v>19.857126999999998</v>
      </c>
      <c r="C101">
        <v>8.2956669999999999</v>
      </c>
      <c r="D101">
        <f t="shared" si="6"/>
        <v>0.49547499999999989</v>
      </c>
      <c r="E101">
        <f t="shared" si="7"/>
        <v>19.530162000000132</v>
      </c>
      <c r="F101">
        <f t="shared" si="5"/>
        <v>3.7881157222005274E-2</v>
      </c>
    </row>
    <row r="102" spans="1:6" x14ac:dyDescent="0.2">
      <c r="A102">
        <v>1042.5352270000001</v>
      </c>
      <c r="B102">
        <v>19.838338</v>
      </c>
      <c r="C102">
        <v>8.3006720000000005</v>
      </c>
      <c r="D102">
        <f t="shared" si="6"/>
        <v>0.50048000000000048</v>
      </c>
      <c r="E102">
        <f t="shared" si="7"/>
        <v>21.520401000000106</v>
      </c>
      <c r="F102">
        <f t="shared" si="5"/>
        <v>4.1245150614407068E-2</v>
      </c>
    </row>
    <row r="103" spans="1:6" x14ac:dyDescent="0.2">
      <c r="A103">
        <v>1044.0595450000001</v>
      </c>
      <c r="B103">
        <v>19.923164</v>
      </c>
      <c r="C103">
        <v>8.3056769999999993</v>
      </c>
      <c r="D103">
        <f t="shared" si="6"/>
        <v>0.5054849999999993</v>
      </c>
      <c r="E103">
        <f t="shared" si="7"/>
        <v>23.0447190000001</v>
      </c>
      <c r="F103">
        <f t="shared" si="5"/>
        <v>4.3665443550267573E-2</v>
      </c>
    </row>
    <row r="104" spans="1:6" x14ac:dyDescent="0.2">
      <c r="A104">
        <v>1044.2533559999999</v>
      </c>
      <c r="B104">
        <v>19.997388999999998</v>
      </c>
      <c r="C104">
        <v>8.3106819999999999</v>
      </c>
      <c r="D104">
        <f t="shared" si="6"/>
        <v>0.51048999999999989</v>
      </c>
      <c r="E104">
        <f t="shared" si="7"/>
        <v>23.238529999999969</v>
      </c>
      <c r="F104">
        <f t="shared" si="5"/>
        <v>4.3592877154772933E-2</v>
      </c>
    </row>
    <row r="105" spans="1:6" x14ac:dyDescent="0.2">
      <c r="A105">
        <v>1044.0831089999999</v>
      </c>
      <c r="B105">
        <v>19.9908</v>
      </c>
      <c r="C105">
        <v>8.3156859999999995</v>
      </c>
      <c r="D105">
        <f t="shared" si="6"/>
        <v>0.51549399999999945</v>
      </c>
      <c r="E105">
        <f t="shared" si="7"/>
        <v>23.068282999999951</v>
      </c>
      <c r="F105">
        <f t="shared" si="5"/>
        <v>4.2860436140166526E-2</v>
      </c>
    </row>
    <row r="106" spans="1:6" x14ac:dyDescent="0.2">
      <c r="A106">
        <v>1044.2542289999999</v>
      </c>
      <c r="B106">
        <v>20.005475000000001</v>
      </c>
      <c r="C106">
        <v>8.3206910000000001</v>
      </c>
      <c r="D106">
        <f t="shared" si="6"/>
        <v>0.52049900000000004</v>
      </c>
      <c r="E106">
        <f t="shared" si="7"/>
        <v>23.239402999999925</v>
      </c>
      <c r="F106">
        <f t="shared" si="5"/>
        <v>4.2756172937637532E-2</v>
      </c>
    </row>
    <row r="107" spans="1:6" x14ac:dyDescent="0.2">
      <c r="A107">
        <v>1044.363709</v>
      </c>
      <c r="B107">
        <v>19.985571</v>
      </c>
      <c r="C107">
        <v>8.3256960000000007</v>
      </c>
      <c r="D107">
        <f t="shared" si="6"/>
        <v>0.52550400000000064</v>
      </c>
      <c r="E107">
        <f t="shared" si="7"/>
        <v>23.348883000000001</v>
      </c>
      <c r="F107">
        <f t="shared" si="5"/>
        <v>4.2543999108634489E-2</v>
      </c>
    </row>
    <row r="108" spans="1:6" x14ac:dyDescent="0.2">
      <c r="A108">
        <v>1044.535746</v>
      </c>
      <c r="B108">
        <v>20.026951</v>
      </c>
      <c r="C108">
        <v>8.3307009999999995</v>
      </c>
      <c r="D108">
        <f t="shared" si="6"/>
        <v>0.53050899999999945</v>
      </c>
      <c r="E108">
        <f t="shared" si="7"/>
        <v>23.520920000000046</v>
      </c>
      <c r="F108">
        <f t="shared" si="5"/>
        <v>4.2446143872696025E-2</v>
      </c>
    </row>
    <row r="109" spans="1:6" x14ac:dyDescent="0.2">
      <c r="A109">
        <v>1043.529941</v>
      </c>
      <c r="B109">
        <v>20.069762000000001</v>
      </c>
      <c r="C109">
        <v>8.3357060000000001</v>
      </c>
      <c r="D109">
        <f t="shared" si="6"/>
        <v>0.53551400000000005</v>
      </c>
      <c r="E109">
        <f t="shared" si="7"/>
        <v>22.515115000000037</v>
      </c>
      <c r="F109">
        <f t="shared" si="5"/>
        <v>4.0290107490011072E-2</v>
      </c>
    </row>
    <row r="110" spans="1:6" x14ac:dyDescent="0.2">
      <c r="A110">
        <v>1041.729955</v>
      </c>
      <c r="B110">
        <v>20.150171</v>
      </c>
      <c r="C110">
        <v>8.3407099999999996</v>
      </c>
      <c r="D110">
        <f t="shared" si="6"/>
        <v>0.54051799999999961</v>
      </c>
      <c r="E110">
        <f t="shared" si="7"/>
        <v>20.715129000000047</v>
      </c>
      <c r="F110">
        <f t="shared" si="5"/>
        <v>3.678936810957794E-2</v>
      </c>
    </row>
    <row r="111" spans="1:6" x14ac:dyDescent="0.2">
      <c r="A111">
        <v>1039.7311050000001</v>
      </c>
      <c r="B111">
        <v>20.151171000000001</v>
      </c>
      <c r="C111">
        <v>8.3457150000000002</v>
      </c>
      <c r="D111">
        <f t="shared" si="6"/>
        <v>0.5455230000000002</v>
      </c>
      <c r="E111">
        <f t="shared" si="7"/>
        <v>18.7162790000001</v>
      </c>
      <c r="F111">
        <f t="shared" si="5"/>
        <v>3.2997832072341665E-2</v>
      </c>
    </row>
    <row r="112" spans="1:6" x14ac:dyDescent="0.2">
      <c r="A112">
        <v>1038.1435389999999</v>
      </c>
      <c r="B112">
        <v>20.087198000000001</v>
      </c>
      <c r="C112">
        <v>8.3507200000000008</v>
      </c>
      <c r="D112">
        <f t="shared" si="6"/>
        <v>0.55052800000000079</v>
      </c>
      <c r="E112">
        <f t="shared" si="7"/>
        <v>17.128712999999948</v>
      </c>
      <c r="F112">
        <f t="shared" si="5"/>
        <v>2.9970080880557432E-2</v>
      </c>
    </row>
    <row r="113" spans="1:6" x14ac:dyDescent="0.2">
      <c r="A113">
        <v>1038.303418</v>
      </c>
      <c r="B113">
        <v>19.951229999999999</v>
      </c>
      <c r="C113">
        <v>8.3557249999999996</v>
      </c>
      <c r="D113">
        <f t="shared" si="6"/>
        <v>0.55553299999999961</v>
      </c>
      <c r="E113">
        <f t="shared" si="7"/>
        <v>17.288591999999994</v>
      </c>
      <c r="F113">
        <f t="shared" si="5"/>
        <v>2.9972673268808921E-2</v>
      </c>
    </row>
    <row r="114" spans="1:6" x14ac:dyDescent="0.2">
      <c r="A114">
        <v>1038.736936</v>
      </c>
      <c r="B114">
        <v>19.992364999999999</v>
      </c>
      <c r="C114">
        <v>8.3607300000000002</v>
      </c>
      <c r="D114">
        <f t="shared" si="6"/>
        <v>0.5605380000000002</v>
      </c>
      <c r="E114">
        <f t="shared" si="7"/>
        <v>17.722110000000043</v>
      </c>
      <c r="F114">
        <f t="shared" si="5"/>
        <v>3.0437206688662736E-2</v>
      </c>
    </row>
    <row r="115" spans="1:6" x14ac:dyDescent="0.2">
      <c r="A115">
        <v>1038.5186679999999</v>
      </c>
      <c r="B115">
        <v>20.016767000000002</v>
      </c>
      <c r="C115">
        <v>8.3657339999999998</v>
      </c>
      <c r="D115">
        <f t="shared" si="6"/>
        <v>0.56554199999999977</v>
      </c>
      <c r="E115">
        <f t="shared" si="7"/>
        <v>17.503841999999963</v>
      </c>
      <c r="F115">
        <f t="shared" si="5"/>
        <v>2.9802604088636313E-2</v>
      </c>
    </row>
    <row r="116" spans="1:6" x14ac:dyDescent="0.2">
      <c r="A116">
        <v>1038.030522</v>
      </c>
      <c r="B116">
        <v>20.053122999999999</v>
      </c>
      <c r="C116">
        <v>8.3707390000000004</v>
      </c>
      <c r="D116">
        <f t="shared" si="6"/>
        <v>0.57054700000000036</v>
      </c>
      <c r="E116">
        <f t="shared" si="7"/>
        <v>17.015696000000048</v>
      </c>
      <c r="F116">
        <f t="shared" si="5"/>
        <v>2.873082971923276E-2</v>
      </c>
    </row>
    <row r="117" spans="1:6" x14ac:dyDescent="0.2">
      <c r="A117">
        <v>1036.988814</v>
      </c>
      <c r="B117">
        <v>20.043998999999999</v>
      </c>
      <c r="C117">
        <v>8.3757439999999992</v>
      </c>
      <c r="D117">
        <f t="shared" si="6"/>
        <v>0.57555199999999918</v>
      </c>
      <c r="E117">
        <f t="shared" si="7"/>
        <v>15.973988000000077</v>
      </c>
      <c r="F117">
        <f t="shared" si="5"/>
        <v>2.6764227621822286E-2</v>
      </c>
    </row>
    <row r="118" spans="1:6" x14ac:dyDescent="0.2">
      <c r="A118">
        <v>1037.5065910000001</v>
      </c>
      <c r="B118">
        <v>19.932708999999999</v>
      </c>
      <c r="C118">
        <v>8.3807489999999998</v>
      </c>
      <c r="D118">
        <f t="shared" si="6"/>
        <v>0.58055699999999977</v>
      </c>
      <c r="E118">
        <f t="shared" si="7"/>
        <v>16.4917650000001</v>
      </c>
      <c r="F118">
        <f t="shared" si="5"/>
        <v>2.737987161894085E-2</v>
      </c>
    </row>
    <row r="119" spans="1:6" x14ac:dyDescent="0.2">
      <c r="A119">
        <v>1038.250546</v>
      </c>
      <c r="B119">
        <v>19.962510999999999</v>
      </c>
      <c r="C119">
        <v>8.3857540000000004</v>
      </c>
      <c r="D119">
        <f t="shared" si="6"/>
        <v>0.58556200000000036</v>
      </c>
      <c r="E119">
        <f t="shared" si="7"/>
        <v>17.235720000000015</v>
      </c>
      <c r="F119">
        <f t="shared" si="5"/>
        <v>2.8350085733841988E-2</v>
      </c>
    </row>
    <row r="120" spans="1:6" x14ac:dyDescent="0.2">
      <c r="A120">
        <v>1038.794306</v>
      </c>
      <c r="B120">
        <v>19.972598000000001</v>
      </c>
      <c r="C120">
        <v>8.3907579999999999</v>
      </c>
      <c r="D120">
        <f t="shared" si="6"/>
        <v>0.59056599999999992</v>
      </c>
      <c r="E120">
        <f t="shared" si="7"/>
        <v>17.779480000000035</v>
      </c>
      <c r="F120">
        <f t="shared" si="5"/>
        <v>2.8981512994247127E-2</v>
      </c>
    </row>
    <row r="121" spans="1:6" x14ac:dyDescent="0.2">
      <c r="A121">
        <v>1037.888228</v>
      </c>
      <c r="B121">
        <v>20.094671999999999</v>
      </c>
      <c r="C121">
        <v>8.3957630000000005</v>
      </c>
      <c r="D121">
        <f t="shared" si="6"/>
        <v>0.59557100000000052</v>
      </c>
      <c r="E121">
        <f t="shared" si="7"/>
        <v>16.873402000000056</v>
      </c>
      <c r="F121">
        <f t="shared" si="5"/>
        <v>2.7297226590552247E-2</v>
      </c>
    </row>
    <row r="122" spans="1:6" x14ac:dyDescent="0.2">
      <c r="A122">
        <v>1036.7802260000001</v>
      </c>
      <c r="B122">
        <v>20.061564000000001</v>
      </c>
      <c r="C122">
        <v>8.4007679999999993</v>
      </c>
      <c r="D122">
        <f t="shared" si="6"/>
        <v>0.60057599999999933</v>
      </c>
      <c r="E122">
        <f t="shared" si="7"/>
        <v>15.765400000000113</v>
      </c>
      <c r="F122">
        <f t="shared" si="5"/>
        <v>2.5319219600062618E-2</v>
      </c>
    </row>
    <row r="123" spans="1:6" x14ac:dyDescent="0.2">
      <c r="A123">
        <v>1037.081475</v>
      </c>
      <c r="B123">
        <v>19.926825999999998</v>
      </c>
      <c r="C123">
        <v>8.4057729999999999</v>
      </c>
      <c r="D123">
        <f t="shared" si="6"/>
        <v>0.60558099999999992</v>
      </c>
      <c r="E123">
        <f t="shared" si="7"/>
        <v>16.066648999999984</v>
      </c>
      <c r="F123">
        <f t="shared" si="5"/>
        <v>2.5582335399489221E-2</v>
      </c>
    </row>
    <row r="124" spans="1:6" x14ac:dyDescent="0.2">
      <c r="A124">
        <v>1039.251769</v>
      </c>
      <c r="B124">
        <v>19.832129999999999</v>
      </c>
      <c r="C124">
        <v>8.4107780000000005</v>
      </c>
      <c r="D124">
        <f t="shared" si="6"/>
        <v>0.61058600000000052</v>
      </c>
      <c r="E124">
        <f t="shared" si="7"/>
        <v>18.236942999999997</v>
      </c>
      <c r="F124">
        <f t="shared" si="5"/>
        <v>2.8739845296965962E-2</v>
      </c>
    </row>
    <row r="125" spans="1:6" x14ac:dyDescent="0.2">
      <c r="A125">
        <v>1039.7484509999999</v>
      </c>
      <c r="B125">
        <v>20.007608999999999</v>
      </c>
      <c r="C125">
        <v>8.4157820000000001</v>
      </c>
      <c r="D125">
        <f t="shared" si="6"/>
        <v>0.61559000000000008</v>
      </c>
      <c r="E125">
        <f t="shared" si="7"/>
        <v>18.733624999999961</v>
      </c>
      <c r="F125">
        <f t="shared" si="5"/>
        <v>2.926860234423807E-2</v>
      </c>
    </row>
    <row r="126" spans="1:6" x14ac:dyDescent="0.2">
      <c r="A126">
        <v>1039.9541360000001</v>
      </c>
      <c r="B126">
        <v>19.978857000000001</v>
      </c>
      <c r="C126">
        <v>8.4207870000000007</v>
      </c>
      <c r="D126">
        <f t="shared" si="6"/>
        <v>0.62059500000000067</v>
      </c>
      <c r="E126">
        <f t="shared" si="7"/>
        <v>18.939310000000091</v>
      </c>
      <c r="F126">
        <f t="shared" si="5"/>
        <v>2.9345512185895508E-2</v>
      </c>
    </row>
    <row r="127" spans="1:6" x14ac:dyDescent="0.2">
      <c r="A127">
        <v>1040.5966069999999</v>
      </c>
      <c r="B127">
        <v>19.923193999999999</v>
      </c>
      <c r="C127">
        <v>8.4257919999999995</v>
      </c>
      <c r="D127">
        <f t="shared" si="6"/>
        <v>0.62559999999999949</v>
      </c>
      <c r="E127">
        <f t="shared" si="7"/>
        <v>19.581780999999978</v>
      </c>
      <c r="F127">
        <f t="shared" si="5"/>
        <v>3.0079668356252903E-2</v>
      </c>
    </row>
    <row r="128" spans="1:6" x14ac:dyDescent="0.2">
      <c r="A128">
        <v>1042.4811179999999</v>
      </c>
      <c r="B128">
        <v>19.823437999999999</v>
      </c>
      <c r="C128">
        <v>8.4307970000000001</v>
      </c>
      <c r="D128">
        <f t="shared" si="6"/>
        <v>0.63060500000000008</v>
      </c>
      <c r="E128">
        <f t="shared" si="7"/>
        <v>21.466291999999953</v>
      </c>
      <c r="F128">
        <f t="shared" si="5"/>
        <v>3.2653626826318061E-2</v>
      </c>
    </row>
    <row r="129" spans="1:6" x14ac:dyDescent="0.2">
      <c r="A129">
        <v>1044.5774289999999</v>
      </c>
      <c r="B129">
        <v>19.866458000000002</v>
      </c>
      <c r="C129">
        <v>8.4358020000000007</v>
      </c>
      <c r="D129">
        <f t="shared" si="6"/>
        <v>0.63561000000000067</v>
      </c>
      <c r="E129">
        <f t="shared" si="7"/>
        <v>23.562602999999967</v>
      </c>
      <c r="F129">
        <f t="shared" si="5"/>
        <v>3.5488848428447711E-2</v>
      </c>
    </row>
    <row r="130" spans="1:6" x14ac:dyDescent="0.2">
      <c r="A130">
        <v>1044.962495</v>
      </c>
      <c r="B130">
        <v>20.031706</v>
      </c>
      <c r="C130">
        <v>8.4408060000000003</v>
      </c>
      <c r="D130">
        <f t="shared" si="6"/>
        <v>0.64061400000000024</v>
      </c>
      <c r="E130">
        <f t="shared" si="7"/>
        <v>23.947669000000019</v>
      </c>
      <c r="F130">
        <f t="shared" si="5"/>
        <v>3.5773885934674288E-2</v>
      </c>
    </row>
    <row r="131" spans="1:6" x14ac:dyDescent="0.2">
      <c r="A131">
        <v>1044.272637</v>
      </c>
      <c r="B131">
        <v>20.064194000000001</v>
      </c>
      <c r="C131">
        <v>8.4458110000000008</v>
      </c>
      <c r="D131">
        <f t="shared" si="6"/>
        <v>0.64561900000000083</v>
      </c>
      <c r="E131">
        <f t="shared" si="7"/>
        <v>23.257811000000061</v>
      </c>
      <c r="F131">
        <f t="shared" ref="F131:F194" si="8">(1/A131)*(E131/D131)</f>
        <v>3.4496786099239743E-2</v>
      </c>
    </row>
    <row r="132" spans="1:6" x14ac:dyDescent="0.2">
      <c r="A132">
        <v>1044.2904189999999</v>
      </c>
      <c r="B132">
        <v>19.942712</v>
      </c>
      <c r="C132">
        <v>8.4508159999999997</v>
      </c>
      <c r="D132">
        <f t="shared" si="6"/>
        <v>0.65062399999999965</v>
      </c>
      <c r="E132">
        <f t="shared" si="7"/>
        <v>23.275592999999958</v>
      </c>
      <c r="F132">
        <f t="shared" si="8"/>
        <v>3.4257004252485665E-2</v>
      </c>
    </row>
    <row r="133" spans="1:6" x14ac:dyDescent="0.2">
      <c r="A133">
        <v>1044.7707029999999</v>
      </c>
      <c r="B133">
        <v>19.982697999999999</v>
      </c>
      <c r="C133">
        <v>8.4558210000000003</v>
      </c>
      <c r="D133">
        <f t="shared" si="6"/>
        <v>0.65562900000000024</v>
      </c>
      <c r="E133">
        <f t="shared" si="7"/>
        <v>23.755876999999941</v>
      </c>
      <c r="F133">
        <f t="shared" si="8"/>
        <v>3.4681025191207616E-2</v>
      </c>
    </row>
    <row r="134" spans="1:6" x14ac:dyDescent="0.2">
      <c r="A134">
        <v>1044.2444399999999</v>
      </c>
      <c r="B134">
        <v>20.104828000000001</v>
      </c>
      <c r="C134">
        <v>8.4608260000000008</v>
      </c>
      <c r="D134">
        <f t="shared" si="6"/>
        <v>0.66063400000000083</v>
      </c>
      <c r="E134">
        <f t="shared" si="7"/>
        <v>23.22961399999997</v>
      </c>
      <c r="F134">
        <f t="shared" si="8"/>
        <v>3.367277438860608E-2</v>
      </c>
    </row>
    <row r="135" spans="1:6" x14ac:dyDescent="0.2">
      <c r="A135">
        <v>1042.355765</v>
      </c>
      <c r="B135">
        <v>20.101386000000002</v>
      </c>
      <c r="C135">
        <v>8.4658300000000004</v>
      </c>
      <c r="D135">
        <f t="shared" ref="D135:D198" si="9">C135-$C$2</f>
        <v>0.6656380000000004</v>
      </c>
      <c r="E135">
        <f t="shared" ref="E135:E198" si="10">A135-$A$2</f>
        <v>21.340939000000049</v>
      </c>
      <c r="F135">
        <f t="shared" si="8"/>
        <v>3.0758095759585415E-2</v>
      </c>
    </row>
    <row r="136" spans="1:6" x14ac:dyDescent="0.2">
      <c r="A136">
        <v>1041.5453540000001</v>
      </c>
      <c r="B136">
        <v>20.075832999999999</v>
      </c>
      <c r="C136">
        <v>8.4708349999999992</v>
      </c>
      <c r="D136">
        <f t="shared" si="9"/>
        <v>0.67064299999999921</v>
      </c>
      <c r="E136">
        <f t="shared" si="10"/>
        <v>20.530528000000118</v>
      </c>
      <c r="F136">
        <f t="shared" si="8"/>
        <v>2.9392094596351146E-2</v>
      </c>
    </row>
    <row r="137" spans="1:6" x14ac:dyDescent="0.2">
      <c r="A137">
        <v>1039.3249539999999</v>
      </c>
      <c r="B137">
        <v>20.171861</v>
      </c>
      <c r="C137">
        <v>8.4758399999999998</v>
      </c>
      <c r="D137">
        <f t="shared" si="9"/>
        <v>0.6756479999999998</v>
      </c>
      <c r="E137">
        <f t="shared" si="10"/>
        <v>18.310127999999963</v>
      </c>
      <c r="F137">
        <f t="shared" si="8"/>
        <v>2.6074712587025831E-2</v>
      </c>
    </row>
    <row r="138" spans="1:6" x14ac:dyDescent="0.2">
      <c r="A138">
        <v>1037.1038430000001</v>
      </c>
      <c r="B138">
        <v>20.158266000000001</v>
      </c>
      <c r="C138">
        <v>8.4808450000000004</v>
      </c>
      <c r="D138">
        <f t="shared" si="9"/>
        <v>0.6806530000000004</v>
      </c>
      <c r="E138">
        <f t="shared" si="10"/>
        <v>16.089017000000126</v>
      </c>
      <c r="F138">
        <f t="shared" si="8"/>
        <v>2.279195107577852E-2</v>
      </c>
    </row>
    <row r="139" spans="1:6" x14ac:dyDescent="0.2">
      <c r="A139">
        <v>1036.0401260000001</v>
      </c>
      <c r="B139">
        <v>20.053205999999999</v>
      </c>
      <c r="C139">
        <v>8.4858499999999992</v>
      </c>
      <c r="D139">
        <f t="shared" si="9"/>
        <v>0.68565799999999921</v>
      </c>
      <c r="E139">
        <f t="shared" si="10"/>
        <v>15.025300000000129</v>
      </c>
      <c r="F139">
        <f t="shared" si="8"/>
        <v>2.1151395619237359E-2</v>
      </c>
    </row>
    <row r="140" spans="1:6" x14ac:dyDescent="0.2">
      <c r="A140">
        <v>1034.9461679999999</v>
      </c>
      <c r="B140">
        <v>20.112442999999999</v>
      </c>
      <c r="C140">
        <v>8.4908540000000006</v>
      </c>
      <c r="D140">
        <f t="shared" si="9"/>
        <v>0.69066200000000055</v>
      </c>
      <c r="E140">
        <f t="shared" si="10"/>
        <v>13.931341999999972</v>
      </c>
      <c r="F140">
        <f t="shared" si="8"/>
        <v>1.9489900908199406E-2</v>
      </c>
    </row>
    <row r="141" spans="1:6" x14ac:dyDescent="0.2">
      <c r="A141">
        <v>1032.7704920000001</v>
      </c>
      <c r="B141">
        <v>20.118324000000001</v>
      </c>
      <c r="C141">
        <v>8.4958589999999994</v>
      </c>
      <c r="D141">
        <f t="shared" si="9"/>
        <v>0.69566699999999937</v>
      </c>
      <c r="E141">
        <f t="shared" si="10"/>
        <v>11.755666000000133</v>
      </c>
      <c r="F141">
        <f t="shared" si="8"/>
        <v>1.6362211990505714E-2</v>
      </c>
    </row>
    <row r="142" spans="1:6" x14ac:dyDescent="0.2">
      <c r="A142">
        <v>1032.5714599999999</v>
      </c>
      <c r="B142">
        <v>20.008921000000001</v>
      </c>
      <c r="C142">
        <v>8.500864</v>
      </c>
      <c r="D142">
        <f t="shared" si="9"/>
        <v>0.70067199999999996</v>
      </c>
      <c r="E142">
        <f t="shared" si="10"/>
        <v>11.556633999999917</v>
      </c>
      <c r="F142">
        <f t="shared" si="8"/>
        <v>1.5973367349647161E-2</v>
      </c>
    </row>
    <row r="143" spans="1:6" x14ac:dyDescent="0.2">
      <c r="A143">
        <v>1031.691425</v>
      </c>
      <c r="B143">
        <v>20.070433999999999</v>
      </c>
      <c r="C143">
        <v>8.5058690000000006</v>
      </c>
      <c r="D143">
        <f t="shared" si="9"/>
        <v>0.70567700000000055</v>
      </c>
      <c r="E143">
        <f t="shared" si="10"/>
        <v>10.67659900000001</v>
      </c>
      <c r="F143">
        <f t="shared" si="8"/>
        <v>1.4664833881533099E-2</v>
      </c>
    </row>
    <row r="144" spans="1:6" x14ac:dyDescent="0.2">
      <c r="A144">
        <v>1031.782526</v>
      </c>
      <c r="B144">
        <v>19.91957</v>
      </c>
      <c r="C144">
        <v>8.5108739999999994</v>
      </c>
      <c r="D144">
        <f t="shared" si="9"/>
        <v>0.71068199999999937</v>
      </c>
      <c r="E144">
        <f t="shared" si="10"/>
        <v>10.767699999999991</v>
      </c>
      <c r="F144">
        <f t="shared" si="8"/>
        <v>1.4684510115347615E-2</v>
      </c>
    </row>
    <row r="145" spans="1:6" x14ac:dyDescent="0.2">
      <c r="A145">
        <v>1033.824775</v>
      </c>
      <c r="B145">
        <v>19.849838999999999</v>
      </c>
      <c r="C145">
        <v>8.5158780000000007</v>
      </c>
      <c r="D145">
        <f t="shared" si="9"/>
        <v>0.71568600000000071</v>
      </c>
      <c r="E145">
        <f t="shared" si="10"/>
        <v>12.809949000000074</v>
      </c>
      <c r="F145">
        <f t="shared" si="8"/>
        <v>1.7313223814571031E-2</v>
      </c>
    </row>
    <row r="146" spans="1:6" x14ac:dyDescent="0.2">
      <c r="A146">
        <v>1035.862993</v>
      </c>
      <c r="B146">
        <v>19.856697</v>
      </c>
      <c r="C146">
        <v>8.5208829999999995</v>
      </c>
      <c r="D146">
        <f t="shared" si="9"/>
        <v>0.72069099999999953</v>
      </c>
      <c r="E146">
        <f t="shared" si="10"/>
        <v>14.848166999999989</v>
      </c>
      <c r="F146">
        <f t="shared" si="8"/>
        <v>1.9889388321425196E-2</v>
      </c>
    </row>
    <row r="147" spans="1:6" x14ac:dyDescent="0.2">
      <c r="A147">
        <v>1037.5173199999999</v>
      </c>
      <c r="B147">
        <v>19.879290999999998</v>
      </c>
      <c r="C147">
        <v>8.5258880000000001</v>
      </c>
      <c r="D147">
        <f t="shared" si="9"/>
        <v>0.72569600000000012</v>
      </c>
      <c r="E147">
        <f t="shared" si="10"/>
        <v>16.502493999999956</v>
      </c>
      <c r="F147">
        <f t="shared" si="8"/>
        <v>2.1917928144842027E-2</v>
      </c>
    </row>
    <row r="148" spans="1:6" x14ac:dyDescent="0.2">
      <c r="A148">
        <v>1038.8889879999999</v>
      </c>
      <c r="B148">
        <v>19.907526000000001</v>
      </c>
      <c r="C148">
        <v>8.5308930000000007</v>
      </c>
      <c r="D148">
        <f t="shared" si="9"/>
        <v>0.73070100000000071</v>
      </c>
      <c r="E148">
        <f t="shared" si="10"/>
        <v>17.874161999999956</v>
      </c>
      <c r="F148">
        <f t="shared" si="8"/>
        <v>2.3545984035251908E-2</v>
      </c>
    </row>
    <row r="149" spans="1:6" x14ac:dyDescent="0.2">
      <c r="A149">
        <v>1040.0889480000001</v>
      </c>
      <c r="B149">
        <v>19.901354000000001</v>
      </c>
      <c r="C149">
        <v>8.5358979999999995</v>
      </c>
      <c r="D149">
        <f t="shared" si="9"/>
        <v>0.73570599999999953</v>
      </c>
      <c r="E149">
        <f t="shared" si="10"/>
        <v>19.074122000000102</v>
      </c>
      <c r="F149">
        <f t="shared" si="8"/>
        <v>2.492698639201868E-2</v>
      </c>
    </row>
    <row r="150" spans="1:6" x14ac:dyDescent="0.2">
      <c r="A150">
        <v>1041.171419</v>
      </c>
      <c r="B150">
        <v>19.950562000000001</v>
      </c>
      <c r="C150">
        <v>8.5409020000000009</v>
      </c>
      <c r="D150">
        <f t="shared" si="9"/>
        <v>0.74071000000000087</v>
      </c>
      <c r="E150">
        <f t="shared" si="10"/>
        <v>20.156593000000044</v>
      </c>
      <c r="F150">
        <f t="shared" si="8"/>
        <v>2.6136454932777626E-2</v>
      </c>
    </row>
    <row r="151" spans="1:6" x14ac:dyDescent="0.2">
      <c r="A151">
        <v>1041.8732419999999</v>
      </c>
      <c r="B151">
        <v>19.97878</v>
      </c>
      <c r="C151">
        <v>8.5459069999999997</v>
      </c>
      <c r="D151">
        <f t="shared" si="9"/>
        <v>0.74571499999999968</v>
      </c>
      <c r="E151">
        <f t="shared" si="10"/>
        <v>20.85841599999992</v>
      </c>
      <c r="F151">
        <f t="shared" si="8"/>
        <v>2.6846863916794705E-2</v>
      </c>
    </row>
    <row r="152" spans="1:6" x14ac:dyDescent="0.2">
      <c r="A152">
        <v>1040.808405</v>
      </c>
      <c r="B152">
        <v>20.085386</v>
      </c>
      <c r="C152">
        <v>8.5509120000000003</v>
      </c>
      <c r="D152">
        <f t="shared" si="9"/>
        <v>0.75072000000000028</v>
      </c>
      <c r="E152">
        <f t="shared" si="10"/>
        <v>19.793579000000022</v>
      </c>
      <c r="F152">
        <f t="shared" si="8"/>
        <v>2.5332354214193244E-2</v>
      </c>
    </row>
    <row r="153" spans="1:6" x14ac:dyDescent="0.2">
      <c r="A153">
        <v>1040.9693360000001</v>
      </c>
      <c r="B153">
        <v>19.922545</v>
      </c>
      <c r="C153">
        <v>8.5559170000000009</v>
      </c>
      <c r="D153">
        <f t="shared" si="9"/>
        <v>0.75572500000000087</v>
      </c>
      <c r="E153">
        <f t="shared" si="10"/>
        <v>19.954510000000141</v>
      </c>
      <c r="F153">
        <f t="shared" si="8"/>
        <v>2.5365261377935086E-2</v>
      </c>
    </row>
    <row r="154" spans="1:6" x14ac:dyDescent="0.2">
      <c r="A154">
        <v>1042.5591429999999</v>
      </c>
      <c r="B154">
        <v>19.880970000000001</v>
      </c>
      <c r="C154">
        <v>8.5609219999999997</v>
      </c>
      <c r="D154">
        <f t="shared" si="9"/>
        <v>0.76072999999999968</v>
      </c>
      <c r="E154">
        <f t="shared" si="10"/>
        <v>21.544316999999978</v>
      </c>
      <c r="F154">
        <f t="shared" si="8"/>
        <v>2.7164485632638201E-2</v>
      </c>
    </row>
    <row r="155" spans="1:6" x14ac:dyDescent="0.2">
      <c r="A155">
        <v>1043.4298859999999</v>
      </c>
      <c r="B155">
        <v>19.955673000000001</v>
      </c>
      <c r="C155">
        <v>8.5659259999999993</v>
      </c>
      <c r="D155">
        <f t="shared" si="9"/>
        <v>0.76573399999999925</v>
      </c>
      <c r="E155">
        <f t="shared" si="10"/>
        <v>22.415059999999926</v>
      </c>
      <c r="F155">
        <f t="shared" si="8"/>
        <v>2.8054252600096183E-2</v>
      </c>
    </row>
    <row r="156" spans="1:6" x14ac:dyDescent="0.2">
      <c r="A156">
        <v>1043.9559710000001</v>
      </c>
      <c r="B156">
        <v>19.947362999999999</v>
      </c>
      <c r="C156">
        <v>8.5709309999999999</v>
      </c>
      <c r="D156">
        <f t="shared" si="9"/>
        <v>0.77073899999999984</v>
      </c>
      <c r="E156">
        <f t="shared" si="10"/>
        <v>22.94114500000012</v>
      </c>
      <c r="F156">
        <f t="shared" si="8"/>
        <v>2.8511861458095998E-2</v>
      </c>
    </row>
    <row r="157" spans="1:6" x14ac:dyDescent="0.2">
      <c r="A157">
        <v>1044.479967</v>
      </c>
      <c r="B157">
        <v>19.986916999999998</v>
      </c>
      <c r="C157">
        <v>8.5759360000000004</v>
      </c>
      <c r="D157">
        <f t="shared" si="9"/>
        <v>0.77574400000000043</v>
      </c>
      <c r="E157">
        <f t="shared" si="10"/>
        <v>23.465141000000017</v>
      </c>
      <c r="F157">
        <f t="shared" si="8"/>
        <v>2.8960404819482029E-2</v>
      </c>
    </row>
    <row r="158" spans="1:6" x14ac:dyDescent="0.2">
      <c r="A158">
        <v>1043.8344729999999</v>
      </c>
      <c r="B158">
        <v>20.073398000000001</v>
      </c>
      <c r="C158">
        <v>8.5809409999999993</v>
      </c>
      <c r="D158">
        <f t="shared" si="9"/>
        <v>0.78074899999999925</v>
      </c>
      <c r="E158">
        <f t="shared" si="10"/>
        <v>22.819646999999918</v>
      </c>
      <c r="F158">
        <f t="shared" si="8"/>
        <v>2.8000504082040564E-2</v>
      </c>
    </row>
    <row r="159" spans="1:6" x14ac:dyDescent="0.2">
      <c r="A159">
        <v>1042.576315</v>
      </c>
      <c r="B159">
        <v>20.088615000000001</v>
      </c>
      <c r="C159">
        <v>8.5859459999999999</v>
      </c>
      <c r="D159">
        <f t="shared" si="9"/>
        <v>0.78575399999999984</v>
      </c>
      <c r="E159">
        <f t="shared" si="10"/>
        <v>21.561489000000051</v>
      </c>
      <c r="F159">
        <f t="shared" si="8"/>
        <v>2.6319903591857822E-2</v>
      </c>
    </row>
    <row r="160" spans="1:6" x14ac:dyDescent="0.2">
      <c r="A160">
        <v>1041.2603779999999</v>
      </c>
      <c r="B160">
        <v>20.099329999999998</v>
      </c>
      <c r="C160">
        <v>8.5909499999999994</v>
      </c>
      <c r="D160">
        <f t="shared" si="9"/>
        <v>0.79075799999999941</v>
      </c>
      <c r="E160">
        <f t="shared" si="10"/>
        <v>20.245551999999975</v>
      </c>
      <c r="F160">
        <f t="shared" si="8"/>
        <v>2.4588197064100592E-2</v>
      </c>
    </row>
    <row r="161" spans="1:6" x14ac:dyDescent="0.2">
      <c r="A161">
        <v>1039.9727009999999</v>
      </c>
      <c r="B161">
        <v>20.108000000000001</v>
      </c>
      <c r="C161">
        <v>8.595955</v>
      </c>
      <c r="D161">
        <f t="shared" si="9"/>
        <v>0.795763</v>
      </c>
      <c r="E161">
        <f t="shared" si="10"/>
        <v>18.957874999999945</v>
      </c>
      <c r="F161">
        <f t="shared" si="8"/>
        <v>2.2907831176653626E-2</v>
      </c>
    </row>
    <row r="162" spans="1:6" x14ac:dyDescent="0.2">
      <c r="A162">
        <v>1038.815394</v>
      </c>
      <c r="B162">
        <v>20.068072000000001</v>
      </c>
      <c r="C162">
        <v>8.6009600000000006</v>
      </c>
      <c r="D162">
        <f t="shared" si="9"/>
        <v>0.80076800000000059</v>
      </c>
      <c r="E162">
        <f t="shared" si="10"/>
        <v>17.800567999999998</v>
      </c>
      <c r="F162">
        <f t="shared" si="8"/>
        <v>2.1398768186705552E-2</v>
      </c>
    </row>
    <row r="163" spans="1:6" x14ac:dyDescent="0.2">
      <c r="A163">
        <v>1037.7029439999999</v>
      </c>
      <c r="B163">
        <v>20.081282000000002</v>
      </c>
      <c r="C163">
        <v>8.6059649999999994</v>
      </c>
      <c r="D163">
        <f t="shared" si="9"/>
        <v>0.80577299999999941</v>
      </c>
      <c r="E163">
        <f t="shared" si="10"/>
        <v>16.688117999999918</v>
      </c>
      <c r="F163">
        <f t="shared" si="8"/>
        <v>1.9958210656043928E-2</v>
      </c>
    </row>
    <row r="164" spans="1:6" x14ac:dyDescent="0.2">
      <c r="A164">
        <v>1036.549949</v>
      </c>
      <c r="B164">
        <v>20.088539999999998</v>
      </c>
      <c r="C164">
        <v>8.61097</v>
      </c>
      <c r="D164">
        <f t="shared" si="9"/>
        <v>0.810778</v>
      </c>
      <c r="E164">
        <f t="shared" si="10"/>
        <v>15.535122999999999</v>
      </c>
      <c r="F164">
        <f t="shared" si="8"/>
        <v>1.8485129852085631E-2</v>
      </c>
    </row>
    <row r="165" spans="1:6" x14ac:dyDescent="0.2">
      <c r="A165">
        <v>1035.708748</v>
      </c>
      <c r="B165">
        <v>20.053528</v>
      </c>
      <c r="C165">
        <v>8.6159739999999996</v>
      </c>
      <c r="D165">
        <f t="shared" si="9"/>
        <v>0.81578199999999956</v>
      </c>
      <c r="E165">
        <f t="shared" si="10"/>
        <v>14.693922000000043</v>
      </c>
      <c r="F165">
        <f t="shared" si="8"/>
        <v>1.73910565452653E-2</v>
      </c>
    </row>
    <row r="166" spans="1:6" x14ac:dyDescent="0.2">
      <c r="A166">
        <v>1035.141871</v>
      </c>
      <c r="B166">
        <v>20.039088</v>
      </c>
      <c r="C166">
        <v>8.6209790000000002</v>
      </c>
      <c r="D166">
        <f t="shared" si="9"/>
        <v>0.82078700000000016</v>
      </c>
      <c r="E166">
        <f t="shared" si="10"/>
        <v>14.127045000000066</v>
      </c>
      <c r="F166">
        <f t="shared" si="8"/>
        <v>1.6627271311623358E-2</v>
      </c>
    </row>
    <row r="167" spans="1:6" x14ac:dyDescent="0.2">
      <c r="A167">
        <v>1034.6520780000001</v>
      </c>
      <c r="B167">
        <v>20.025552999999999</v>
      </c>
      <c r="C167">
        <v>8.6259840000000008</v>
      </c>
      <c r="D167">
        <f t="shared" si="9"/>
        <v>0.82579200000000075</v>
      </c>
      <c r="E167">
        <f t="shared" si="10"/>
        <v>13.637252000000103</v>
      </c>
      <c r="F167">
        <f t="shared" si="8"/>
        <v>1.5961064779647437E-2</v>
      </c>
    </row>
    <row r="168" spans="1:6" x14ac:dyDescent="0.2">
      <c r="A168">
        <v>1034.811408</v>
      </c>
      <c r="B168">
        <v>19.991298</v>
      </c>
      <c r="C168">
        <v>8.6309889999999996</v>
      </c>
      <c r="D168">
        <f t="shared" si="9"/>
        <v>0.83079699999999956</v>
      </c>
      <c r="E168">
        <f t="shared" si="10"/>
        <v>13.796582000000058</v>
      </c>
      <c r="F168">
        <f t="shared" si="8"/>
        <v>1.6047795412552662E-2</v>
      </c>
    </row>
    <row r="169" spans="1:6" x14ac:dyDescent="0.2">
      <c r="A169">
        <v>1034.8621069999999</v>
      </c>
      <c r="B169">
        <v>19.973990000000001</v>
      </c>
      <c r="C169">
        <v>8.6359940000000002</v>
      </c>
      <c r="D169">
        <f t="shared" si="9"/>
        <v>0.83580200000000016</v>
      </c>
      <c r="E169">
        <f t="shared" si="10"/>
        <v>13.847280999999953</v>
      </c>
      <c r="F169">
        <f t="shared" si="8"/>
        <v>1.6009531183261736E-2</v>
      </c>
    </row>
    <row r="170" spans="1:6" x14ac:dyDescent="0.2">
      <c r="A170">
        <v>1035.282682</v>
      </c>
      <c r="B170">
        <v>19.954578999999999</v>
      </c>
      <c r="C170">
        <v>8.6409979999999997</v>
      </c>
      <c r="D170">
        <f t="shared" si="9"/>
        <v>0.84080599999999972</v>
      </c>
      <c r="E170">
        <f t="shared" si="10"/>
        <v>14.267856000000052</v>
      </c>
      <c r="F170">
        <f t="shared" si="8"/>
        <v>1.6390943983464926E-2</v>
      </c>
    </row>
    <row r="171" spans="1:6" x14ac:dyDescent="0.2">
      <c r="A171">
        <v>1035.8336529999999</v>
      </c>
      <c r="B171">
        <v>19.954689999999999</v>
      </c>
      <c r="C171">
        <v>8.6460030000000003</v>
      </c>
      <c r="D171">
        <f t="shared" si="9"/>
        <v>0.84581100000000031</v>
      </c>
      <c r="E171">
        <f t="shared" si="10"/>
        <v>14.818826999999942</v>
      </c>
      <c r="F171">
        <f t="shared" si="8"/>
        <v>1.6914161864789955E-2</v>
      </c>
    </row>
    <row r="172" spans="1:6" x14ac:dyDescent="0.2">
      <c r="A172">
        <v>1036.3747450000001</v>
      </c>
      <c r="B172">
        <v>19.96857</v>
      </c>
      <c r="C172">
        <v>8.6510079999999991</v>
      </c>
      <c r="D172">
        <f t="shared" si="9"/>
        <v>0.85081599999999913</v>
      </c>
      <c r="E172">
        <f t="shared" si="10"/>
        <v>15.359919000000104</v>
      </c>
      <c r="F172">
        <f t="shared" si="8"/>
        <v>1.7419530910845474E-2</v>
      </c>
    </row>
    <row r="173" spans="1:6" x14ac:dyDescent="0.2">
      <c r="A173">
        <v>1036.7903630000001</v>
      </c>
      <c r="B173">
        <v>19.963424</v>
      </c>
      <c r="C173">
        <v>8.6560129999999997</v>
      </c>
      <c r="D173">
        <f t="shared" si="9"/>
        <v>0.85582099999999972</v>
      </c>
      <c r="E173">
        <f t="shared" si="10"/>
        <v>15.775537000000099</v>
      </c>
      <c r="F173">
        <f t="shared" si="8"/>
        <v>1.7779119986397918E-2</v>
      </c>
    </row>
    <row r="174" spans="1:6" x14ac:dyDescent="0.2">
      <c r="A174">
        <v>1037.652912</v>
      </c>
      <c r="B174">
        <v>19.929023000000001</v>
      </c>
      <c r="C174">
        <v>8.6610180000000003</v>
      </c>
      <c r="D174">
        <f t="shared" si="9"/>
        <v>0.86082600000000031</v>
      </c>
      <c r="E174">
        <f t="shared" si="10"/>
        <v>16.638086000000044</v>
      </c>
      <c r="F174">
        <f t="shared" si="8"/>
        <v>1.8626698281085308E-2</v>
      </c>
    </row>
    <row r="175" spans="1:6" x14ac:dyDescent="0.2">
      <c r="A175">
        <v>1038.4176279999999</v>
      </c>
      <c r="B175">
        <v>19.963301000000001</v>
      </c>
      <c r="C175">
        <v>8.6660219999999999</v>
      </c>
      <c r="D175">
        <f t="shared" si="9"/>
        <v>0.86582999999999988</v>
      </c>
      <c r="E175">
        <f t="shared" si="10"/>
        <v>17.402801999999951</v>
      </c>
      <c r="F175">
        <f t="shared" si="8"/>
        <v>1.9355950263016241E-2</v>
      </c>
    </row>
    <row r="176" spans="1:6" x14ac:dyDescent="0.2">
      <c r="A176">
        <v>1038.6946029999999</v>
      </c>
      <c r="B176">
        <v>19.969051</v>
      </c>
      <c r="C176">
        <v>8.6710270000000005</v>
      </c>
      <c r="D176">
        <f t="shared" si="9"/>
        <v>0.87083500000000047</v>
      </c>
      <c r="E176">
        <f t="shared" si="10"/>
        <v>17.679776999999945</v>
      </c>
      <c r="F176">
        <f t="shared" si="8"/>
        <v>1.9545781169572212E-2</v>
      </c>
    </row>
    <row r="177" spans="1:6" x14ac:dyDescent="0.2">
      <c r="A177">
        <v>1038.8608019999999</v>
      </c>
      <c r="B177">
        <v>19.983132999999999</v>
      </c>
      <c r="C177">
        <v>8.6760319999999993</v>
      </c>
      <c r="D177">
        <f t="shared" si="9"/>
        <v>0.87583999999999929</v>
      </c>
      <c r="E177">
        <f t="shared" si="10"/>
        <v>17.845975999999951</v>
      </c>
      <c r="F177">
        <f t="shared" si="8"/>
        <v>1.9613638609626175E-2</v>
      </c>
    </row>
    <row r="178" spans="1:6" x14ac:dyDescent="0.2">
      <c r="A178">
        <v>1039.2281620000001</v>
      </c>
      <c r="B178">
        <v>19.985284</v>
      </c>
      <c r="C178">
        <v>8.6810369999999999</v>
      </c>
      <c r="D178">
        <f t="shared" si="9"/>
        <v>0.88084499999999988</v>
      </c>
      <c r="E178">
        <f t="shared" si="10"/>
        <v>18.21333600000014</v>
      </c>
      <c r="F178">
        <f t="shared" si="8"/>
        <v>1.9896610533397981E-2</v>
      </c>
    </row>
    <row r="179" spans="1:6" x14ac:dyDescent="0.2">
      <c r="A179">
        <v>1039.3461440000001</v>
      </c>
      <c r="B179">
        <v>19.990037999999998</v>
      </c>
      <c r="C179">
        <v>8.6860420000000005</v>
      </c>
      <c r="D179">
        <f t="shared" si="9"/>
        <v>0.88585000000000047</v>
      </c>
      <c r="E179">
        <f t="shared" si="10"/>
        <v>18.331318000000124</v>
      </c>
      <c r="F179">
        <f t="shared" si="8"/>
        <v>1.9910093186332294E-2</v>
      </c>
    </row>
    <row r="180" spans="1:6" x14ac:dyDescent="0.2">
      <c r="A180">
        <v>1039.221953</v>
      </c>
      <c r="B180">
        <v>20.030349999999999</v>
      </c>
      <c r="C180">
        <v>8.691046</v>
      </c>
      <c r="D180">
        <f t="shared" si="9"/>
        <v>0.89085400000000003</v>
      </c>
      <c r="E180">
        <f t="shared" si="10"/>
        <v>18.207127000000014</v>
      </c>
      <c r="F180">
        <f t="shared" si="8"/>
        <v>1.9666477283727442E-2</v>
      </c>
    </row>
    <row r="181" spans="1:6" x14ac:dyDescent="0.2">
      <c r="A181">
        <v>1038.7343189999999</v>
      </c>
      <c r="B181">
        <v>20.019165999999998</v>
      </c>
      <c r="C181">
        <v>8.6960510000000006</v>
      </c>
      <c r="D181">
        <f t="shared" si="9"/>
        <v>0.89585900000000063</v>
      </c>
      <c r="E181">
        <f t="shared" si="10"/>
        <v>17.719492999999943</v>
      </c>
      <c r="F181">
        <f t="shared" si="8"/>
        <v>1.904176274926405E-2</v>
      </c>
    </row>
    <row r="182" spans="1:6" x14ac:dyDescent="0.2">
      <c r="A182">
        <v>1038.6719439999999</v>
      </c>
      <c r="B182">
        <v>19.984404999999999</v>
      </c>
      <c r="C182">
        <v>8.7010559999999995</v>
      </c>
      <c r="D182">
        <f t="shared" si="9"/>
        <v>0.90086399999999944</v>
      </c>
      <c r="E182">
        <f t="shared" si="10"/>
        <v>17.657117999999969</v>
      </c>
      <c r="F182">
        <f t="shared" si="8"/>
        <v>1.8870446937139764E-2</v>
      </c>
    </row>
    <row r="183" spans="1:6" x14ac:dyDescent="0.2">
      <c r="A183">
        <v>1038.616481</v>
      </c>
      <c r="B183">
        <v>20.020447999999998</v>
      </c>
      <c r="C183">
        <v>8.706061</v>
      </c>
      <c r="D183">
        <f t="shared" si="9"/>
        <v>0.90586900000000004</v>
      </c>
      <c r="E183">
        <f t="shared" si="10"/>
        <v>17.601655000000051</v>
      </c>
      <c r="F183">
        <f t="shared" si="8"/>
        <v>1.8708238455118611E-2</v>
      </c>
    </row>
    <row r="184" spans="1:6" x14ac:dyDescent="0.2">
      <c r="A184">
        <v>1038.3896850000001</v>
      </c>
      <c r="B184">
        <v>20.029572999999999</v>
      </c>
      <c r="C184">
        <v>8.7110660000000006</v>
      </c>
      <c r="D184">
        <f t="shared" si="9"/>
        <v>0.91087400000000063</v>
      </c>
      <c r="E184">
        <f t="shared" si="10"/>
        <v>17.374859000000129</v>
      </c>
      <c r="F184">
        <f t="shared" si="8"/>
        <v>1.8369723433539376E-2</v>
      </c>
    </row>
    <row r="185" spans="1:6" x14ac:dyDescent="0.2">
      <c r="A185">
        <v>1038.0628529999999</v>
      </c>
      <c r="B185">
        <v>20.004432000000001</v>
      </c>
      <c r="C185">
        <v>8.7160700000000002</v>
      </c>
      <c r="D185">
        <f t="shared" si="9"/>
        <v>0.91587800000000019</v>
      </c>
      <c r="E185">
        <f t="shared" si="10"/>
        <v>17.048026999999934</v>
      </c>
      <c r="F185">
        <f t="shared" si="8"/>
        <v>1.7931344207961636E-2</v>
      </c>
    </row>
    <row r="186" spans="1:6" x14ac:dyDescent="0.2">
      <c r="A186">
        <v>1037.8169989999999</v>
      </c>
      <c r="B186">
        <v>20.036836000000001</v>
      </c>
      <c r="C186">
        <v>8.7210750000000008</v>
      </c>
      <c r="D186">
        <f t="shared" si="9"/>
        <v>0.92088300000000078</v>
      </c>
      <c r="E186">
        <f t="shared" si="10"/>
        <v>16.802172999999925</v>
      </c>
      <c r="F186">
        <f t="shared" si="8"/>
        <v>1.7580864078124748E-2</v>
      </c>
    </row>
    <row r="187" spans="1:6" x14ac:dyDescent="0.2">
      <c r="A187">
        <v>1037.2111789999999</v>
      </c>
      <c r="B187">
        <v>20.044916000000001</v>
      </c>
      <c r="C187">
        <v>8.7260799999999996</v>
      </c>
      <c r="D187">
        <f t="shared" si="9"/>
        <v>0.9258879999999996</v>
      </c>
      <c r="E187">
        <f t="shared" si="10"/>
        <v>16.196352999999931</v>
      </c>
      <c r="F187">
        <f t="shared" si="8"/>
        <v>1.6865203632920288E-2</v>
      </c>
    </row>
    <row r="188" spans="1:6" x14ac:dyDescent="0.2">
      <c r="A188">
        <v>1036.9163719999999</v>
      </c>
      <c r="B188">
        <v>20.008230000000001</v>
      </c>
      <c r="C188">
        <v>8.7310850000000002</v>
      </c>
      <c r="D188">
        <f t="shared" si="9"/>
        <v>0.93089300000000019</v>
      </c>
      <c r="E188">
        <f t="shared" si="10"/>
        <v>15.901545999999939</v>
      </c>
      <c r="F188">
        <f t="shared" si="8"/>
        <v>1.6473878312740622E-2</v>
      </c>
    </row>
    <row r="189" spans="1:6" x14ac:dyDescent="0.2">
      <c r="A189">
        <v>1036.754848</v>
      </c>
      <c r="B189">
        <v>20.017194</v>
      </c>
      <c r="C189">
        <v>8.7360900000000008</v>
      </c>
      <c r="D189">
        <f t="shared" si="9"/>
        <v>0.93589800000000078</v>
      </c>
      <c r="E189">
        <f t="shared" si="10"/>
        <v>15.740022000000067</v>
      </c>
      <c r="F189">
        <f t="shared" si="8"/>
        <v>1.6221863436799558E-2</v>
      </c>
    </row>
    <row r="190" spans="1:6" x14ac:dyDescent="0.2">
      <c r="A190">
        <v>1036.8421290000001</v>
      </c>
      <c r="B190">
        <v>19.977067000000002</v>
      </c>
      <c r="C190">
        <v>8.7410940000000004</v>
      </c>
      <c r="D190">
        <f t="shared" si="9"/>
        <v>0.94090200000000035</v>
      </c>
      <c r="E190">
        <f t="shared" si="10"/>
        <v>15.827303000000143</v>
      </c>
      <c r="F190">
        <f t="shared" si="8"/>
        <v>1.6223699358038388E-2</v>
      </c>
    </row>
    <row r="191" spans="1:6" x14ac:dyDescent="0.2">
      <c r="A191">
        <v>1037.0278430000001</v>
      </c>
      <c r="B191">
        <v>19.981957000000001</v>
      </c>
      <c r="C191">
        <v>8.7460989999999992</v>
      </c>
      <c r="D191">
        <f t="shared" si="9"/>
        <v>0.94590699999999917</v>
      </c>
      <c r="E191">
        <f t="shared" si="10"/>
        <v>16.013017000000104</v>
      </c>
      <c r="F191">
        <f t="shared" si="8"/>
        <v>1.6324290266343449E-2</v>
      </c>
    </row>
    <row r="192" spans="1:6" x14ac:dyDescent="0.2">
      <c r="A192">
        <v>1036.870803</v>
      </c>
      <c r="B192">
        <v>20.009039999999999</v>
      </c>
      <c r="C192">
        <v>8.7511039999999998</v>
      </c>
      <c r="D192">
        <f t="shared" si="9"/>
        <v>0.95091199999999976</v>
      </c>
      <c r="E192">
        <f t="shared" si="10"/>
        <v>15.855977000000053</v>
      </c>
      <c r="F192">
        <f t="shared" si="8"/>
        <v>1.608155475321681E-2</v>
      </c>
    </row>
    <row r="193" spans="1:6" x14ac:dyDescent="0.2">
      <c r="A193">
        <v>1036.884986</v>
      </c>
      <c r="B193">
        <v>19.988502</v>
      </c>
      <c r="C193">
        <v>8.7561090000000004</v>
      </c>
      <c r="D193">
        <f t="shared" si="9"/>
        <v>0.95591700000000035</v>
      </c>
      <c r="E193">
        <f t="shared" si="10"/>
        <v>15.870160000000055</v>
      </c>
      <c r="F193">
        <f t="shared" si="8"/>
        <v>1.6011445230287337E-2</v>
      </c>
    </row>
    <row r="194" spans="1:6" x14ac:dyDescent="0.2">
      <c r="A194">
        <v>1037.0258739999999</v>
      </c>
      <c r="B194">
        <v>20.006459</v>
      </c>
      <c r="C194">
        <v>8.7611139999999992</v>
      </c>
      <c r="D194">
        <f t="shared" si="9"/>
        <v>0.96092199999999917</v>
      </c>
      <c r="E194">
        <f t="shared" si="10"/>
        <v>16.01104799999996</v>
      </c>
      <c r="F194">
        <f t="shared" si="8"/>
        <v>1.6067267741046814E-2</v>
      </c>
    </row>
    <row r="195" spans="1:6" x14ac:dyDescent="0.2">
      <c r="A195">
        <v>1037.2441719999999</v>
      </c>
      <c r="B195">
        <v>19.973410999999999</v>
      </c>
      <c r="C195">
        <v>8.7661180000000005</v>
      </c>
      <c r="D195">
        <f t="shared" si="9"/>
        <v>0.96592600000000051</v>
      </c>
      <c r="E195">
        <f t="shared" si="10"/>
        <v>16.229345999999964</v>
      </c>
      <c r="F195">
        <f t="shared" ref="F195:F258" si="11">(1/A195)*(E195/D195)</f>
        <v>1.6198550707122051E-2</v>
      </c>
    </row>
    <row r="196" spans="1:6" x14ac:dyDescent="0.2">
      <c r="A196">
        <v>1038.1294700000001</v>
      </c>
      <c r="B196">
        <v>19.935960000000001</v>
      </c>
      <c r="C196">
        <v>8.7711229999999993</v>
      </c>
      <c r="D196">
        <f t="shared" si="9"/>
        <v>0.97093099999999932</v>
      </c>
      <c r="E196">
        <f t="shared" si="10"/>
        <v>17.114644000000112</v>
      </c>
      <c r="F196">
        <f t="shared" si="11"/>
        <v>1.697962062310427E-2</v>
      </c>
    </row>
    <row r="197" spans="1:6" x14ac:dyDescent="0.2">
      <c r="A197">
        <v>1038.349097</v>
      </c>
      <c r="B197">
        <v>20.001270999999999</v>
      </c>
      <c r="C197">
        <v>8.7761279999999999</v>
      </c>
      <c r="D197">
        <f t="shared" si="9"/>
        <v>0.97593599999999991</v>
      </c>
      <c r="E197">
        <f t="shared" si="10"/>
        <v>17.334271000000058</v>
      </c>
      <c r="F197">
        <f t="shared" si="11"/>
        <v>1.7105700113536827E-2</v>
      </c>
    </row>
    <row r="198" spans="1:6" x14ac:dyDescent="0.2">
      <c r="A198">
        <v>1038.306032</v>
      </c>
      <c r="B198">
        <v>20.00029</v>
      </c>
      <c r="C198">
        <v>8.7811330000000005</v>
      </c>
      <c r="D198">
        <f t="shared" si="9"/>
        <v>0.98094100000000051</v>
      </c>
      <c r="E198">
        <f t="shared" si="10"/>
        <v>17.291205999999988</v>
      </c>
      <c r="F198">
        <f t="shared" si="11"/>
        <v>1.6976846458427553E-2</v>
      </c>
    </row>
    <row r="199" spans="1:6" x14ac:dyDescent="0.2">
      <c r="A199">
        <v>1038.32395</v>
      </c>
      <c r="B199">
        <v>19.982111</v>
      </c>
      <c r="C199">
        <v>8.7861379999999993</v>
      </c>
      <c r="D199">
        <f t="shared" ref="D199:D262" si="12">C199-$C$2</f>
        <v>0.98594599999999932</v>
      </c>
      <c r="E199">
        <f t="shared" ref="E199:E262" si="13">A199-$A$2</f>
        <v>17.309123999999997</v>
      </c>
      <c r="F199">
        <f t="shared" si="11"/>
        <v>1.6907877326453408E-2</v>
      </c>
    </row>
    <row r="200" spans="1:6" x14ac:dyDescent="0.2">
      <c r="A200">
        <v>1039.0465690000001</v>
      </c>
      <c r="B200">
        <v>19.922115999999999</v>
      </c>
      <c r="C200">
        <v>8.7911420000000007</v>
      </c>
      <c r="D200">
        <f t="shared" si="12"/>
        <v>0.99095000000000066</v>
      </c>
      <c r="E200">
        <f t="shared" si="13"/>
        <v>18.03174300000012</v>
      </c>
      <c r="F200">
        <f t="shared" si="11"/>
        <v>1.7512613148803757E-2</v>
      </c>
    </row>
    <row r="201" spans="1:6" x14ac:dyDescent="0.2">
      <c r="A201">
        <v>1039.8092899999999</v>
      </c>
      <c r="B201">
        <v>19.966840000000001</v>
      </c>
      <c r="C201">
        <v>8.7961469999999995</v>
      </c>
      <c r="D201">
        <f t="shared" si="12"/>
        <v>0.99595499999999948</v>
      </c>
      <c r="E201">
        <f t="shared" si="13"/>
        <v>18.794463999999948</v>
      </c>
      <c r="F201">
        <f t="shared" si="11"/>
        <v>1.8148324459884329E-2</v>
      </c>
    </row>
    <row r="202" spans="1:6" x14ac:dyDescent="0.2">
      <c r="A202">
        <v>1039.972297</v>
      </c>
      <c r="B202">
        <v>19.997662999999999</v>
      </c>
      <c r="C202">
        <v>8.8011520000000001</v>
      </c>
      <c r="D202">
        <f t="shared" si="12"/>
        <v>1.0009600000000001</v>
      </c>
      <c r="E202">
        <f t="shared" si="13"/>
        <v>18.957471000000055</v>
      </c>
      <c r="F202">
        <f t="shared" si="11"/>
        <v>1.8211340183698233E-2</v>
      </c>
    </row>
    <row r="203" spans="1:6" x14ac:dyDescent="0.2">
      <c r="A203">
        <v>1039.9844129999999</v>
      </c>
      <c r="B203">
        <v>19.976654</v>
      </c>
      <c r="C203">
        <v>8.8061570000000007</v>
      </c>
      <c r="D203">
        <f t="shared" si="12"/>
        <v>1.0059650000000007</v>
      </c>
      <c r="E203">
        <f t="shared" si="13"/>
        <v>18.969586999999933</v>
      </c>
      <c r="F203">
        <f t="shared" si="11"/>
        <v>1.8132102882217376E-2</v>
      </c>
    </row>
    <row r="204" spans="1:6" x14ac:dyDescent="0.2">
      <c r="A204">
        <v>1040.2607009999999</v>
      </c>
      <c r="B204">
        <v>19.981325999999999</v>
      </c>
      <c r="C204">
        <v>8.8111619999999995</v>
      </c>
      <c r="D204">
        <f t="shared" si="12"/>
        <v>1.0109699999999995</v>
      </c>
      <c r="E204">
        <f t="shared" si="13"/>
        <v>19.245874999999955</v>
      </c>
      <c r="F204">
        <f t="shared" si="11"/>
        <v>1.8300257490567962E-2</v>
      </c>
    </row>
    <row r="205" spans="1:6" x14ac:dyDescent="0.2">
      <c r="A205">
        <v>1040.3418750000001</v>
      </c>
      <c r="B205">
        <v>20.021355</v>
      </c>
      <c r="C205">
        <v>8.8161660000000008</v>
      </c>
      <c r="D205">
        <f t="shared" si="12"/>
        <v>1.0159740000000008</v>
      </c>
      <c r="E205">
        <f t="shared" si="13"/>
        <v>19.327049000000102</v>
      </c>
      <c r="F205">
        <f t="shared" si="11"/>
        <v>1.8285501424327697E-2</v>
      </c>
    </row>
    <row r="206" spans="1:6" x14ac:dyDescent="0.2">
      <c r="A206">
        <v>1039.720159</v>
      </c>
      <c r="B206">
        <v>20.047393</v>
      </c>
      <c r="C206">
        <v>8.8211709999999997</v>
      </c>
      <c r="D206">
        <f t="shared" si="12"/>
        <v>1.0209789999999996</v>
      </c>
      <c r="E206">
        <f t="shared" si="13"/>
        <v>18.705332999999996</v>
      </c>
      <c r="F206">
        <f t="shared" si="11"/>
        <v>1.7621065688045577E-2</v>
      </c>
    </row>
    <row r="207" spans="1:6" x14ac:dyDescent="0.2">
      <c r="A207">
        <v>1039.245265</v>
      </c>
      <c r="B207">
        <v>20.020637000000001</v>
      </c>
      <c r="C207">
        <v>8.8261760000000002</v>
      </c>
      <c r="D207">
        <f t="shared" si="12"/>
        <v>1.0259840000000002</v>
      </c>
      <c r="E207">
        <f t="shared" si="13"/>
        <v>18.230439000000047</v>
      </c>
      <c r="F207">
        <f t="shared" si="11"/>
        <v>1.7097731169002015E-2</v>
      </c>
    </row>
    <row r="208" spans="1:6" x14ac:dyDescent="0.2">
      <c r="A208">
        <v>1039.0901570000001</v>
      </c>
      <c r="B208">
        <v>20.023022999999998</v>
      </c>
      <c r="C208">
        <v>8.8311810000000008</v>
      </c>
      <c r="D208">
        <f t="shared" si="12"/>
        <v>1.0309890000000008</v>
      </c>
      <c r="E208">
        <f t="shared" si="13"/>
        <v>18.075331000000119</v>
      </c>
      <c r="F208">
        <f t="shared" si="11"/>
        <v>1.6872482889477632E-2</v>
      </c>
    </row>
    <row r="209" spans="1:6" x14ac:dyDescent="0.2">
      <c r="A209">
        <v>1038.8471790000001</v>
      </c>
      <c r="B209">
        <v>20.007332999999999</v>
      </c>
      <c r="C209">
        <v>8.8361859999999997</v>
      </c>
      <c r="D209">
        <f t="shared" si="12"/>
        <v>1.0359939999999996</v>
      </c>
      <c r="E209">
        <f t="shared" si="13"/>
        <v>17.832353000000126</v>
      </c>
      <c r="F209">
        <f t="shared" si="11"/>
        <v>1.6569131612332824E-2</v>
      </c>
    </row>
    <row r="210" spans="1:6" x14ac:dyDescent="0.2">
      <c r="A210">
        <v>1038.8573730000001</v>
      </c>
      <c r="B210">
        <v>20.007071</v>
      </c>
      <c r="C210">
        <v>8.8411899999999992</v>
      </c>
      <c r="D210">
        <f t="shared" si="12"/>
        <v>1.0409979999999992</v>
      </c>
      <c r="E210">
        <f t="shared" si="13"/>
        <v>17.842547000000081</v>
      </c>
      <c r="F210">
        <f t="shared" si="11"/>
        <v>1.6498749468785014E-2</v>
      </c>
    </row>
    <row r="211" spans="1:6" x14ac:dyDescent="0.2">
      <c r="A211">
        <v>1038.287024</v>
      </c>
      <c r="B211">
        <v>20.042840000000002</v>
      </c>
      <c r="C211">
        <v>8.8461949999999998</v>
      </c>
      <c r="D211">
        <f t="shared" si="12"/>
        <v>1.0460029999999998</v>
      </c>
      <c r="E211">
        <f t="shared" si="13"/>
        <v>17.272198000000003</v>
      </c>
      <c r="F211">
        <f t="shared" si="11"/>
        <v>1.5903666182805094E-2</v>
      </c>
    </row>
    <row r="212" spans="1:6" x14ac:dyDescent="0.2">
      <c r="A212">
        <v>1037.6879349999999</v>
      </c>
      <c r="B212">
        <v>20.036362</v>
      </c>
      <c r="C212">
        <v>8.8512000000000004</v>
      </c>
      <c r="D212">
        <f t="shared" si="12"/>
        <v>1.0510080000000004</v>
      </c>
      <c r="E212">
        <f t="shared" si="13"/>
        <v>16.673108999999954</v>
      </c>
      <c r="F212">
        <f t="shared" si="11"/>
        <v>1.5287758032370806E-2</v>
      </c>
    </row>
    <row r="213" spans="1:6" x14ac:dyDescent="0.2">
      <c r="A213">
        <v>1037.214968</v>
      </c>
      <c r="B213">
        <v>20.026011</v>
      </c>
      <c r="C213">
        <v>8.8562049999999992</v>
      </c>
      <c r="D213">
        <f t="shared" si="12"/>
        <v>1.0560129999999992</v>
      </c>
      <c r="E213">
        <f t="shared" si="13"/>
        <v>16.200142000000028</v>
      </c>
      <c r="F213">
        <f t="shared" si="11"/>
        <v>1.4790429350405584E-2</v>
      </c>
    </row>
    <row r="214" spans="1:6" x14ac:dyDescent="0.2">
      <c r="A214">
        <v>1037.032946</v>
      </c>
      <c r="B214">
        <v>20.004144</v>
      </c>
      <c r="C214">
        <v>8.8612099999999998</v>
      </c>
      <c r="D214">
        <f t="shared" si="12"/>
        <v>1.0610179999999998</v>
      </c>
      <c r="E214">
        <f t="shared" si="13"/>
        <v>16.018120000000067</v>
      </c>
      <c r="F214">
        <f t="shared" si="11"/>
        <v>1.4557816379643089E-2</v>
      </c>
    </row>
    <row r="215" spans="1:6" x14ac:dyDescent="0.2">
      <c r="A215">
        <v>1037.402801</v>
      </c>
      <c r="B215">
        <v>19.953305</v>
      </c>
      <c r="C215">
        <v>8.8662139999999994</v>
      </c>
      <c r="D215">
        <f t="shared" si="12"/>
        <v>1.0660219999999994</v>
      </c>
      <c r="E215">
        <f t="shared" si="13"/>
        <v>16.387974999999983</v>
      </c>
      <c r="F215">
        <f t="shared" si="11"/>
        <v>1.481875469702934E-2</v>
      </c>
    </row>
    <row r="216" spans="1:6" x14ac:dyDescent="0.2">
      <c r="A216">
        <v>1038.162364</v>
      </c>
      <c r="B216">
        <v>19.922218999999998</v>
      </c>
      <c r="C216">
        <v>8.871219</v>
      </c>
      <c r="D216">
        <f t="shared" si="12"/>
        <v>1.071027</v>
      </c>
      <c r="E216">
        <f t="shared" si="13"/>
        <v>17.147538000000054</v>
      </c>
      <c r="F216">
        <f t="shared" si="11"/>
        <v>1.5421835776049752E-2</v>
      </c>
    </row>
    <row r="217" spans="1:6" x14ac:dyDescent="0.2">
      <c r="A217">
        <v>1039.177066</v>
      </c>
      <c r="B217">
        <v>19.946629000000001</v>
      </c>
      <c r="C217">
        <v>8.8762240000000006</v>
      </c>
      <c r="D217">
        <f t="shared" si="12"/>
        <v>1.0760320000000005</v>
      </c>
      <c r="E217">
        <f t="shared" si="13"/>
        <v>18.162239999999997</v>
      </c>
      <c r="F217">
        <f t="shared" si="11"/>
        <v>1.6242567106117909E-2</v>
      </c>
    </row>
    <row r="218" spans="1:6" x14ac:dyDescent="0.2">
      <c r="A218">
        <v>1040.383024</v>
      </c>
      <c r="B218">
        <v>19.904036999999999</v>
      </c>
      <c r="C218">
        <v>8.8812289999999994</v>
      </c>
      <c r="D218">
        <f t="shared" si="12"/>
        <v>1.0810369999999994</v>
      </c>
      <c r="E218">
        <f t="shared" si="13"/>
        <v>19.368198000000007</v>
      </c>
      <c r="F218">
        <f t="shared" si="11"/>
        <v>1.7220882381189864E-2</v>
      </c>
    </row>
    <row r="219" spans="1:6" x14ac:dyDescent="0.2">
      <c r="A219">
        <v>1041.2772110000001</v>
      </c>
      <c r="B219">
        <v>19.934197000000001</v>
      </c>
      <c r="C219">
        <v>8.886234</v>
      </c>
      <c r="D219">
        <f t="shared" si="12"/>
        <v>1.086042</v>
      </c>
      <c r="E219">
        <f t="shared" si="13"/>
        <v>20.262385000000108</v>
      </c>
      <c r="F219">
        <f t="shared" si="11"/>
        <v>1.7917506820890394E-2</v>
      </c>
    </row>
    <row r="220" spans="1:6" x14ac:dyDescent="0.2">
      <c r="A220">
        <v>1041.878545</v>
      </c>
      <c r="B220">
        <v>19.951394000000001</v>
      </c>
      <c r="C220">
        <v>8.8912379999999995</v>
      </c>
      <c r="D220">
        <f t="shared" si="12"/>
        <v>1.0910459999999995</v>
      </c>
      <c r="E220">
        <f t="shared" si="13"/>
        <v>20.86371900000006</v>
      </c>
      <c r="F220">
        <f t="shared" si="11"/>
        <v>1.8354035550449274E-2</v>
      </c>
    </row>
    <row r="221" spans="1:6" x14ac:dyDescent="0.2">
      <c r="A221">
        <v>1042.5681970000001</v>
      </c>
      <c r="B221">
        <v>19.964934</v>
      </c>
      <c r="C221">
        <v>8.8962430000000001</v>
      </c>
      <c r="D221">
        <f t="shared" si="12"/>
        <v>1.0960510000000001</v>
      </c>
      <c r="E221">
        <f t="shared" si="13"/>
        <v>21.553371000000084</v>
      </c>
      <c r="F221">
        <f t="shared" si="11"/>
        <v>1.8861662476604073E-2</v>
      </c>
    </row>
    <row r="222" spans="1:6" x14ac:dyDescent="0.2">
      <c r="A222">
        <v>1042.7989439999999</v>
      </c>
      <c r="B222">
        <v>19.992667999999998</v>
      </c>
      <c r="C222">
        <v>8.9012480000000007</v>
      </c>
      <c r="D222">
        <f t="shared" si="12"/>
        <v>1.1010560000000007</v>
      </c>
      <c r="E222">
        <f t="shared" si="13"/>
        <v>21.784117999999921</v>
      </c>
      <c r="F222">
        <f t="shared" si="11"/>
        <v>1.8972737160825603E-2</v>
      </c>
    </row>
    <row r="223" spans="1:6" x14ac:dyDescent="0.2">
      <c r="A223">
        <v>1042.6117979999999</v>
      </c>
      <c r="B223">
        <v>20.012270000000001</v>
      </c>
      <c r="C223">
        <v>8.9062529999999995</v>
      </c>
      <c r="D223">
        <f t="shared" si="12"/>
        <v>1.1060609999999995</v>
      </c>
      <c r="E223">
        <f t="shared" si="13"/>
        <v>21.596971999999937</v>
      </c>
      <c r="F223">
        <f t="shared" si="11"/>
        <v>1.8727989230923926E-2</v>
      </c>
    </row>
    <row r="224" spans="1:6" x14ac:dyDescent="0.2">
      <c r="A224">
        <v>1042.1991250000001</v>
      </c>
      <c r="B224">
        <v>20.024034</v>
      </c>
      <c r="C224">
        <v>8.9112580000000001</v>
      </c>
      <c r="D224">
        <f t="shared" si="12"/>
        <v>1.1110660000000001</v>
      </c>
      <c r="E224">
        <f t="shared" si="13"/>
        <v>21.184299000000124</v>
      </c>
      <c r="F224">
        <f t="shared" si="11"/>
        <v>1.8294625996461339E-2</v>
      </c>
    </row>
    <row r="225" spans="1:6" x14ac:dyDescent="0.2">
      <c r="A225">
        <v>1041.8606990000001</v>
      </c>
      <c r="B225">
        <v>20.028922000000001</v>
      </c>
      <c r="C225">
        <v>8.9162619999999997</v>
      </c>
      <c r="D225">
        <f t="shared" si="12"/>
        <v>1.1160699999999997</v>
      </c>
      <c r="E225">
        <f t="shared" si="13"/>
        <v>20.845873000000097</v>
      </c>
      <c r="F225">
        <f t="shared" si="11"/>
        <v>1.7927469702689613E-2</v>
      </c>
    </row>
    <row r="226" spans="1:6" x14ac:dyDescent="0.2">
      <c r="A226">
        <v>1041.5957539999999</v>
      </c>
      <c r="B226">
        <v>20.018825</v>
      </c>
      <c r="C226">
        <v>8.9212670000000003</v>
      </c>
      <c r="D226">
        <f t="shared" si="12"/>
        <v>1.1210750000000003</v>
      </c>
      <c r="E226">
        <f t="shared" si="13"/>
        <v>20.580927999999972</v>
      </c>
      <c r="F226">
        <f t="shared" si="11"/>
        <v>1.762507949895957E-2</v>
      </c>
    </row>
    <row r="227" spans="1:6" x14ac:dyDescent="0.2">
      <c r="A227">
        <v>1041.219325</v>
      </c>
      <c r="B227">
        <v>20.024576</v>
      </c>
      <c r="C227">
        <v>8.9262720000000009</v>
      </c>
      <c r="D227">
        <f t="shared" si="12"/>
        <v>1.1260800000000009</v>
      </c>
      <c r="E227">
        <f t="shared" si="13"/>
        <v>20.204499000000055</v>
      </c>
      <c r="F227">
        <f t="shared" si="11"/>
        <v>1.7232037092509839E-2</v>
      </c>
    </row>
    <row r="228" spans="1:6" x14ac:dyDescent="0.2">
      <c r="A228">
        <v>1041.1032540000001</v>
      </c>
      <c r="B228">
        <v>20.006388999999999</v>
      </c>
      <c r="C228">
        <v>8.9312769999999997</v>
      </c>
      <c r="D228">
        <f t="shared" si="12"/>
        <v>1.1310849999999997</v>
      </c>
      <c r="E228">
        <f t="shared" si="13"/>
        <v>20.088428000000135</v>
      </c>
      <c r="F228">
        <f t="shared" si="11"/>
        <v>1.7059131066644705E-2</v>
      </c>
    </row>
    <row r="229" spans="1:6" x14ac:dyDescent="0.2">
      <c r="A229">
        <v>1040.798264</v>
      </c>
      <c r="B229">
        <v>20.025808999999999</v>
      </c>
      <c r="C229">
        <v>8.9362820000000003</v>
      </c>
      <c r="D229">
        <f t="shared" si="12"/>
        <v>1.1360900000000003</v>
      </c>
      <c r="E229">
        <f t="shared" si="13"/>
        <v>19.783438000000046</v>
      </c>
      <c r="F229">
        <f t="shared" si="11"/>
        <v>1.6731021987339129E-2</v>
      </c>
    </row>
    <row r="230" spans="1:6" x14ac:dyDescent="0.2">
      <c r="A230">
        <v>1040.5584329999999</v>
      </c>
      <c r="B230">
        <v>20.011759000000001</v>
      </c>
      <c r="C230">
        <v>8.9412859999999998</v>
      </c>
      <c r="D230">
        <f t="shared" si="12"/>
        <v>1.1410939999999998</v>
      </c>
      <c r="E230">
        <f t="shared" si="13"/>
        <v>19.543606999999952</v>
      </c>
      <c r="F230">
        <f t="shared" si="11"/>
        <v>1.6459507109691615E-2</v>
      </c>
    </row>
    <row r="231" spans="1:6" x14ac:dyDescent="0.2">
      <c r="A231">
        <v>1040.4781929999999</v>
      </c>
      <c r="B231">
        <v>19.995521</v>
      </c>
      <c r="C231">
        <v>8.9462910000000004</v>
      </c>
      <c r="D231">
        <f t="shared" si="12"/>
        <v>1.1460990000000004</v>
      </c>
      <c r="E231">
        <f t="shared" si="13"/>
        <v>19.463366999999948</v>
      </c>
      <c r="F231">
        <f t="shared" si="11"/>
        <v>1.6321604716833592E-2</v>
      </c>
    </row>
    <row r="232" spans="1:6" x14ac:dyDescent="0.2">
      <c r="A232">
        <v>1040.562825</v>
      </c>
      <c r="B232">
        <v>19.991004</v>
      </c>
      <c r="C232">
        <v>8.9512959999999993</v>
      </c>
      <c r="D232">
        <f t="shared" si="12"/>
        <v>1.1511039999999992</v>
      </c>
      <c r="E232">
        <f t="shared" si="13"/>
        <v>19.547999000000004</v>
      </c>
      <c r="F232">
        <f t="shared" si="11"/>
        <v>1.6319973107795663E-2</v>
      </c>
    </row>
    <row r="233" spans="1:6" x14ac:dyDescent="0.2">
      <c r="A233">
        <v>1040.797969</v>
      </c>
      <c r="B233">
        <v>19.992683</v>
      </c>
      <c r="C233">
        <v>8.9563009999999998</v>
      </c>
      <c r="D233">
        <f t="shared" si="12"/>
        <v>1.1561089999999998</v>
      </c>
      <c r="E233">
        <f t="shared" si="13"/>
        <v>19.783142999999995</v>
      </c>
      <c r="F233">
        <f t="shared" si="11"/>
        <v>1.6441069761387418E-2</v>
      </c>
    </row>
    <row r="234" spans="1:6" x14ac:dyDescent="0.2">
      <c r="A234">
        <v>1040.9292720000001</v>
      </c>
      <c r="B234">
        <v>19.985510000000001</v>
      </c>
      <c r="C234">
        <v>8.9613060000000004</v>
      </c>
      <c r="D234">
        <f t="shared" si="12"/>
        <v>1.1611140000000004</v>
      </c>
      <c r="E234">
        <f t="shared" si="13"/>
        <v>19.914446000000112</v>
      </c>
      <c r="F234">
        <f t="shared" si="11"/>
        <v>1.6476772534485963E-2</v>
      </c>
    </row>
    <row r="235" spans="1:6" x14ac:dyDescent="0.2">
      <c r="A235">
        <v>1041.035067</v>
      </c>
      <c r="B235">
        <v>19.982247999999998</v>
      </c>
      <c r="C235">
        <v>8.96631</v>
      </c>
      <c r="D235">
        <f t="shared" si="12"/>
        <v>1.166118</v>
      </c>
      <c r="E235">
        <f t="shared" si="13"/>
        <v>20.020241000000055</v>
      </c>
      <c r="F235">
        <f t="shared" si="11"/>
        <v>1.6491548760209862E-2</v>
      </c>
    </row>
    <row r="236" spans="1:6" x14ac:dyDescent="0.2">
      <c r="A236">
        <v>1040.899883</v>
      </c>
      <c r="B236">
        <v>20.008972</v>
      </c>
      <c r="C236">
        <v>8.9713150000000006</v>
      </c>
      <c r="D236">
        <f t="shared" si="12"/>
        <v>1.1711230000000006</v>
      </c>
      <c r="E236">
        <f t="shared" si="13"/>
        <v>19.885057000000074</v>
      </c>
      <c r="F236">
        <f t="shared" si="11"/>
        <v>1.6312306394452115E-2</v>
      </c>
    </row>
    <row r="237" spans="1:6" x14ac:dyDescent="0.2">
      <c r="A237">
        <v>1040.9913300000001</v>
      </c>
      <c r="B237">
        <v>19.995691000000001</v>
      </c>
      <c r="C237">
        <v>8.9763199999999994</v>
      </c>
      <c r="D237">
        <f t="shared" si="12"/>
        <v>1.1761279999999994</v>
      </c>
      <c r="E237">
        <f t="shared" si="13"/>
        <v>19.976504000000091</v>
      </c>
      <c r="F237">
        <f t="shared" si="11"/>
        <v>1.6316153588476587E-2</v>
      </c>
    </row>
    <row r="238" spans="1:6" x14ac:dyDescent="0.2">
      <c r="A238">
        <v>1041.214723</v>
      </c>
      <c r="B238">
        <v>19.972259999999999</v>
      </c>
      <c r="C238">
        <v>8.981325</v>
      </c>
      <c r="D238">
        <f t="shared" si="12"/>
        <v>1.181133</v>
      </c>
      <c r="E238">
        <f t="shared" si="13"/>
        <v>20.199897000000078</v>
      </c>
      <c r="F238">
        <f t="shared" si="11"/>
        <v>1.6425176721782314E-2</v>
      </c>
    </row>
    <row r="239" spans="1:6" x14ac:dyDescent="0.2">
      <c r="A239">
        <v>1041.3160780000001</v>
      </c>
      <c r="B239">
        <v>20.012286</v>
      </c>
      <c r="C239">
        <v>8.9863300000000006</v>
      </c>
      <c r="D239">
        <f t="shared" si="12"/>
        <v>1.1861380000000006</v>
      </c>
      <c r="E239">
        <f t="shared" si="13"/>
        <v>20.30125200000009</v>
      </c>
      <c r="F239">
        <f t="shared" si="11"/>
        <v>1.6436336677508562E-2</v>
      </c>
    </row>
    <row r="240" spans="1:6" x14ac:dyDescent="0.2">
      <c r="A240">
        <v>1041.3378600000001</v>
      </c>
      <c r="B240">
        <v>19.984013999999998</v>
      </c>
      <c r="C240">
        <v>8.9913340000000002</v>
      </c>
      <c r="D240">
        <f t="shared" si="12"/>
        <v>1.1911420000000001</v>
      </c>
      <c r="E240">
        <f t="shared" si="13"/>
        <v>20.323034000000121</v>
      </c>
      <c r="F240">
        <f t="shared" si="11"/>
        <v>1.6384505825045199E-2</v>
      </c>
    </row>
    <row r="241" spans="1:6" x14ac:dyDescent="0.2">
      <c r="A241">
        <v>1041.920539</v>
      </c>
      <c r="B241">
        <v>19.941793000000001</v>
      </c>
      <c r="C241">
        <v>8.9963390000000008</v>
      </c>
      <c r="D241">
        <f t="shared" si="12"/>
        <v>1.1961470000000007</v>
      </c>
      <c r="E241">
        <f t="shared" si="13"/>
        <v>20.905712999999992</v>
      </c>
      <c r="F241">
        <f t="shared" si="11"/>
        <v>1.677435498180491E-2</v>
      </c>
    </row>
    <row r="242" spans="1:6" x14ac:dyDescent="0.2">
      <c r="A242">
        <v>1042.0925130000001</v>
      </c>
      <c r="B242">
        <v>20.008635999999999</v>
      </c>
      <c r="C242">
        <v>9.0013439999999996</v>
      </c>
      <c r="D242">
        <f t="shared" si="12"/>
        <v>1.2011519999999996</v>
      </c>
      <c r="E242">
        <f t="shared" si="13"/>
        <v>21.077687000000083</v>
      </c>
      <c r="F242">
        <f t="shared" si="11"/>
        <v>1.6839093430090792E-2</v>
      </c>
    </row>
    <row r="243" spans="1:6" x14ac:dyDescent="0.2">
      <c r="A243">
        <v>1041.7299109999999</v>
      </c>
      <c r="B243">
        <v>20.036345000000001</v>
      </c>
      <c r="C243">
        <v>9.0063490000000002</v>
      </c>
      <c r="D243">
        <f t="shared" si="12"/>
        <v>1.2061570000000001</v>
      </c>
      <c r="E243">
        <f t="shared" si="13"/>
        <v>20.715084999999931</v>
      </c>
      <c r="F243">
        <f t="shared" si="11"/>
        <v>1.6486472552347569E-2</v>
      </c>
    </row>
    <row r="244" spans="1:6" x14ac:dyDescent="0.2">
      <c r="A244">
        <v>1041.2545560000001</v>
      </c>
      <c r="B244">
        <v>20.035983999999999</v>
      </c>
      <c r="C244">
        <v>9.0113540000000008</v>
      </c>
      <c r="D244">
        <f t="shared" si="12"/>
        <v>1.2111620000000007</v>
      </c>
      <c r="E244">
        <f t="shared" si="13"/>
        <v>20.239730000000122</v>
      </c>
      <c r="F244">
        <f t="shared" si="11"/>
        <v>1.6048910811236765E-2</v>
      </c>
    </row>
    <row r="245" spans="1:6" x14ac:dyDescent="0.2">
      <c r="A245">
        <v>1040.7299660000001</v>
      </c>
      <c r="B245">
        <v>20.040125</v>
      </c>
      <c r="C245">
        <v>9.0163580000000003</v>
      </c>
      <c r="D245">
        <f t="shared" si="12"/>
        <v>1.2161660000000003</v>
      </c>
      <c r="E245">
        <f t="shared" si="13"/>
        <v>19.715140000000133</v>
      </c>
      <c r="F245">
        <f t="shared" si="11"/>
        <v>1.557646659718412E-2</v>
      </c>
    </row>
    <row r="246" spans="1:6" x14ac:dyDescent="0.2">
      <c r="A246">
        <v>1040.4907659999999</v>
      </c>
      <c r="B246">
        <v>20.010057</v>
      </c>
      <c r="C246">
        <v>9.0213629999999991</v>
      </c>
      <c r="D246">
        <f t="shared" si="12"/>
        <v>1.2211709999999991</v>
      </c>
      <c r="E246">
        <f t="shared" si="13"/>
        <v>19.475939999999923</v>
      </c>
      <c r="F246">
        <f t="shared" si="11"/>
        <v>1.5327937303660043E-2</v>
      </c>
    </row>
    <row r="247" spans="1:6" x14ac:dyDescent="0.2">
      <c r="A247">
        <v>1040.1783029999999</v>
      </c>
      <c r="B247">
        <v>20.026198000000001</v>
      </c>
      <c r="C247">
        <v>9.0263679999999997</v>
      </c>
      <c r="D247">
        <f t="shared" si="12"/>
        <v>1.2261759999999997</v>
      </c>
      <c r="E247">
        <f t="shared" si="13"/>
        <v>19.163476999999943</v>
      </c>
      <c r="F247">
        <f t="shared" si="11"/>
        <v>1.5024973260508707E-2</v>
      </c>
    </row>
    <row r="248" spans="1:6" x14ac:dyDescent="0.2">
      <c r="A248">
        <v>1039.9189260000001</v>
      </c>
      <c r="B248">
        <v>20.033313</v>
      </c>
      <c r="C248">
        <v>9.0313730000000003</v>
      </c>
      <c r="D248">
        <f t="shared" si="12"/>
        <v>1.2311810000000003</v>
      </c>
      <c r="E248">
        <f t="shared" si="13"/>
        <v>18.904100000000085</v>
      </c>
      <c r="F248">
        <f t="shared" si="11"/>
        <v>1.4765039701520715E-2</v>
      </c>
    </row>
    <row r="249" spans="1:6" x14ac:dyDescent="0.2">
      <c r="A249">
        <v>1039.189155</v>
      </c>
      <c r="B249">
        <v>20.042798999999999</v>
      </c>
      <c r="C249">
        <v>9.0363779999999991</v>
      </c>
      <c r="D249">
        <f t="shared" si="12"/>
        <v>1.2361859999999991</v>
      </c>
      <c r="E249">
        <f t="shared" si="13"/>
        <v>18.174329000000057</v>
      </c>
      <c r="F249">
        <f t="shared" si="11"/>
        <v>1.414750835128315E-2</v>
      </c>
    </row>
    <row r="250" spans="1:6" x14ac:dyDescent="0.2">
      <c r="A250">
        <v>1039.2935680000001</v>
      </c>
      <c r="B250">
        <v>19.962406999999999</v>
      </c>
      <c r="C250">
        <v>9.0413820000000005</v>
      </c>
      <c r="D250">
        <f t="shared" si="12"/>
        <v>1.2411900000000005</v>
      </c>
      <c r="E250">
        <f t="shared" si="13"/>
        <v>18.278742000000079</v>
      </c>
      <c r="F250">
        <f t="shared" si="11"/>
        <v>1.4169998213475912E-2</v>
      </c>
    </row>
    <row r="251" spans="1:6" x14ac:dyDescent="0.2">
      <c r="A251">
        <v>1040.214211</v>
      </c>
      <c r="B251">
        <v>19.924547</v>
      </c>
      <c r="C251">
        <v>9.0463869999999993</v>
      </c>
      <c r="D251">
        <f t="shared" si="12"/>
        <v>1.2461949999999993</v>
      </c>
      <c r="E251">
        <f t="shared" si="13"/>
        <v>19.199385000000007</v>
      </c>
      <c r="F251">
        <f t="shared" si="11"/>
        <v>1.4810800443021091E-2</v>
      </c>
    </row>
    <row r="252" spans="1:6" x14ac:dyDescent="0.2">
      <c r="A252">
        <v>1041.4204500000001</v>
      </c>
      <c r="B252">
        <v>19.887695000000001</v>
      </c>
      <c r="C252">
        <v>9.0513919999999999</v>
      </c>
      <c r="D252">
        <f t="shared" si="12"/>
        <v>1.2511999999999999</v>
      </c>
      <c r="E252">
        <f t="shared" si="13"/>
        <v>20.405624000000103</v>
      </c>
      <c r="F252">
        <f t="shared" si="11"/>
        <v>1.5660190570482388E-2</v>
      </c>
    </row>
    <row r="253" spans="1:6" x14ac:dyDescent="0.2">
      <c r="A253">
        <v>1042.587798</v>
      </c>
      <c r="B253">
        <v>19.930982</v>
      </c>
      <c r="C253">
        <v>9.0563970000000005</v>
      </c>
      <c r="D253">
        <f t="shared" si="12"/>
        <v>1.2562050000000005</v>
      </c>
      <c r="E253">
        <f t="shared" si="13"/>
        <v>21.57297200000005</v>
      </c>
      <c r="F253">
        <f t="shared" si="11"/>
        <v>1.6471639333129517E-2</v>
      </c>
    </row>
    <row r="254" spans="1:6" x14ac:dyDescent="0.2">
      <c r="A254">
        <v>1043.3173859999999</v>
      </c>
      <c r="B254">
        <v>19.958355999999998</v>
      </c>
      <c r="C254">
        <v>9.0614019999999993</v>
      </c>
      <c r="D254">
        <f t="shared" si="12"/>
        <v>1.2612099999999993</v>
      </c>
      <c r="E254">
        <f t="shared" si="13"/>
        <v>22.302559999999971</v>
      </c>
      <c r="F254">
        <f t="shared" si="11"/>
        <v>1.6949264858170929E-2</v>
      </c>
    </row>
    <row r="255" spans="1:6" x14ac:dyDescent="0.2">
      <c r="A255">
        <v>1043.4864970000001</v>
      </c>
      <c r="B255">
        <v>19.988849999999999</v>
      </c>
      <c r="C255">
        <v>9.0664060000000006</v>
      </c>
      <c r="D255">
        <f t="shared" si="12"/>
        <v>1.2662140000000006</v>
      </c>
      <c r="E255">
        <f t="shared" si="13"/>
        <v>22.471671000000129</v>
      </c>
      <c r="F255">
        <f t="shared" si="11"/>
        <v>1.7007536955609897E-2</v>
      </c>
    </row>
    <row r="256" spans="1:6" x14ac:dyDescent="0.2">
      <c r="A256">
        <v>1044.0494169999999</v>
      </c>
      <c r="B256">
        <v>19.935137000000001</v>
      </c>
      <c r="C256">
        <v>9.0714109999999994</v>
      </c>
      <c r="D256">
        <f t="shared" si="12"/>
        <v>1.2712189999999994</v>
      </c>
      <c r="E256">
        <f t="shared" si="13"/>
        <v>23.034590999999978</v>
      </c>
      <c r="F256">
        <f t="shared" si="11"/>
        <v>1.735557772389458E-2</v>
      </c>
    </row>
    <row r="257" spans="1:6" x14ac:dyDescent="0.2">
      <c r="A257">
        <v>1044.905555</v>
      </c>
      <c r="B257">
        <v>19.945032999999999</v>
      </c>
      <c r="C257">
        <v>9.076416</v>
      </c>
      <c r="D257">
        <f t="shared" si="12"/>
        <v>1.276224</v>
      </c>
      <c r="E257">
        <f t="shared" si="13"/>
        <v>23.890729000000078</v>
      </c>
      <c r="F257">
        <f t="shared" si="11"/>
        <v>1.7915356575251104E-2</v>
      </c>
    </row>
    <row r="258" spans="1:6" x14ac:dyDescent="0.2">
      <c r="A258">
        <v>1045.6639479999999</v>
      </c>
      <c r="B258">
        <v>19.948979000000001</v>
      </c>
      <c r="C258">
        <v>9.0814210000000006</v>
      </c>
      <c r="D258">
        <f t="shared" si="12"/>
        <v>1.2812290000000006</v>
      </c>
      <c r="E258">
        <f t="shared" si="13"/>
        <v>24.64912199999992</v>
      </c>
      <c r="F258">
        <f t="shared" si="11"/>
        <v>1.839850602575227E-2</v>
      </c>
    </row>
    <row r="259" spans="1:6" x14ac:dyDescent="0.2">
      <c r="A259">
        <v>1046.0604949999999</v>
      </c>
      <c r="B259">
        <v>19.971561999999999</v>
      </c>
      <c r="C259">
        <v>9.0864259999999994</v>
      </c>
      <c r="D259">
        <f t="shared" si="12"/>
        <v>1.2862339999999994</v>
      </c>
      <c r="E259">
        <f t="shared" si="13"/>
        <v>25.045668999999975</v>
      </c>
      <c r="F259">
        <f t="shared" ref="F259:F322" si="14">(1/A259)*(E259/D259)</f>
        <v>1.8614691805927553E-2</v>
      </c>
    </row>
    <row r="260" spans="1:6" x14ac:dyDescent="0.2">
      <c r="A260">
        <v>1046.2102150000001</v>
      </c>
      <c r="B260">
        <v>20.001156000000002</v>
      </c>
      <c r="C260">
        <v>9.0914300000000008</v>
      </c>
      <c r="D260">
        <f t="shared" si="12"/>
        <v>1.2912380000000008</v>
      </c>
      <c r="E260">
        <f t="shared" si="13"/>
        <v>25.195389000000091</v>
      </c>
      <c r="F260">
        <f t="shared" si="14"/>
        <v>1.8650729072452396E-2</v>
      </c>
    </row>
    <row r="261" spans="1:6" x14ac:dyDescent="0.2">
      <c r="A261">
        <v>1046.2051260000001</v>
      </c>
      <c r="B261">
        <v>20.010242000000002</v>
      </c>
      <c r="C261">
        <v>9.0964349999999996</v>
      </c>
      <c r="D261">
        <f t="shared" si="12"/>
        <v>1.2962429999999996</v>
      </c>
      <c r="E261">
        <f t="shared" si="13"/>
        <v>25.190300000000093</v>
      </c>
      <c r="F261">
        <f t="shared" si="14"/>
        <v>1.8575053444891031E-2</v>
      </c>
    </row>
    <row r="262" spans="1:6" x14ac:dyDescent="0.2">
      <c r="A262">
        <v>1045.638993</v>
      </c>
      <c r="B262">
        <v>20.052847</v>
      </c>
      <c r="C262">
        <v>9.1014400000000002</v>
      </c>
      <c r="D262">
        <f t="shared" si="12"/>
        <v>1.3012480000000002</v>
      </c>
      <c r="E262">
        <f t="shared" si="13"/>
        <v>24.624167000000057</v>
      </c>
      <c r="F262">
        <f t="shared" si="14"/>
        <v>1.8097546561874196E-2</v>
      </c>
    </row>
    <row r="263" spans="1:6" x14ac:dyDescent="0.2">
      <c r="A263">
        <v>1044.583412</v>
      </c>
      <c r="B263">
        <v>20.079898</v>
      </c>
      <c r="C263">
        <v>9.1064450000000008</v>
      </c>
      <c r="D263">
        <f t="shared" ref="D263:D326" si="15">C263-$C$2</f>
        <v>1.3062530000000008</v>
      </c>
      <c r="E263">
        <f t="shared" ref="E263:E326" si="16">A263-$A$2</f>
        <v>23.568585999999982</v>
      </c>
      <c r="F263">
        <f t="shared" si="14"/>
        <v>1.7272814219731685E-2</v>
      </c>
    </row>
    <row r="264" spans="1:6" x14ac:dyDescent="0.2">
      <c r="A264">
        <v>1043.4021829999999</v>
      </c>
      <c r="B264">
        <v>20.078662000000001</v>
      </c>
      <c r="C264">
        <v>9.1114499999999996</v>
      </c>
      <c r="D264">
        <f t="shared" si="15"/>
        <v>1.3112579999999996</v>
      </c>
      <c r="E264">
        <f t="shared" si="16"/>
        <v>22.387356999999952</v>
      </c>
      <c r="F264">
        <f t="shared" si="14"/>
        <v>1.6363000095980854E-2</v>
      </c>
    </row>
    <row r="265" spans="1:6" x14ac:dyDescent="0.2">
      <c r="A265">
        <v>1042.6453489999999</v>
      </c>
      <c r="B265">
        <v>20.044957</v>
      </c>
      <c r="C265">
        <v>9.1164539999999992</v>
      </c>
      <c r="D265">
        <f t="shared" si="15"/>
        <v>1.3162619999999992</v>
      </c>
      <c r="E265">
        <f t="shared" si="16"/>
        <v>21.630522999999926</v>
      </c>
      <c r="F265">
        <f t="shared" si="14"/>
        <v>1.5761155958272714E-2</v>
      </c>
    </row>
    <row r="266" spans="1:6" x14ac:dyDescent="0.2">
      <c r="A266">
        <v>1041.817812</v>
      </c>
      <c r="B266">
        <v>20.057344000000001</v>
      </c>
      <c r="C266">
        <v>9.1214589999999998</v>
      </c>
      <c r="D266">
        <f t="shared" si="15"/>
        <v>1.3212669999999997</v>
      </c>
      <c r="E266">
        <f t="shared" si="16"/>
        <v>20.802986000000033</v>
      </c>
      <c r="F266">
        <f t="shared" si="14"/>
        <v>1.5112743463093558E-2</v>
      </c>
    </row>
    <row r="267" spans="1:6" x14ac:dyDescent="0.2">
      <c r="A267">
        <v>1041.1183820000001</v>
      </c>
      <c r="B267">
        <v>20.059270999999999</v>
      </c>
      <c r="C267">
        <v>9.1264640000000004</v>
      </c>
      <c r="D267">
        <f t="shared" si="15"/>
        <v>1.3262720000000003</v>
      </c>
      <c r="E267">
        <f t="shared" si="16"/>
        <v>20.10355600000014</v>
      </c>
      <c r="F267">
        <f t="shared" si="14"/>
        <v>1.4559289059416355E-2</v>
      </c>
    </row>
    <row r="268" spans="1:6" x14ac:dyDescent="0.2">
      <c r="A268">
        <v>1040.172734</v>
      </c>
      <c r="B268">
        <v>20.060915999999999</v>
      </c>
      <c r="C268">
        <v>9.1314689999999992</v>
      </c>
      <c r="D268">
        <f t="shared" si="15"/>
        <v>1.3312769999999992</v>
      </c>
      <c r="E268">
        <f t="shared" si="16"/>
        <v>19.15790800000002</v>
      </c>
      <c r="F268">
        <f t="shared" si="14"/>
        <v>1.3834841532498553E-2</v>
      </c>
    </row>
    <row r="269" spans="1:6" x14ac:dyDescent="0.2">
      <c r="A269">
        <v>1039.787407</v>
      </c>
      <c r="B269">
        <v>20.002935000000001</v>
      </c>
      <c r="C269">
        <v>9.1364739999999998</v>
      </c>
      <c r="D269">
        <f t="shared" si="15"/>
        <v>1.3362819999999997</v>
      </c>
      <c r="E269">
        <f t="shared" si="16"/>
        <v>18.772581000000059</v>
      </c>
      <c r="F269">
        <f t="shared" si="14"/>
        <v>1.3510807776732678E-2</v>
      </c>
    </row>
    <row r="270" spans="1:6" x14ac:dyDescent="0.2">
      <c r="A270">
        <v>1039.8998839999999</v>
      </c>
      <c r="B270">
        <v>20.004705999999999</v>
      </c>
      <c r="C270">
        <v>9.1414779999999993</v>
      </c>
      <c r="D270">
        <f t="shared" si="15"/>
        <v>1.3412859999999993</v>
      </c>
      <c r="E270">
        <f t="shared" si="16"/>
        <v>18.885057999999958</v>
      </c>
      <c r="F270">
        <f t="shared" si="14"/>
        <v>1.3539586515361551E-2</v>
      </c>
    </row>
    <row r="271" spans="1:6" x14ac:dyDescent="0.2">
      <c r="A271">
        <v>1039.8185430000001</v>
      </c>
      <c r="B271">
        <v>19.995542</v>
      </c>
      <c r="C271">
        <v>9.1464829999999999</v>
      </c>
      <c r="D271">
        <f t="shared" si="15"/>
        <v>1.3462909999999999</v>
      </c>
      <c r="E271">
        <f t="shared" si="16"/>
        <v>18.80371700000012</v>
      </c>
      <c r="F271">
        <f t="shared" si="14"/>
        <v>1.3432201740029745E-2</v>
      </c>
    </row>
    <row r="272" spans="1:6" x14ac:dyDescent="0.2">
      <c r="A272">
        <v>1040.1939729999999</v>
      </c>
      <c r="B272">
        <v>19.958966</v>
      </c>
      <c r="C272">
        <v>9.1514880000000005</v>
      </c>
      <c r="D272">
        <f t="shared" si="15"/>
        <v>1.3512960000000005</v>
      </c>
      <c r="E272">
        <f t="shared" si="16"/>
        <v>19.179146999999944</v>
      </c>
      <c r="F272">
        <f t="shared" si="14"/>
        <v>1.3644714831883896E-2</v>
      </c>
    </row>
    <row r="273" spans="1:6" x14ac:dyDescent="0.2">
      <c r="A273">
        <v>1041.0246990000001</v>
      </c>
      <c r="B273">
        <v>19.934422000000001</v>
      </c>
      <c r="C273">
        <v>9.1564929999999993</v>
      </c>
      <c r="D273">
        <f t="shared" si="15"/>
        <v>1.3563009999999993</v>
      </c>
      <c r="E273">
        <f t="shared" si="16"/>
        <v>20.009873000000084</v>
      </c>
      <c r="F273">
        <f t="shared" si="14"/>
        <v>1.4171871855701084E-2</v>
      </c>
    </row>
    <row r="274" spans="1:6" x14ac:dyDescent="0.2">
      <c r="A274">
        <v>1041.928521</v>
      </c>
      <c r="B274">
        <v>19.930267000000001</v>
      </c>
      <c r="C274">
        <v>9.1614979999999999</v>
      </c>
      <c r="D274">
        <f t="shared" si="15"/>
        <v>1.3613059999999999</v>
      </c>
      <c r="E274">
        <f t="shared" si="16"/>
        <v>20.913695000000075</v>
      </c>
      <c r="F274">
        <f t="shared" si="14"/>
        <v>1.4744738855129211E-2</v>
      </c>
    </row>
    <row r="275" spans="1:6" x14ac:dyDescent="0.2">
      <c r="A275">
        <v>1042.4223710000001</v>
      </c>
      <c r="B275">
        <v>19.978100999999999</v>
      </c>
      <c r="C275">
        <v>9.1665019999999995</v>
      </c>
      <c r="D275">
        <f t="shared" si="15"/>
        <v>1.3663099999999995</v>
      </c>
      <c r="E275">
        <f t="shared" si="16"/>
        <v>21.407545000000141</v>
      </c>
      <c r="F275">
        <f t="shared" si="14"/>
        <v>1.5030516187102414E-2</v>
      </c>
    </row>
    <row r="276" spans="1:6" x14ac:dyDescent="0.2">
      <c r="A276">
        <v>1042.9628660000001</v>
      </c>
      <c r="B276">
        <v>19.95513</v>
      </c>
      <c r="C276">
        <v>9.1715070000000001</v>
      </c>
      <c r="D276">
        <f t="shared" si="15"/>
        <v>1.3713150000000001</v>
      </c>
      <c r="E276">
        <f t="shared" si="16"/>
        <v>21.948040000000105</v>
      </c>
      <c r="F276">
        <f t="shared" si="14"/>
        <v>1.5345804832701062E-2</v>
      </c>
    </row>
    <row r="277" spans="1:6" x14ac:dyDescent="0.2">
      <c r="A277">
        <v>1043.1896449999999</v>
      </c>
      <c r="B277">
        <v>19.995059000000001</v>
      </c>
      <c r="C277">
        <v>9.1765120000000007</v>
      </c>
      <c r="D277">
        <f t="shared" si="15"/>
        <v>1.3763200000000007</v>
      </c>
      <c r="E277">
        <f t="shared" si="16"/>
        <v>22.174818999999957</v>
      </c>
      <c r="F277">
        <f t="shared" si="14"/>
        <v>1.5444625971129564E-2</v>
      </c>
    </row>
    <row r="278" spans="1:6" x14ac:dyDescent="0.2">
      <c r="A278">
        <v>1043.39561</v>
      </c>
      <c r="B278">
        <v>19.972494999999999</v>
      </c>
      <c r="C278">
        <v>9.1815169999999995</v>
      </c>
      <c r="D278">
        <f t="shared" si="15"/>
        <v>1.3813249999999995</v>
      </c>
      <c r="E278">
        <f t="shared" si="16"/>
        <v>22.380784000000062</v>
      </c>
      <c r="F278">
        <f t="shared" si="14"/>
        <v>1.5528532620010497E-2</v>
      </c>
    </row>
    <row r="279" spans="1:6" x14ac:dyDescent="0.2">
      <c r="A279">
        <v>1043.2357549999999</v>
      </c>
      <c r="B279">
        <v>20.023187</v>
      </c>
      <c r="C279">
        <v>9.1865220000000001</v>
      </c>
      <c r="D279">
        <f t="shared" si="15"/>
        <v>1.3863300000000001</v>
      </c>
      <c r="E279">
        <f t="shared" si="16"/>
        <v>22.220928999999956</v>
      </c>
      <c r="F279">
        <f t="shared" si="14"/>
        <v>1.5364312328989783E-2</v>
      </c>
    </row>
    <row r="280" spans="1:6" x14ac:dyDescent="0.2">
      <c r="A280">
        <v>1042.9042460000001</v>
      </c>
      <c r="B280">
        <v>20.01773</v>
      </c>
      <c r="C280">
        <v>9.1915259999999996</v>
      </c>
      <c r="D280">
        <f t="shared" si="15"/>
        <v>1.3913339999999996</v>
      </c>
      <c r="E280">
        <f t="shared" si="16"/>
        <v>21.889420000000086</v>
      </c>
      <c r="F280">
        <f t="shared" si="14"/>
        <v>1.5085455239525545E-2</v>
      </c>
    </row>
    <row r="281" spans="1:6" x14ac:dyDescent="0.2">
      <c r="A281">
        <v>1042.62949</v>
      </c>
      <c r="B281">
        <v>20.033211000000001</v>
      </c>
      <c r="C281">
        <v>9.1965310000000002</v>
      </c>
      <c r="D281">
        <f t="shared" si="15"/>
        <v>1.3963390000000002</v>
      </c>
      <c r="E281">
        <f t="shared" si="16"/>
        <v>21.614664000000062</v>
      </c>
      <c r="F281">
        <f t="shared" si="14"/>
        <v>1.4846620798440305E-2</v>
      </c>
    </row>
    <row r="282" spans="1:6" x14ac:dyDescent="0.2">
      <c r="A282">
        <v>1042.6567319999999</v>
      </c>
      <c r="B282">
        <v>19.987242999999999</v>
      </c>
      <c r="C282">
        <v>9.2015360000000008</v>
      </c>
      <c r="D282">
        <f t="shared" si="15"/>
        <v>1.4013440000000008</v>
      </c>
      <c r="E282">
        <f t="shared" si="16"/>
        <v>21.641905999999949</v>
      </c>
      <c r="F282">
        <f t="shared" si="14"/>
        <v>1.4811853106122683E-2</v>
      </c>
    </row>
    <row r="283" spans="1:6" x14ac:dyDescent="0.2">
      <c r="A283">
        <v>1042.444743</v>
      </c>
      <c r="B283">
        <v>20.019917</v>
      </c>
      <c r="C283">
        <v>9.2065409999999996</v>
      </c>
      <c r="D283">
        <f t="shared" si="15"/>
        <v>1.4063489999999996</v>
      </c>
      <c r="E283">
        <f t="shared" si="16"/>
        <v>21.429917000000046</v>
      </c>
      <c r="F283">
        <f t="shared" si="14"/>
        <v>1.4617541541138292E-2</v>
      </c>
    </row>
    <row r="284" spans="1:6" x14ac:dyDescent="0.2">
      <c r="A284">
        <v>1042.2838790000001</v>
      </c>
      <c r="B284">
        <v>20.001431</v>
      </c>
      <c r="C284">
        <v>9.2115460000000002</v>
      </c>
      <c r="D284">
        <f t="shared" si="15"/>
        <v>1.4113540000000002</v>
      </c>
      <c r="E284">
        <f t="shared" si="16"/>
        <v>21.269053000000099</v>
      </c>
      <c r="F284">
        <f t="shared" si="14"/>
        <v>1.4458597715514379E-2</v>
      </c>
    </row>
    <row r="285" spans="1:6" x14ac:dyDescent="0.2">
      <c r="A285">
        <v>1042.2944660000001</v>
      </c>
      <c r="B285">
        <v>20.001351</v>
      </c>
      <c r="C285">
        <v>9.2165499999999998</v>
      </c>
      <c r="D285">
        <f t="shared" si="15"/>
        <v>1.4163579999999998</v>
      </c>
      <c r="E285">
        <f t="shared" si="16"/>
        <v>21.279640000000086</v>
      </c>
      <c r="F285">
        <f t="shared" si="14"/>
        <v>1.4414540564284529E-2</v>
      </c>
    </row>
    <row r="286" spans="1:6" x14ac:dyDescent="0.2">
      <c r="A286">
        <v>1042.220372</v>
      </c>
      <c r="B286">
        <v>20.007709999999999</v>
      </c>
      <c r="C286">
        <v>9.2215550000000004</v>
      </c>
      <c r="D286">
        <f t="shared" si="15"/>
        <v>1.4213630000000004</v>
      </c>
      <c r="E286">
        <f t="shared" si="16"/>
        <v>21.205546000000027</v>
      </c>
      <c r="F286">
        <f t="shared" si="14"/>
        <v>1.4314787164408501E-2</v>
      </c>
    </row>
    <row r="287" spans="1:6" x14ac:dyDescent="0.2">
      <c r="A287">
        <v>1041.9933820000001</v>
      </c>
      <c r="B287">
        <v>20.015886999999999</v>
      </c>
      <c r="C287">
        <v>9.2265599999999992</v>
      </c>
      <c r="D287">
        <f t="shared" si="15"/>
        <v>1.4263679999999992</v>
      </c>
      <c r="E287">
        <f t="shared" si="16"/>
        <v>20.97855600000014</v>
      </c>
      <c r="F287">
        <f t="shared" si="14"/>
        <v>1.4114940239482673E-2</v>
      </c>
    </row>
    <row r="288" spans="1:6" x14ac:dyDescent="0.2">
      <c r="A288">
        <v>1041.774404</v>
      </c>
      <c r="B288">
        <v>20.008738999999998</v>
      </c>
      <c r="C288">
        <v>9.2315649999999998</v>
      </c>
      <c r="D288">
        <f t="shared" si="15"/>
        <v>1.4313729999999998</v>
      </c>
      <c r="E288">
        <f t="shared" si="16"/>
        <v>20.759578000000033</v>
      </c>
      <c r="F288">
        <f t="shared" si="14"/>
        <v>1.3921691871781531E-2</v>
      </c>
    </row>
    <row r="289" spans="1:6" x14ac:dyDescent="0.2">
      <c r="A289">
        <v>1041.8004599999999</v>
      </c>
      <c r="B289">
        <v>20.003672999999999</v>
      </c>
      <c r="C289">
        <v>9.2365700000000004</v>
      </c>
      <c r="D289">
        <f t="shared" si="15"/>
        <v>1.4363780000000004</v>
      </c>
      <c r="E289">
        <f t="shared" si="16"/>
        <v>20.785633999999959</v>
      </c>
      <c r="F289">
        <f t="shared" si="14"/>
        <v>1.389024756621355E-2</v>
      </c>
    </row>
    <row r="290" spans="1:6" x14ac:dyDescent="0.2">
      <c r="A290">
        <v>1041.7711260000001</v>
      </c>
      <c r="B290">
        <v>19.984203999999998</v>
      </c>
      <c r="C290">
        <v>9.241574</v>
      </c>
      <c r="D290">
        <f t="shared" si="15"/>
        <v>1.4413819999999999</v>
      </c>
      <c r="E290">
        <f t="shared" si="16"/>
        <v>20.756300000000124</v>
      </c>
      <c r="F290">
        <f t="shared" si="14"/>
        <v>1.3822879706517298E-2</v>
      </c>
    </row>
    <row r="291" spans="1:6" x14ac:dyDescent="0.2">
      <c r="A291">
        <v>1041.7604839999999</v>
      </c>
      <c r="B291">
        <v>20.009072</v>
      </c>
      <c r="C291">
        <v>9.2465790000000005</v>
      </c>
      <c r="D291">
        <f t="shared" si="15"/>
        <v>1.4463870000000005</v>
      </c>
      <c r="E291">
        <f t="shared" si="16"/>
        <v>20.745657999999935</v>
      </c>
      <c r="F291">
        <f t="shared" si="14"/>
        <v>1.3768125770851692E-2</v>
      </c>
    </row>
    <row r="292" spans="1:6" x14ac:dyDescent="0.2">
      <c r="A292">
        <v>1041.594822</v>
      </c>
      <c r="B292">
        <v>20.019632999999999</v>
      </c>
      <c r="C292">
        <v>9.2515839999999994</v>
      </c>
      <c r="D292">
        <f t="shared" si="15"/>
        <v>1.4513919999999993</v>
      </c>
      <c r="E292">
        <f t="shared" si="16"/>
        <v>20.579996000000051</v>
      </c>
      <c r="F292">
        <f t="shared" si="14"/>
        <v>1.3613247763255142E-2</v>
      </c>
    </row>
    <row r="293" spans="1:6" x14ac:dyDescent="0.2">
      <c r="A293">
        <v>1041.6853430000001</v>
      </c>
      <c r="B293">
        <v>19.982638999999999</v>
      </c>
      <c r="C293">
        <v>9.256589</v>
      </c>
      <c r="D293">
        <f t="shared" si="15"/>
        <v>1.4563969999999999</v>
      </c>
      <c r="E293">
        <f t="shared" si="16"/>
        <v>20.670517000000132</v>
      </c>
      <c r="F293">
        <f t="shared" si="14"/>
        <v>1.3624952909949273E-2</v>
      </c>
    </row>
    <row r="294" spans="1:6" x14ac:dyDescent="0.2">
      <c r="A294">
        <v>1041.8211429999999</v>
      </c>
      <c r="B294">
        <v>19.988296999999999</v>
      </c>
      <c r="C294">
        <v>9.2615940000000005</v>
      </c>
      <c r="D294">
        <f t="shared" si="15"/>
        <v>1.4614020000000005</v>
      </c>
      <c r="E294">
        <f t="shared" si="16"/>
        <v>20.806316999999922</v>
      </c>
      <c r="F294">
        <f t="shared" si="14"/>
        <v>1.3665714608161801E-2</v>
      </c>
    </row>
    <row r="295" spans="1:6" x14ac:dyDescent="0.2">
      <c r="A295">
        <v>1041.757662</v>
      </c>
      <c r="B295">
        <v>20.002237999999998</v>
      </c>
      <c r="C295">
        <v>9.2665980000000001</v>
      </c>
      <c r="D295">
        <f t="shared" si="15"/>
        <v>1.4664060000000001</v>
      </c>
      <c r="E295">
        <f t="shared" si="16"/>
        <v>20.742836000000011</v>
      </c>
      <c r="F295">
        <f t="shared" si="14"/>
        <v>1.3578356328852624E-2</v>
      </c>
    </row>
    <row r="296" spans="1:6" x14ac:dyDescent="0.2">
      <c r="A296">
        <v>1042.12032</v>
      </c>
      <c r="B296">
        <v>19.955193000000001</v>
      </c>
      <c r="C296">
        <v>9.2716030000000007</v>
      </c>
      <c r="D296">
        <f t="shared" si="15"/>
        <v>1.4714110000000007</v>
      </c>
      <c r="E296">
        <f t="shared" si="16"/>
        <v>21.105494000000022</v>
      </c>
      <c r="F296">
        <f t="shared" si="14"/>
        <v>1.3763968157367209E-2</v>
      </c>
    </row>
    <row r="297" spans="1:6" x14ac:dyDescent="0.2">
      <c r="A297">
        <v>1042.7836090000001</v>
      </c>
      <c r="B297">
        <v>19.960155</v>
      </c>
      <c r="C297">
        <v>9.2766079999999995</v>
      </c>
      <c r="D297">
        <f t="shared" si="15"/>
        <v>1.4764159999999995</v>
      </c>
      <c r="E297">
        <f t="shared" si="16"/>
        <v>21.768783000000099</v>
      </c>
      <c r="F297">
        <f t="shared" si="14"/>
        <v>1.4139407498557417E-2</v>
      </c>
    </row>
    <row r="298" spans="1:6" x14ac:dyDescent="0.2">
      <c r="A298">
        <v>1043.2278719999999</v>
      </c>
      <c r="B298">
        <v>19.956548999999999</v>
      </c>
      <c r="C298">
        <v>9.2816130000000001</v>
      </c>
      <c r="D298">
        <f t="shared" si="15"/>
        <v>1.4814210000000001</v>
      </c>
      <c r="E298">
        <f t="shared" si="16"/>
        <v>22.213045999999963</v>
      </c>
      <c r="F298">
        <f t="shared" si="14"/>
        <v>1.4373099683750466E-2</v>
      </c>
    </row>
    <row r="299" spans="1:6" x14ac:dyDescent="0.2">
      <c r="A299">
        <v>1043.5477080000001</v>
      </c>
      <c r="B299">
        <v>19.986937999999999</v>
      </c>
      <c r="C299">
        <v>9.2866180000000007</v>
      </c>
      <c r="D299">
        <f t="shared" si="15"/>
        <v>1.4864260000000007</v>
      </c>
      <c r="E299">
        <f t="shared" si="16"/>
        <v>22.532882000000086</v>
      </c>
      <c r="F299">
        <f t="shared" si="14"/>
        <v>1.4526505090220508E-2</v>
      </c>
    </row>
    <row r="300" spans="1:6" x14ac:dyDescent="0.2">
      <c r="A300">
        <v>1044.243234</v>
      </c>
      <c r="B300">
        <v>19.935103000000002</v>
      </c>
      <c r="C300">
        <v>9.2916220000000003</v>
      </c>
      <c r="D300">
        <f t="shared" si="15"/>
        <v>1.4914300000000003</v>
      </c>
      <c r="E300">
        <f t="shared" si="16"/>
        <v>23.228408000000059</v>
      </c>
      <c r="F300">
        <f t="shared" si="14"/>
        <v>1.4914713009235792E-2</v>
      </c>
    </row>
    <row r="301" spans="1:6" x14ac:dyDescent="0.2">
      <c r="A301">
        <v>1045.0091849999999</v>
      </c>
      <c r="B301">
        <v>19.947928999999998</v>
      </c>
      <c r="C301">
        <v>9.2966270000000009</v>
      </c>
      <c r="D301">
        <f t="shared" si="15"/>
        <v>1.4964350000000008</v>
      </c>
      <c r="E301">
        <f t="shared" si="16"/>
        <v>23.994358999999918</v>
      </c>
      <c r="F301">
        <f t="shared" si="14"/>
        <v>1.534373846950835E-2</v>
      </c>
    </row>
    <row r="302" spans="1:6" x14ac:dyDescent="0.2">
      <c r="A302">
        <v>1045.6080569999999</v>
      </c>
      <c r="B302">
        <v>19.965458000000002</v>
      </c>
      <c r="C302">
        <v>9.3016319999999997</v>
      </c>
      <c r="D302">
        <f t="shared" si="15"/>
        <v>1.5014399999999997</v>
      </c>
      <c r="E302">
        <f t="shared" si="16"/>
        <v>24.593230999999946</v>
      </c>
      <c r="F302">
        <f t="shared" si="14"/>
        <v>1.5665298915234608E-2</v>
      </c>
    </row>
    <row r="303" spans="1:6" x14ac:dyDescent="0.2">
      <c r="A303">
        <v>1045.7829839999999</v>
      </c>
      <c r="B303">
        <v>19.993048999999999</v>
      </c>
      <c r="C303">
        <v>9.3066370000000003</v>
      </c>
      <c r="D303">
        <f t="shared" si="15"/>
        <v>1.5064450000000003</v>
      </c>
      <c r="E303">
        <f t="shared" si="16"/>
        <v>24.768157999999971</v>
      </c>
      <c r="F303">
        <f t="shared" si="14"/>
        <v>1.5721676584710537E-2</v>
      </c>
    </row>
    <row r="304" spans="1:6" x14ac:dyDescent="0.2">
      <c r="A304">
        <v>1045.674773</v>
      </c>
      <c r="B304">
        <v>20.020705</v>
      </c>
      <c r="C304">
        <v>9.3116420000000009</v>
      </c>
      <c r="D304">
        <f t="shared" si="15"/>
        <v>1.5114500000000008</v>
      </c>
      <c r="E304">
        <f t="shared" si="16"/>
        <v>24.659946999999988</v>
      </c>
      <c r="F304">
        <f t="shared" si="14"/>
        <v>1.5602770594767354E-2</v>
      </c>
    </row>
    <row r="305" spans="1:6" x14ac:dyDescent="0.2">
      <c r="A305">
        <v>1045.615182</v>
      </c>
      <c r="B305">
        <v>19.974902</v>
      </c>
      <c r="C305">
        <v>9.3166460000000004</v>
      </c>
      <c r="D305">
        <f t="shared" si="15"/>
        <v>1.5164540000000004</v>
      </c>
      <c r="E305">
        <f t="shared" si="16"/>
        <v>24.600356000000033</v>
      </c>
      <c r="F305">
        <f t="shared" si="14"/>
        <v>1.5514588837465515E-2</v>
      </c>
    </row>
    <row r="306" spans="1:6" x14ac:dyDescent="0.2">
      <c r="A306">
        <v>1045.8367049999999</v>
      </c>
      <c r="B306">
        <v>19.990842000000001</v>
      </c>
      <c r="C306">
        <v>9.3216509999999992</v>
      </c>
      <c r="D306">
        <f t="shared" si="15"/>
        <v>1.5214589999999992</v>
      </c>
      <c r="E306">
        <f t="shared" si="16"/>
        <v>24.821878999999967</v>
      </c>
      <c r="F306">
        <f t="shared" si="14"/>
        <v>1.5599494336425318E-2</v>
      </c>
    </row>
    <row r="307" spans="1:6" x14ac:dyDescent="0.2">
      <c r="A307">
        <v>1045.8319630000001</v>
      </c>
      <c r="B307">
        <v>20.018792999999999</v>
      </c>
      <c r="C307">
        <v>9.3266559999999998</v>
      </c>
      <c r="D307">
        <f t="shared" si="15"/>
        <v>1.5264639999999998</v>
      </c>
      <c r="E307">
        <f t="shared" si="16"/>
        <v>24.817137000000116</v>
      </c>
      <c r="F307">
        <f t="shared" si="14"/>
        <v>1.5545446521373298E-2</v>
      </c>
    </row>
    <row r="308" spans="1:6" x14ac:dyDescent="0.2">
      <c r="A308">
        <v>1044.837869</v>
      </c>
      <c r="B308">
        <v>20.102651999999999</v>
      </c>
      <c r="C308">
        <v>9.3316610000000004</v>
      </c>
      <c r="D308">
        <f t="shared" si="15"/>
        <v>1.5314690000000004</v>
      </c>
      <c r="E308">
        <f t="shared" si="16"/>
        <v>23.823042999999984</v>
      </c>
      <c r="F308">
        <f t="shared" si="14"/>
        <v>1.488812888043228E-2</v>
      </c>
    </row>
    <row r="309" spans="1:6" x14ac:dyDescent="0.2">
      <c r="A309">
        <v>1043.454371</v>
      </c>
      <c r="B309">
        <v>20.084285999999999</v>
      </c>
      <c r="C309">
        <v>9.3366659999999992</v>
      </c>
      <c r="D309">
        <f t="shared" si="15"/>
        <v>1.5364739999999992</v>
      </c>
      <c r="E309">
        <f t="shared" si="16"/>
        <v>22.439545000000066</v>
      </c>
      <c r="F309">
        <f t="shared" si="14"/>
        <v>1.3996368506690601E-2</v>
      </c>
    </row>
    <row r="310" spans="1:6" x14ac:dyDescent="0.2">
      <c r="A310">
        <v>1042.2366050000001</v>
      </c>
      <c r="B310">
        <v>20.087842999999999</v>
      </c>
      <c r="C310">
        <v>9.3416700000000006</v>
      </c>
      <c r="D310">
        <f t="shared" si="15"/>
        <v>1.5414780000000006</v>
      </c>
      <c r="E310">
        <f t="shared" si="16"/>
        <v>21.221779000000083</v>
      </c>
      <c r="F310">
        <f t="shared" si="14"/>
        <v>1.3209249231235846E-2</v>
      </c>
    </row>
    <row r="311" spans="1:6" x14ac:dyDescent="0.2">
      <c r="A311">
        <v>1041.188521</v>
      </c>
      <c r="B311">
        <v>20.069704000000002</v>
      </c>
      <c r="C311">
        <v>9.3466749999999994</v>
      </c>
      <c r="D311">
        <f t="shared" si="15"/>
        <v>1.5464829999999994</v>
      </c>
      <c r="E311">
        <f t="shared" si="16"/>
        <v>20.173695000000066</v>
      </c>
      <c r="F311">
        <f t="shared" si="14"/>
        <v>1.2528841897152089E-2</v>
      </c>
    </row>
    <row r="312" spans="1:6" x14ac:dyDescent="0.2">
      <c r="A312">
        <v>1040.4997089999999</v>
      </c>
      <c r="B312">
        <v>20.038215999999998</v>
      </c>
      <c r="C312">
        <v>9.35168</v>
      </c>
      <c r="D312">
        <f t="shared" si="15"/>
        <v>1.551488</v>
      </c>
      <c r="E312">
        <f t="shared" si="16"/>
        <v>19.484882999999968</v>
      </c>
      <c r="F312">
        <f t="shared" si="14"/>
        <v>1.207000412118309E-2</v>
      </c>
    </row>
    <row r="313" spans="1:6" x14ac:dyDescent="0.2">
      <c r="A313">
        <v>1040.415019</v>
      </c>
      <c r="B313">
        <v>19.990423</v>
      </c>
      <c r="C313">
        <v>9.3566850000000006</v>
      </c>
      <c r="D313">
        <f t="shared" si="15"/>
        <v>1.5564930000000006</v>
      </c>
      <c r="E313">
        <f t="shared" si="16"/>
        <v>19.400193000000058</v>
      </c>
      <c r="F313">
        <f t="shared" si="14"/>
        <v>1.1979874424909864E-2</v>
      </c>
    </row>
    <row r="314" spans="1:6" x14ac:dyDescent="0.2">
      <c r="A314">
        <v>1040.8275759999999</v>
      </c>
      <c r="B314">
        <v>19.949573999999998</v>
      </c>
      <c r="C314">
        <v>9.3616899999999994</v>
      </c>
      <c r="D314">
        <f t="shared" si="15"/>
        <v>1.5614979999999994</v>
      </c>
      <c r="E314">
        <f t="shared" si="16"/>
        <v>19.812749999999937</v>
      </c>
      <c r="F314">
        <f t="shared" si="14"/>
        <v>1.2190584726533426E-2</v>
      </c>
    </row>
    <row r="315" spans="1:6" x14ac:dyDescent="0.2">
      <c r="A315">
        <v>1041.6438539999999</v>
      </c>
      <c r="B315">
        <v>19.954416999999999</v>
      </c>
      <c r="C315">
        <v>9.3666940000000007</v>
      </c>
      <c r="D315">
        <f t="shared" si="15"/>
        <v>1.5665020000000007</v>
      </c>
      <c r="E315">
        <f t="shared" si="16"/>
        <v>20.629027999999948</v>
      </c>
      <c r="F315">
        <f t="shared" si="14"/>
        <v>1.2642371728444467E-2</v>
      </c>
    </row>
    <row r="316" spans="1:6" x14ac:dyDescent="0.2">
      <c r="A316">
        <v>1042.388903</v>
      </c>
      <c r="B316">
        <v>19.940546999999999</v>
      </c>
      <c r="C316">
        <v>9.3716989999999996</v>
      </c>
      <c r="D316">
        <f t="shared" si="15"/>
        <v>1.5715069999999995</v>
      </c>
      <c r="E316">
        <f t="shared" si="16"/>
        <v>21.374077000000057</v>
      </c>
      <c r="F316">
        <f t="shared" si="14"/>
        <v>1.3047919553460611E-2</v>
      </c>
    </row>
    <row r="317" spans="1:6" x14ac:dyDescent="0.2">
      <c r="A317">
        <v>1043.0716199999999</v>
      </c>
      <c r="B317">
        <v>19.932048999999999</v>
      </c>
      <c r="C317">
        <v>9.3767040000000001</v>
      </c>
      <c r="D317">
        <f t="shared" si="15"/>
        <v>1.5765120000000001</v>
      </c>
      <c r="E317">
        <f t="shared" si="16"/>
        <v>22.056793999999968</v>
      </c>
      <c r="F317">
        <f t="shared" si="14"/>
        <v>1.3413156043576463E-2</v>
      </c>
    </row>
    <row r="318" spans="1:6" x14ac:dyDescent="0.2">
      <c r="A318">
        <v>1043.8887709999999</v>
      </c>
      <c r="B318">
        <v>19.942350000000001</v>
      </c>
      <c r="C318">
        <v>9.3817090000000007</v>
      </c>
      <c r="D318">
        <f t="shared" si="15"/>
        <v>1.5815170000000007</v>
      </c>
      <c r="E318">
        <f t="shared" si="16"/>
        <v>22.873944999999935</v>
      </c>
      <c r="F318">
        <f t="shared" si="14"/>
        <v>1.385520583103836E-2</v>
      </c>
    </row>
    <row r="319" spans="1:6" x14ac:dyDescent="0.2">
      <c r="A319">
        <v>1044.5237629999999</v>
      </c>
      <c r="B319">
        <v>19.963895000000001</v>
      </c>
      <c r="C319">
        <v>9.3867139999999996</v>
      </c>
      <c r="D319">
        <f t="shared" si="15"/>
        <v>1.5865219999999995</v>
      </c>
      <c r="E319">
        <f t="shared" si="16"/>
        <v>23.508936999999946</v>
      </c>
      <c r="F319">
        <f t="shared" si="14"/>
        <v>1.4186281348702982E-2</v>
      </c>
    </row>
    <row r="320" spans="1:6" x14ac:dyDescent="0.2">
      <c r="A320">
        <v>1045.256335</v>
      </c>
      <c r="B320">
        <v>19.939789999999999</v>
      </c>
      <c r="C320">
        <v>9.3917179999999991</v>
      </c>
      <c r="D320">
        <f t="shared" si="15"/>
        <v>1.5915259999999991</v>
      </c>
      <c r="E320">
        <f t="shared" si="16"/>
        <v>24.241509000000065</v>
      </c>
      <c r="F320">
        <f t="shared" si="14"/>
        <v>1.4572132259124971E-2</v>
      </c>
    </row>
    <row r="321" spans="1:6" x14ac:dyDescent="0.2">
      <c r="A321">
        <v>1045.8676889999999</v>
      </c>
      <c r="B321">
        <v>19.965593999999999</v>
      </c>
      <c r="C321">
        <v>9.3967229999999997</v>
      </c>
      <c r="D321">
        <f t="shared" si="15"/>
        <v>1.5965309999999997</v>
      </c>
      <c r="E321">
        <f t="shared" si="16"/>
        <v>24.852862999999957</v>
      </c>
      <c r="F321">
        <f t="shared" si="14"/>
        <v>1.4884091253184205E-2</v>
      </c>
    </row>
    <row r="322" spans="1:6" x14ac:dyDescent="0.2">
      <c r="A322">
        <v>1046.0613510000001</v>
      </c>
      <c r="B322">
        <v>19.981321999999999</v>
      </c>
      <c r="C322">
        <v>9.4017280000000003</v>
      </c>
      <c r="D322">
        <f t="shared" si="15"/>
        <v>1.6015360000000003</v>
      </c>
      <c r="E322">
        <f t="shared" si="16"/>
        <v>25.046525000000088</v>
      </c>
      <c r="F322">
        <f t="shared" si="14"/>
        <v>1.4950427723968178E-2</v>
      </c>
    </row>
    <row r="323" spans="1:6" x14ac:dyDescent="0.2">
      <c r="A323">
        <v>1046.441135</v>
      </c>
      <c r="B323">
        <v>19.975494999999999</v>
      </c>
      <c r="C323">
        <v>9.4067329999999991</v>
      </c>
      <c r="D323">
        <f t="shared" si="15"/>
        <v>1.6065409999999991</v>
      </c>
      <c r="E323">
        <f t="shared" si="16"/>
        <v>25.42630900000006</v>
      </c>
      <c r="F323">
        <f t="shared" ref="F323:F386" si="17">(1/A323)*(E323/D323)</f>
        <v>1.512434947208084E-2</v>
      </c>
    </row>
    <row r="324" spans="1:6" x14ac:dyDescent="0.2">
      <c r="A324">
        <v>1046.4441380000001</v>
      </c>
      <c r="B324">
        <v>20.016278</v>
      </c>
      <c r="C324">
        <v>9.4117379999999997</v>
      </c>
      <c r="D324">
        <f t="shared" si="15"/>
        <v>1.6115459999999997</v>
      </c>
      <c r="E324">
        <f t="shared" si="16"/>
        <v>25.429312000000095</v>
      </c>
      <c r="F324">
        <f t="shared" si="17"/>
        <v>1.5079115033349201E-2</v>
      </c>
    </row>
    <row r="325" spans="1:6" x14ac:dyDescent="0.2">
      <c r="A325">
        <v>1045.9627270000001</v>
      </c>
      <c r="B325">
        <v>20.036594000000001</v>
      </c>
      <c r="C325">
        <v>9.4167419999999993</v>
      </c>
      <c r="D325">
        <f t="shared" si="15"/>
        <v>1.6165499999999993</v>
      </c>
      <c r="E325">
        <f t="shared" si="16"/>
        <v>24.947901000000115</v>
      </c>
      <c r="F325">
        <f t="shared" si="17"/>
        <v>1.4754641489043261E-2</v>
      </c>
    </row>
    <row r="326" spans="1:6" x14ac:dyDescent="0.2">
      <c r="A326">
        <v>1045.5045829999999</v>
      </c>
      <c r="B326">
        <v>20.043503999999999</v>
      </c>
      <c r="C326">
        <v>9.4217469999999999</v>
      </c>
      <c r="D326">
        <f t="shared" si="15"/>
        <v>1.6215549999999999</v>
      </c>
      <c r="E326">
        <f t="shared" si="16"/>
        <v>24.48975699999994</v>
      </c>
      <c r="F326">
        <f t="shared" si="17"/>
        <v>1.4445309498321306E-2</v>
      </c>
    </row>
    <row r="327" spans="1:6" x14ac:dyDescent="0.2">
      <c r="A327">
        <v>1044.9352260000001</v>
      </c>
      <c r="B327">
        <v>20.036773</v>
      </c>
      <c r="C327">
        <v>9.4267520000000005</v>
      </c>
      <c r="D327">
        <f t="shared" ref="D327:D390" si="18">C327-$C$2</f>
        <v>1.6265600000000004</v>
      </c>
      <c r="E327">
        <f t="shared" ref="E327:E390" si="19">A327-$A$2</f>
        <v>23.920400000000086</v>
      </c>
      <c r="F327">
        <f t="shared" si="17"/>
        <v>1.4073722375119091E-2</v>
      </c>
    </row>
    <row r="328" spans="1:6" x14ac:dyDescent="0.2">
      <c r="A328">
        <v>1044.3534589999999</v>
      </c>
      <c r="B328">
        <v>20.032181000000001</v>
      </c>
      <c r="C328">
        <v>9.4317569999999993</v>
      </c>
      <c r="D328">
        <f t="shared" si="18"/>
        <v>1.6315649999999993</v>
      </c>
      <c r="E328">
        <f t="shared" si="19"/>
        <v>23.338632999999959</v>
      </c>
      <c r="F328">
        <f t="shared" si="17"/>
        <v>1.3696939104552918E-2</v>
      </c>
    </row>
    <row r="329" spans="1:6" x14ac:dyDescent="0.2">
      <c r="A329">
        <v>1043.8135360000001</v>
      </c>
      <c r="B329">
        <v>20.026347999999999</v>
      </c>
      <c r="C329">
        <v>9.4367619999999999</v>
      </c>
      <c r="D329">
        <f t="shared" si="18"/>
        <v>1.6365699999999999</v>
      </c>
      <c r="E329">
        <f t="shared" si="19"/>
        <v>22.798710000000142</v>
      </c>
      <c r="F329">
        <f t="shared" si="17"/>
        <v>1.3346050508416628E-2</v>
      </c>
    </row>
    <row r="330" spans="1:6" x14ac:dyDescent="0.2">
      <c r="A330">
        <v>1043.306781</v>
      </c>
      <c r="B330">
        <v>20.063547</v>
      </c>
      <c r="C330">
        <v>9.4417659999999994</v>
      </c>
      <c r="D330">
        <f t="shared" si="18"/>
        <v>1.6415739999999994</v>
      </c>
      <c r="E330">
        <f t="shared" si="19"/>
        <v>22.29195500000003</v>
      </c>
      <c r="F330">
        <f t="shared" si="17"/>
        <v>1.3015943737492083E-2</v>
      </c>
    </row>
    <row r="331" spans="1:6" x14ac:dyDescent="0.2">
      <c r="A331">
        <v>1042.966156</v>
      </c>
      <c r="B331">
        <v>20.002763000000002</v>
      </c>
      <c r="C331">
        <v>9.446771</v>
      </c>
      <c r="D331">
        <f t="shared" si="18"/>
        <v>1.646579</v>
      </c>
      <c r="E331">
        <f t="shared" si="19"/>
        <v>21.951329999999984</v>
      </c>
      <c r="F331">
        <f t="shared" si="17"/>
        <v>1.2782271871915302E-2</v>
      </c>
    </row>
    <row r="332" spans="1:6" x14ac:dyDescent="0.2">
      <c r="A332">
        <v>1042.489026</v>
      </c>
      <c r="B332">
        <v>20.043458999999999</v>
      </c>
      <c r="C332">
        <v>9.4517760000000006</v>
      </c>
      <c r="D332">
        <f t="shared" si="18"/>
        <v>1.6515840000000006</v>
      </c>
      <c r="E332">
        <f t="shared" si="19"/>
        <v>21.474199999999996</v>
      </c>
      <c r="F332">
        <f t="shared" si="17"/>
        <v>1.2472250781736248E-2</v>
      </c>
    </row>
    <row r="333" spans="1:6" x14ac:dyDescent="0.2">
      <c r="A333">
        <v>1042.405759</v>
      </c>
      <c r="B333">
        <v>19.977423999999999</v>
      </c>
      <c r="C333">
        <v>9.4567809999999994</v>
      </c>
      <c r="D333">
        <f t="shared" si="18"/>
        <v>1.6565889999999994</v>
      </c>
      <c r="E333">
        <f t="shared" si="19"/>
        <v>21.390933000000018</v>
      </c>
      <c r="F333">
        <f t="shared" si="17"/>
        <v>1.2387342684489887E-2</v>
      </c>
    </row>
    <row r="334" spans="1:6" x14ac:dyDescent="0.2">
      <c r="A334">
        <v>1042.8014109999999</v>
      </c>
      <c r="B334">
        <v>19.964503000000001</v>
      </c>
      <c r="C334">
        <v>9.461786</v>
      </c>
      <c r="D334">
        <f t="shared" si="18"/>
        <v>1.661594</v>
      </c>
      <c r="E334">
        <f t="shared" si="19"/>
        <v>21.786584999999945</v>
      </c>
      <c r="F334">
        <f t="shared" si="17"/>
        <v>1.2573686718740996E-2</v>
      </c>
    </row>
    <row r="335" spans="1:6" x14ac:dyDescent="0.2">
      <c r="A335">
        <v>1043.4069420000001</v>
      </c>
      <c r="B335">
        <v>19.957139000000002</v>
      </c>
      <c r="C335">
        <v>9.4667899999999996</v>
      </c>
      <c r="D335">
        <f t="shared" si="18"/>
        <v>1.6665979999999996</v>
      </c>
      <c r="E335">
        <f t="shared" si="19"/>
        <v>22.392116000000101</v>
      </c>
      <c r="F335">
        <f t="shared" si="17"/>
        <v>1.2876877290235709E-2</v>
      </c>
    </row>
    <row r="336" spans="1:6" x14ac:dyDescent="0.2">
      <c r="A336">
        <v>1043.704244</v>
      </c>
      <c r="B336">
        <v>19.983485999999999</v>
      </c>
      <c r="C336">
        <v>9.4717950000000002</v>
      </c>
      <c r="D336">
        <f t="shared" si="18"/>
        <v>1.6716030000000002</v>
      </c>
      <c r="E336">
        <f t="shared" si="19"/>
        <v>22.689418000000046</v>
      </c>
      <c r="F336">
        <f t="shared" si="17"/>
        <v>1.3005072113967215E-2</v>
      </c>
    </row>
    <row r="337" spans="1:6" x14ac:dyDescent="0.2">
      <c r="A337">
        <v>1043.680674</v>
      </c>
      <c r="B337">
        <v>20.021093</v>
      </c>
      <c r="C337">
        <v>9.4768000000000008</v>
      </c>
      <c r="D337">
        <f t="shared" si="18"/>
        <v>1.6766080000000008</v>
      </c>
      <c r="E337">
        <f t="shared" si="19"/>
        <v>22.665847999999983</v>
      </c>
      <c r="F337">
        <f t="shared" si="17"/>
        <v>1.2953072498552902E-2</v>
      </c>
    </row>
    <row r="338" spans="1:6" x14ac:dyDescent="0.2">
      <c r="A338">
        <v>1043.3962180000001</v>
      </c>
      <c r="B338">
        <v>20.017752999999999</v>
      </c>
      <c r="C338">
        <v>9.4818049999999996</v>
      </c>
      <c r="D338">
        <f t="shared" si="18"/>
        <v>1.6816129999999996</v>
      </c>
      <c r="E338">
        <f t="shared" si="19"/>
        <v>22.381392000000119</v>
      </c>
      <c r="F338">
        <f t="shared" si="17"/>
        <v>1.2755919783365348E-2</v>
      </c>
    </row>
    <row r="339" spans="1:6" x14ac:dyDescent="0.2">
      <c r="A339">
        <v>1043.363734</v>
      </c>
      <c r="B339">
        <v>19.998063999999999</v>
      </c>
      <c r="C339">
        <v>9.4868100000000002</v>
      </c>
      <c r="D339">
        <f t="shared" si="18"/>
        <v>1.6866180000000002</v>
      </c>
      <c r="E339">
        <f t="shared" si="19"/>
        <v>22.348908000000051</v>
      </c>
      <c r="F339">
        <f t="shared" si="17"/>
        <v>1.2700003472210003E-2</v>
      </c>
    </row>
    <row r="340" spans="1:6" x14ac:dyDescent="0.2">
      <c r="A340">
        <v>1043.445473</v>
      </c>
      <c r="B340">
        <v>19.969190999999999</v>
      </c>
      <c r="C340">
        <v>9.4918139999999998</v>
      </c>
      <c r="D340">
        <f t="shared" si="18"/>
        <v>1.6916219999999997</v>
      </c>
      <c r="E340">
        <f t="shared" si="19"/>
        <v>22.430647000000022</v>
      </c>
      <c r="F340">
        <f t="shared" si="17"/>
        <v>1.2707751596842169E-2</v>
      </c>
    </row>
    <row r="341" spans="1:6" x14ac:dyDescent="0.2">
      <c r="A341">
        <v>1044.179654</v>
      </c>
      <c r="B341">
        <v>19.931395999999999</v>
      </c>
      <c r="C341">
        <v>9.4968190000000003</v>
      </c>
      <c r="D341">
        <f t="shared" si="18"/>
        <v>1.6966270000000003</v>
      </c>
      <c r="E341">
        <f t="shared" si="19"/>
        <v>23.164828000000057</v>
      </c>
      <c r="F341">
        <f t="shared" si="17"/>
        <v>1.3075776212802658E-2</v>
      </c>
    </row>
    <row r="342" spans="1:6" x14ac:dyDescent="0.2">
      <c r="A342">
        <v>1044.7880029999999</v>
      </c>
      <c r="B342">
        <v>19.978109</v>
      </c>
      <c r="C342">
        <v>9.5018239999999992</v>
      </c>
      <c r="D342">
        <f t="shared" si="18"/>
        <v>1.7016319999999991</v>
      </c>
      <c r="E342">
        <f t="shared" si="19"/>
        <v>23.773176999999919</v>
      </c>
      <c r="F342">
        <f t="shared" si="17"/>
        <v>1.3371908700324181E-2</v>
      </c>
    </row>
    <row r="343" spans="1:6" x14ac:dyDescent="0.2">
      <c r="A343">
        <v>1045.1123439999999</v>
      </c>
      <c r="B343">
        <v>19.978878000000002</v>
      </c>
      <c r="C343">
        <v>9.5068289999999998</v>
      </c>
      <c r="D343">
        <f t="shared" si="18"/>
        <v>1.7066369999999997</v>
      </c>
      <c r="E343">
        <f t="shared" si="19"/>
        <v>24.097517999999923</v>
      </c>
      <c r="F343">
        <f t="shared" si="17"/>
        <v>1.3510399123595687E-2</v>
      </c>
    </row>
    <row r="344" spans="1:6" x14ac:dyDescent="0.2">
      <c r="A344">
        <v>1045.3385490000001</v>
      </c>
      <c r="B344">
        <v>19.972691000000001</v>
      </c>
      <c r="C344">
        <v>9.5118340000000003</v>
      </c>
      <c r="D344">
        <f t="shared" si="18"/>
        <v>1.7116420000000003</v>
      </c>
      <c r="E344">
        <f t="shared" si="19"/>
        <v>24.323723000000086</v>
      </c>
      <c r="F344">
        <f t="shared" si="17"/>
        <v>1.3594403249578293E-2</v>
      </c>
    </row>
    <row r="345" spans="1:6" x14ac:dyDescent="0.2">
      <c r="A345">
        <v>1045.5575630000001</v>
      </c>
      <c r="B345">
        <v>20.007435000000001</v>
      </c>
      <c r="C345">
        <v>9.5168379999999999</v>
      </c>
      <c r="D345">
        <f t="shared" si="18"/>
        <v>1.7166459999999999</v>
      </c>
      <c r="E345">
        <f t="shared" si="19"/>
        <v>24.542737000000102</v>
      </c>
      <c r="F345">
        <f t="shared" si="17"/>
        <v>1.367395983167439E-2</v>
      </c>
    </row>
    <row r="346" spans="1:6" x14ac:dyDescent="0.2">
      <c r="A346">
        <v>1044.953692</v>
      </c>
      <c r="B346">
        <v>20.062802000000001</v>
      </c>
      <c r="C346">
        <v>9.5218430000000005</v>
      </c>
      <c r="D346">
        <f t="shared" si="18"/>
        <v>1.7216510000000005</v>
      </c>
      <c r="E346">
        <f t="shared" si="19"/>
        <v>23.938866000000075</v>
      </c>
      <c r="F346">
        <f t="shared" si="17"/>
        <v>1.3306425593299911E-2</v>
      </c>
    </row>
    <row r="347" spans="1:6" x14ac:dyDescent="0.2">
      <c r="A347">
        <v>1044.093807</v>
      </c>
      <c r="B347">
        <v>20.058368999999999</v>
      </c>
      <c r="C347">
        <v>9.5268479999999993</v>
      </c>
      <c r="D347">
        <f t="shared" si="18"/>
        <v>1.7266559999999993</v>
      </c>
      <c r="E347">
        <f t="shared" si="19"/>
        <v>23.078980999999999</v>
      </c>
      <c r="F347">
        <f t="shared" si="17"/>
        <v>1.2801807360990508E-2</v>
      </c>
    </row>
    <row r="348" spans="1:6" x14ac:dyDescent="0.2">
      <c r="A348">
        <v>1043.5655690000001</v>
      </c>
      <c r="B348">
        <v>20.025479000000001</v>
      </c>
      <c r="C348">
        <v>9.5318529999999999</v>
      </c>
      <c r="D348">
        <f t="shared" si="18"/>
        <v>1.7316609999999999</v>
      </c>
      <c r="E348">
        <f t="shared" si="19"/>
        <v>22.550743000000125</v>
      </c>
      <c r="F348">
        <f t="shared" si="17"/>
        <v>1.2478955552023135E-2</v>
      </c>
    </row>
    <row r="349" spans="1:6" x14ac:dyDescent="0.2">
      <c r="A349">
        <v>1042.499562</v>
      </c>
      <c r="B349">
        <v>20.087990000000001</v>
      </c>
      <c r="C349">
        <v>9.5368580000000005</v>
      </c>
      <c r="D349">
        <f t="shared" si="18"/>
        <v>1.7366660000000005</v>
      </c>
      <c r="E349">
        <f t="shared" si="19"/>
        <v>21.484735999999998</v>
      </c>
      <c r="F349">
        <f t="shared" si="17"/>
        <v>1.1866915187555912E-2</v>
      </c>
    </row>
    <row r="350" spans="1:6" x14ac:dyDescent="0.2">
      <c r="A350">
        <v>1041.2429070000001</v>
      </c>
      <c r="B350">
        <v>20.092853999999999</v>
      </c>
      <c r="C350">
        <v>9.5418620000000001</v>
      </c>
      <c r="D350">
        <f t="shared" si="18"/>
        <v>1.7416700000000001</v>
      </c>
      <c r="E350">
        <f t="shared" si="19"/>
        <v>20.228081000000088</v>
      </c>
      <c r="F350">
        <f t="shared" si="17"/>
        <v>1.1154157094770883E-2</v>
      </c>
    </row>
    <row r="351" spans="1:6" x14ac:dyDescent="0.2">
      <c r="A351">
        <v>1039.9390109999999</v>
      </c>
      <c r="B351">
        <v>20.091287999999999</v>
      </c>
      <c r="C351">
        <v>9.5468670000000007</v>
      </c>
      <c r="D351">
        <f t="shared" si="18"/>
        <v>1.7466750000000006</v>
      </c>
      <c r="E351">
        <f t="shared" si="19"/>
        <v>18.924184999999966</v>
      </c>
      <c r="F351">
        <f t="shared" si="17"/>
        <v>1.0418308435015872E-2</v>
      </c>
    </row>
    <row r="352" spans="1:6" x14ac:dyDescent="0.2">
      <c r="A352">
        <v>1039.2602010000001</v>
      </c>
      <c r="B352">
        <v>20.036708000000001</v>
      </c>
      <c r="C352">
        <v>9.5518719999999995</v>
      </c>
      <c r="D352">
        <f t="shared" si="18"/>
        <v>1.7516799999999995</v>
      </c>
      <c r="E352">
        <f t="shared" si="19"/>
        <v>18.245375000000081</v>
      </c>
      <c r="F352">
        <f t="shared" si="17"/>
        <v>1.0022446033532339E-2</v>
      </c>
    </row>
    <row r="353" spans="1:6" x14ac:dyDescent="0.2">
      <c r="A353">
        <v>1038.7197779999999</v>
      </c>
      <c r="B353">
        <v>20.033674000000001</v>
      </c>
      <c r="C353">
        <v>9.5568770000000001</v>
      </c>
      <c r="D353">
        <f t="shared" si="18"/>
        <v>1.7566850000000001</v>
      </c>
      <c r="E353">
        <f t="shared" si="19"/>
        <v>17.704951999999935</v>
      </c>
      <c r="F353">
        <f t="shared" si="17"/>
        <v>9.702920202620334E-3</v>
      </c>
    </row>
    <row r="354" spans="1:6" x14ac:dyDescent="0.2">
      <c r="A354">
        <v>1038.574081</v>
      </c>
      <c r="B354">
        <v>20.012709999999998</v>
      </c>
      <c r="C354">
        <v>9.5618820000000007</v>
      </c>
      <c r="D354">
        <f t="shared" si="18"/>
        <v>1.7616900000000006</v>
      </c>
      <c r="E354">
        <f t="shared" si="19"/>
        <v>17.559255000000007</v>
      </c>
      <c r="F354">
        <f t="shared" si="17"/>
        <v>9.5970800364039398E-3</v>
      </c>
    </row>
    <row r="355" spans="1:6" x14ac:dyDescent="0.2">
      <c r="A355">
        <v>1038.407377</v>
      </c>
      <c r="B355">
        <v>20.007082</v>
      </c>
      <c r="C355">
        <v>9.5668860000000002</v>
      </c>
      <c r="D355">
        <f t="shared" si="18"/>
        <v>1.7666940000000002</v>
      </c>
      <c r="E355">
        <f t="shared" si="19"/>
        <v>17.392551000000026</v>
      </c>
      <c r="F355">
        <f t="shared" si="17"/>
        <v>9.4805642686034627E-3</v>
      </c>
    </row>
    <row r="356" spans="1:6" x14ac:dyDescent="0.2">
      <c r="A356">
        <v>1038.5956409999999</v>
      </c>
      <c r="B356">
        <v>19.976538999999999</v>
      </c>
      <c r="C356">
        <v>9.5718910000000008</v>
      </c>
      <c r="D356">
        <f t="shared" si="18"/>
        <v>1.7716990000000008</v>
      </c>
      <c r="E356">
        <f t="shared" si="19"/>
        <v>17.580814999999916</v>
      </c>
      <c r="F356">
        <f t="shared" si="17"/>
        <v>9.5543812800063556E-3</v>
      </c>
    </row>
    <row r="357" spans="1:6" x14ac:dyDescent="0.2">
      <c r="A357">
        <v>1039.3973060000001</v>
      </c>
      <c r="B357">
        <v>19.920074</v>
      </c>
      <c r="C357">
        <v>9.5768959999999996</v>
      </c>
      <c r="D357">
        <f t="shared" si="18"/>
        <v>1.7767039999999996</v>
      </c>
      <c r="E357">
        <f t="shared" si="19"/>
        <v>18.382480000000101</v>
      </c>
      <c r="F357">
        <f t="shared" si="17"/>
        <v>9.9542245899473334E-3</v>
      </c>
    </row>
    <row r="358" spans="1:6" x14ac:dyDescent="0.2">
      <c r="A358">
        <v>1040.4349199999999</v>
      </c>
      <c r="B358">
        <v>19.915821999999999</v>
      </c>
      <c r="C358">
        <v>9.5819010000000002</v>
      </c>
      <c r="D358">
        <f t="shared" si="18"/>
        <v>1.7817090000000002</v>
      </c>
      <c r="E358">
        <f t="shared" si="19"/>
        <v>19.420093999999949</v>
      </c>
      <c r="F358">
        <f t="shared" si="17"/>
        <v>1.0476099967532338E-2</v>
      </c>
    </row>
    <row r="359" spans="1:6" x14ac:dyDescent="0.2">
      <c r="A359">
        <v>1041.7702879999999</v>
      </c>
      <c r="B359">
        <v>19.893184999999999</v>
      </c>
      <c r="C359">
        <v>9.5869060000000008</v>
      </c>
      <c r="D359">
        <f t="shared" si="18"/>
        <v>1.7867140000000008</v>
      </c>
      <c r="E359">
        <f t="shared" si="19"/>
        <v>20.755461999999966</v>
      </c>
      <c r="F359">
        <f t="shared" si="17"/>
        <v>1.1150783854642365E-2</v>
      </c>
    </row>
    <row r="360" spans="1:6" x14ac:dyDescent="0.2">
      <c r="A360">
        <v>1043.274533</v>
      </c>
      <c r="B360">
        <v>19.894836000000002</v>
      </c>
      <c r="C360">
        <v>9.5919100000000004</v>
      </c>
      <c r="D360">
        <f t="shared" si="18"/>
        <v>1.7917180000000004</v>
      </c>
      <c r="E360">
        <f t="shared" si="19"/>
        <v>22.259707000000049</v>
      </c>
      <c r="F360">
        <f t="shared" si="17"/>
        <v>1.1908338760469761E-2</v>
      </c>
    </row>
    <row r="361" spans="1:6" x14ac:dyDescent="0.2">
      <c r="A361">
        <v>1044.760777</v>
      </c>
      <c r="B361">
        <v>19.890619000000001</v>
      </c>
      <c r="C361">
        <v>9.5969149999999992</v>
      </c>
      <c r="D361">
        <f t="shared" si="18"/>
        <v>1.7967229999999992</v>
      </c>
      <c r="E361">
        <f t="shared" si="19"/>
        <v>23.745950999999991</v>
      </c>
      <c r="F361">
        <f t="shared" si="17"/>
        <v>1.2650030723878951E-2</v>
      </c>
    </row>
    <row r="362" spans="1:6" x14ac:dyDescent="0.2">
      <c r="A362">
        <v>1045.9022729999999</v>
      </c>
      <c r="B362">
        <v>19.91835</v>
      </c>
      <c r="C362">
        <v>9.6019199999999998</v>
      </c>
      <c r="D362">
        <f t="shared" si="18"/>
        <v>1.8017279999999998</v>
      </c>
      <c r="E362">
        <f t="shared" si="19"/>
        <v>24.887446999999952</v>
      </c>
      <c r="F362">
        <f t="shared" si="17"/>
        <v>1.3206873362947239E-2</v>
      </c>
    </row>
    <row r="363" spans="1:6" x14ac:dyDescent="0.2">
      <c r="A363">
        <v>1046.689605</v>
      </c>
      <c r="B363">
        <v>19.963633999999999</v>
      </c>
      <c r="C363">
        <v>9.6069250000000004</v>
      </c>
      <c r="D363">
        <f t="shared" si="18"/>
        <v>1.8067330000000004</v>
      </c>
      <c r="E363">
        <f t="shared" si="19"/>
        <v>25.674779000000058</v>
      </c>
      <c r="F363">
        <f t="shared" si="17"/>
        <v>1.3576718890730109E-2</v>
      </c>
    </row>
    <row r="364" spans="1:6" x14ac:dyDescent="0.2">
      <c r="A364">
        <v>1047.2604819999999</v>
      </c>
      <c r="B364">
        <v>19.956121</v>
      </c>
      <c r="C364">
        <v>9.6119299999999992</v>
      </c>
      <c r="D364">
        <f t="shared" si="18"/>
        <v>1.8117379999999992</v>
      </c>
      <c r="E364">
        <f t="shared" si="19"/>
        <v>26.24565599999994</v>
      </c>
      <c r="F364">
        <f t="shared" si="17"/>
        <v>1.3832711616981783E-2</v>
      </c>
    </row>
    <row r="365" spans="1:6" x14ac:dyDescent="0.2">
      <c r="A365">
        <v>1047.636469</v>
      </c>
      <c r="B365">
        <v>19.972756</v>
      </c>
      <c r="C365">
        <v>9.6169340000000005</v>
      </c>
      <c r="D365">
        <f t="shared" si="18"/>
        <v>1.8167420000000005</v>
      </c>
      <c r="E365">
        <f t="shared" si="19"/>
        <v>26.621643000000063</v>
      </c>
      <c r="F365">
        <f t="shared" si="17"/>
        <v>1.3987206627872163E-2</v>
      </c>
    </row>
    <row r="366" spans="1:6" x14ac:dyDescent="0.2">
      <c r="A366">
        <v>1047.5528280000001</v>
      </c>
      <c r="B366">
        <v>20.017105999999998</v>
      </c>
      <c r="C366">
        <v>9.6219389999999994</v>
      </c>
      <c r="D366">
        <f t="shared" si="18"/>
        <v>1.8217469999999993</v>
      </c>
      <c r="E366">
        <f t="shared" si="19"/>
        <v>26.53800200000012</v>
      </c>
      <c r="F366">
        <f t="shared" si="17"/>
        <v>1.3906064065112559E-2</v>
      </c>
    </row>
    <row r="367" spans="1:6" x14ac:dyDescent="0.2">
      <c r="A367">
        <v>1047.1024010000001</v>
      </c>
      <c r="B367">
        <v>20.048114000000002</v>
      </c>
      <c r="C367">
        <v>9.6269439999999999</v>
      </c>
      <c r="D367">
        <f t="shared" si="18"/>
        <v>1.8267519999999999</v>
      </c>
      <c r="E367">
        <f t="shared" si="19"/>
        <v>26.087575000000129</v>
      </c>
      <c r="F367">
        <f t="shared" si="17"/>
        <v>1.363844836212044E-2</v>
      </c>
    </row>
    <row r="368" spans="1:6" x14ac:dyDescent="0.2">
      <c r="A368">
        <v>1046.15453</v>
      </c>
      <c r="B368">
        <v>20.072485</v>
      </c>
      <c r="C368">
        <v>9.6319490000000005</v>
      </c>
      <c r="D368">
        <f t="shared" si="18"/>
        <v>1.8317570000000005</v>
      </c>
      <c r="E368">
        <f t="shared" si="19"/>
        <v>25.139704000000052</v>
      </c>
      <c r="F368">
        <f t="shared" si="17"/>
        <v>1.311887095479237E-2</v>
      </c>
    </row>
    <row r="369" spans="1:6" x14ac:dyDescent="0.2">
      <c r="A369">
        <v>1045.1782020000001</v>
      </c>
      <c r="B369">
        <v>20.059282</v>
      </c>
      <c r="C369">
        <v>9.6369539999999994</v>
      </c>
      <c r="D369">
        <f t="shared" si="18"/>
        <v>1.8367619999999993</v>
      </c>
      <c r="E369">
        <f t="shared" si="19"/>
        <v>24.163376000000085</v>
      </c>
      <c r="F369">
        <f t="shared" si="17"/>
        <v>1.2586772494681851E-2</v>
      </c>
    </row>
    <row r="370" spans="1:6" x14ac:dyDescent="0.2">
      <c r="A370">
        <v>1044.6628310000001</v>
      </c>
      <c r="B370">
        <v>20.038188000000002</v>
      </c>
      <c r="C370">
        <v>9.6419580000000007</v>
      </c>
      <c r="D370">
        <f t="shared" si="18"/>
        <v>1.8417660000000007</v>
      </c>
      <c r="E370">
        <f t="shared" si="19"/>
        <v>23.648005000000126</v>
      </c>
      <c r="F370">
        <f t="shared" si="17"/>
        <v>1.2290906483559101E-2</v>
      </c>
    </row>
    <row r="371" spans="1:6" x14ac:dyDescent="0.2">
      <c r="A371">
        <v>1043.6725960000001</v>
      </c>
      <c r="B371">
        <v>20.075012000000001</v>
      </c>
      <c r="C371">
        <v>9.6469629999999995</v>
      </c>
      <c r="D371">
        <f t="shared" si="18"/>
        <v>1.8467709999999995</v>
      </c>
      <c r="E371">
        <f t="shared" si="19"/>
        <v>22.657770000000141</v>
      </c>
      <c r="F371">
        <f t="shared" si="17"/>
        <v>1.1755465670213582E-2</v>
      </c>
    </row>
    <row r="372" spans="1:6" x14ac:dyDescent="0.2">
      <c r="A372">
        <v>1042.379279</v>
      </c>
      <c r="B372">
        <v>20.095199999999998</v>
      </c>
      <c r="C372">
        <v>9.6519680000000001</v>
      </c>
      <c r="D372">
        <f t="shared" si="18"/>
        <v>1.8517760000000001</v>
      </c>
      <c r="E372">
        <f t="shared" si="19"/>
        <v>21.364453000000026</v>
      </c>
      <c r="F372">
        <f t="shared" si="17"/>
        <v>1.1068214247257296E-2</v>
      </c>
    </row>
    <row r="373" spans="1:6" x14ac:dyDescent="0.2">
      <c r="A373">
        <v>1041.372177</v>
      </c>
      <c r="B373">
        <v>20.066072999999999</v>
      </c>
      <c r="C373">
        <v>9.6569730000000007</v>
      </c>
      <c r="D373">
        <f t="shared" si="18"/>
        <v>1.8567810000000007</v>
      </c>
      <c r="E373">
        <f t="shared" si="19"/>
        <v>20.357350999999994</v>
      </c>
      <c r="F373">
        <f t="shared" si="17"/>
        <v>1.052821175012935E-2</v>
      </c>
    </row>
    <row r="374" spans="1:6" x14ac:dyDescent="0.2">
      <c r="A374">
        <v>1040.9497859999999</v>
      </c>
      <c r="B374">
        <v>20.026831999999999</v>
      </c>
      <c r="C374">
        <v>9.6619779999999995</v>
      </c>
      <c r="D374">
        <f t="shared" si="18"/>
        <v>1.8617859999999995</v>
      </c>
      <c r="E374">
        <f t="shared" si="19"/>
        <v>19.934959999999933</v>
      </c>
      <c r="F374">
        <f t="shared" si="17"/>
        <v>1.0286220459442871E-2</v>
      </c>
    </row>
    <row r="375" spans="1:6" x14ac:dyDescent="0.2">
      <c r="A375">
        <v>1040.5808</v>
      </c>
      <c r="B375">
        <v>20.008901000000002</v>
      </c>
      <c r="C375">
        <v>9.6669820000000009</v>
      </c>
      <c r="D375">
        <f t="shared" si="18"/>
        <v>1.8667900000000008</v>
      </c>
      <c r="E375">
        <f t="shared" si="19"/>
        <v>19.565973999999983</v>
      </c>
      <c r="F375">
        <f t="shared" si="17"/>
        <v>1.0072335839593511E-2</v>
      </c>
    </row>
    <row r="376" spans="1:6" x14ac:dyDescent="0.2">
      <c r="A376">
        <v>1040.162761</v>
      </c>
      <c r="B376">
        <v>20.040611999999999</v>
      </c>
      <c r="C376">
        <v>9.6719869999999997</v>
      </c>
      <c r="D376">
        <f t="shared" si="18"/>
        <v>1.8717949999999997</v>
      </c>
      <c r="E376">
        <f t="shared" si="19"/>
        <v>19.147935000000075</v>
      </c>
      <c r="F376">
        <f t="shared" si="17"/>
        <v>9.8347281613214398E-3</v>
      </c>
    </row>
    <row r="377" spans="1:6" x14ac:dyDescent="0.2">
      <c r="A377">
        <v>1039.8450949999999</v>
      </c>
      <c r="B377">
        <v>20.011592</v>
      </c>
      <c r="C377">
        <v>9.6769920000000003</v>
      </c>
      <c r="D377">
        <f t="shared" si="18"/>
        <v>1.8768000000000002</v>
      </c>
      <c r="E377">
        <f t="shared" si="19"/>
        <v>18.83026899999993</v>
      </c>
      <c r="F377">
        <f t="shared" si="17"/>
        <v>9.648723959391663E-3</v>
      </c>
    </row>
    <row r="378" spans="1:6" x14ac:dyDescent="0.2">
      <c r="A378">
        <v>1040.209081</v>
      </c>
      <c r="B378">
        <v>19.945509999999999</v>
      </c>
      <c r="C378">
        <v>9.6819970000000009</v>
      </c>
      <c r="D378">
        <f t="shared" si="18"/>
        <v>1.8818050000000008</v>
      </c>
      <c r="E378">
        <f t="shared" si="19"/>
        <v>19.194254999999998</v>
      </c>
      <c r="F378">
        <f t="shared" si="17"/>
        <v>9.8056412765238823E-3</v>
      </c>
    </row>
    <row r="379" spans="1:6" x14ac:dyDescent="0.2">
      <c r="A379">
        <v>1040.897058</v>
      </c>
      <c r="B379">
        <v>19.959161999999999</v>
      </c>
      <c r="C379">
        <v>9.6870019999999997</v>
      </c>
      <c r="D379">
        <f t="shared" si="18"/>
        <v>1.8868099999999997</v>
      </c>
      <c r="E379">
        <f t="shared" si="19"/>
        <v>19.882232000000045</v>
      </c>
      <c r="F379">
        <f t="shared" si="17"/>
        <v>1.01234650250975E-2</v>
      </c>
    </row>
    <row r="380" spans="1:6" x14ac:dyDescent="0.2">
      <c r="A380">
        <v>1041.661319</v>
      </c>
      <c r="B380">
        <v>19.939503999999999</v>
      </c>
      <c r="C380">
        <v>9.6920059999999992</v>
      </c>
      <c r="D380">
        <f t="shared" si="18"/>
        <v>1.8918139999999992</v>
      </c>
      <c r="E380">
        <f t="shared" si="19"/>
        <v>20.646493000000078</v>
      </c>
      <c r="F380">
        <f t="shared" si="17"/>
        <v>1.0477105590135592E-2</v>
      </c>
    </row>
    <row r="381" spans="1:6" x14ac:dyDescent="0.2">
      <c r="A381">
        <v>1042.5795519999999</v>
      </c>
      <c r="B381">
        <v>19.920359999999999</v>
      </c>
      <c r="C381">
        <v>9.6970109999999998</v>
      </c>
      <c r="D381">
        <f t="shared" si="18"/>
        <v>1.8968189999999998</v>
      </c>
      <c r="E381">
        <f t="shared" si="19"/>
        <v>21.564725999999951</v>
      </c>
      <c r="F381">
        <f t="shared" si="17"/>
        <v>1.0904577672255271E-2</v>
      </c>
    </row>
    <row r="382" spans="1:6" x14ac:dyDescent="0.2">
      <c r="A382">
        <v>1043.7435310000001</v>
      </c>
      <c r="B382">
        <v>19.933214</v>
      </c>
      <c r="C382">
        <v>9.7020160000000004</v>
      </c>
      <c r="D382">
        <f t="shared" si="18"/>
        <v>1.9018240000000004</v>
      </c>
      <c r="E382">
        <f t="shared" si="19"/>
        <v>22.728705000000105</v>
      </c>
      <c r="F382">
        <f t="shared" si="17"/>
        <v>1.1450134058431887E-2</v>
      </c>
    </row>
    <row r="383" spans="1:6" x14ac:dyDescent="0.2">
      <c r="A383">
        <v>1044.8380179999999</v>
      </c>
      <c r="B383">
        <v>19.901465000000002</v>
      </c>
      <c r="C383">
        <v>9.7070209999999992</v>
      </c>
      <c r="D383">
        <f t="shared" si="18"/>
        <v>1.9068289999999992</v>
      </c>
      <c r="E383">
        <f t="shared" si="19"/>
        <v>23.823191999999949</v>
      </c>
      <c r="F383">
        <f t="shared" si="17"/>
        <v>1.1957468237954016E-2</v>
      </c>
    </row>
    <row r="384" spans="1:6" x14ac:dyDescent="0.2">
      <c r="A384">
        <v>1045.609183</v>
      </c>
      <c r="B384">
        <v>19.955275</v>
      </c>
      <c r="C384">
        <v>9.7120259999999998</v>
      </c>
      <c r="D384">
        <f t="shared" si="18"/>
        <v>1.9118339999999998</v>
      </c>
      <c r="E384">
        <f t="shared" si="19"/>
        <v>24.594357000000059</v>
      </c>
      <c r="F384">
        <f t="shared" si="17"/>
        <v>1.230313822152982E-2</v>
      </c>
    </row>
    <row r="385" spans="1:6" x14ac:dyDescent="0.2">
      <c r="A385">
        <v>1045.998855</v>
      </c>
      <c r="B385">
        <v>19.971720999999999</v>
      </c>
      <c r="C385">
        <v>9.7170299999999994</v>
      </c>
      <c r="D385">
        <f t="shared" si="18"/>
        <v>1.9168379999999994</v>
      </c>
      <c r="E385">
        <f t="shared" si="19"/>
        <v>24.984029000000078</v>
      </c>
      <c r="F385">
        <f t="shared" si="17"/>
        <v>1.2460798000304692E-2</v>
      </c>
    </row>
    <row r="386" spans="1:6" x14ac:dyDescent="0.2">
      <c r="A386">
        <v>1046.438157</v>
      </c>
      <c r="B386">
        <v>19.983051</v>
      </c>
      <c r="C386">
        <v>9.722035</v>
      </c>
      <c r="D386">
        <f t="shared" si="18"/>
        <v>1.921843</v>
      </c>
      <c r="E386">
        <f t="shared" si="19"/>
        <v>25.423331000000076</v>
      </c>
      <c r="F386">
        <f t="shared" si="17"/>
        <v>1.2641568967387549E-2</v>
      </c>
    </row>
    <row r="387" spans="1:6" x14ac:dyDescent="0.2">
      <c r="A387">
        <v>1046.970102</v>
      </c>
      <c r="B387">
        <v>19.954248</v>
      </c>
      <c r="C387">
        <v>9.7270400000000006</v>
      </c>
      <c r="D387">
        <f t="shared" si="18"/>
        <v>1.9268480000000006</v>
      </c>
      <c r="E387">
        <f t="shared" si="19"/>
        <v>25.955276000000026</v>
      </c>
      <c r="F387">
        <f t="shared" ref="F387:F421" si="20">(1/A387)*(E387/D387)</f>
        <v>1.2866010899846967E-2</v>
      </c>
    </row>
    <row r="388" spans="1:6" x14ac:dyDescent="0.2">
      <c r="A388">
        <v>1047.455749</v>
      </c>
      <c r="B388">
        <v>19.975524</v>
      </c>
      <c r="C388">
        <v>9.7320449999999994</v>
      </c>
      <c r="D388">
        <f t="shared" si="18"/>
        <v>1.9318529999999994</v>
      </c>
      <c r="E388">
        <f t="shared" si="19"/>
        <v>26.440922999999998</v>
      </c>
      <c r="F388">
        <f t="shared" si="20"/>
        <v>1.3066727975673662E-2</v>
      </c>
    </row>
    <row r="389" spans="1:6" x14ac:dyDescent="0.2">
      <c r="A389">
        <v>1047.131691</v>
      </c>
      <c r="B389">
        <v>20.021896000000002</v>
      </c>
      <c r="C389">
        <v>9.73705</v>
      </c>
      <c r="D389">
        <f t="shared" si="18"/>
        <v>1.936858</v>
      </c>
      <c r="E389">
        <f t="shared" si="19"/>
        <v>26.116865000000075</v>
      </c>
      <c r="F389">
        <f t="shared" si="20"/>
        <v>1.2877215358002706E-2</v>
      </c>
    </row>
    <row r="390" spans="1:6" x14ac:dyDescent="0.2">
      <c r="A390">
        <v>1046.5979159999999</v>
      </c>
      <c r="B390">
        <v>20.037897000000001</v>
      </c>
      <c r="C390">
        <v>9.7420539999999995</v>
      </c>
      <c r="D390">
        <f t="shared" si="18"/>
        <v>1.9418619999999995</v>
      </c>
      <c r="E390">
        <f t="shared" si="19"/>
        <v>25.58308999999997</v>
      </c>
      <c r="F390">
        <f t="shared" si="20"/>
        <v>1.2587943062398054E-2</v>
      </c>
    </row>
    <row r="391" spans="1:6" x14ac:dyDescent="0.2">
      <c r="A391">
        <v>1046.3371299999999</v>
      </c>
      <c r="B391">
        <v>20.018087000000001</v>
      </c>
      <c r="C391">
        <v>9.7470590000000001</v>
      </c>
      <c r="D391">
        <f t="shared" ref="D391:D409" si="21">C391-$C$2</f>
        <v>1.9468670000000001</v>
      </c>
      <c r="E391">
        <f t="shared" ref="E391:E409" si="22">A391-$A$2</f>
        <v>25.322303999999917</v>
      </c>
      <c r="F391">
        <f t="shared" si="20"/>
        <v>1.2430691765019404E-2</v>
      </c>
    </row>
    <row r="392" spans="1:6" x14ac:dyDescent="0.2">
      <c r="A392">
        <v>1046.254772</v>
      </c>
      <c r="B392">
        <v>20.021654000000002</v>
      </c>
      <c r="C392">
        <v>9.7520640000000007</v>
      </c>
      <c r="D392">
        <f t="shared" si="21"/>
        <v>1.9518720000000007</v>
      </c>
      <c r="E392">
        <f t="shared" si="22"/>
        <v>25.239946000000032</v>
      </c>
      <c r="F392">
        <f t="shared" si="20"/>
        <v>1.2359463961478559E-2</v>
      </c>
    </row>
    <row r="393" spans="1:6" x14ac:dyDescent="0.2">
      <c r="A393">
        <v>1045.6735249999999</v>
      </c>
      <c r="B393">
        <v>20.045297000000001</v>
      </c>
      <c r="C393">
        <v>9.7570689999999995</v>
      </c>
      <c r="D393">
        <f t="shared" si="21"/>
        <v>1.9568769999999995</v>
      </c>
      <c r="E393">
        <f t="shared" si="22"/>
        <v>24.658698999999956</v>
      </c>
      <c r="F393">
        <f t="shared" si="20"/>
        <v>1.205065125306405E-2</v>
      </c>
    </row>
    <row r="394" spans="1:6" x14ac:dyDescent="0.2">
      <c r="A394">
        <v>1044.492172</v>
      </c>
      <c r="B394">
        <v>20.093696999999999</v>
      </c>
      <c r="C394">
        <v>9.7620740000000001</v>
      </c>
      <c r="D394">
        <f t="shared" si="21"/>
        <v>1.9618820000000001</v>
      </c>
      <c r="E394">
        <f t="shared" si="22"/>
        <v>23.477346000000011</v>
      </c>
      <c r="F394">
        <f t="shared" si="20"/>
        <v>1.1457000403027046E-2</v>
      </c>
    </row>
    <row r="395" spans="1:6" x14ac:dyDescent="0.2">
      <c r="A395">
        <v>1043.2146929999999</v>
      </c>
      <c r="B395">
        <v>20.079687</v>
      </c>
      <c r="C395">
        <v>9.7670779999999997</v>
      </c>
      <c r="D395">
        <f t="shared" si="21"/>
        <v>1.9668859999999997</v>
      </c>
      <c r="E395">
        <f t="shared" si="22"/>
        <v>22.199866999999927</v>
      </c>
      <c r="F395">
        <f t="shared" si="20"/>
        <v>1.0819258275077893E-2</v>
      </c>
    </row>
    <row r="396" spans="1:6" x14ac:dyDescent="0.2">
      <c r="A396">
        <v>1042.377602</v>
      </c>
      <c r="B396">
        <v>20.054511000000002</v>
      </c>
      <c r="C396">
        <v>9.7720830000000003</v>
      </c>
      <c r="D396">
        <f t="shared" si="21"/>
        <v>1.9718910000000003</v>
      </c>
      <c r="E396">
        <f t="shared" si="22"/>
        <v>21.362776000000054</v>
      </c>
      <c r="F396">
        <f t="shared" si="20"/>
        <v>1.0393210201845068E-2</v>
      </c>
    </row>
    <row r="397" spans="1:6" x14ac:dyDescent="0.2">
      <c r="A397">
        <v>1041.5781050000001</v>
      </c>
      <c r="B397">
        <v>20.073723000000001</v>
      </c>
      <c r="C397">
        <v>9.7770879999999991</v>
      </c>
      <c r="D397">
        <f t="shared" si="21"/>
        <v>1.9768959999999991</v>
      </c>
      <c r="E397">
        <f t="shared" si="22"/>
        <v>20.56327900000008</v>
      </c>
      <c r="F397">
        <f t="shared" si="20"/>
        <v>9.9865781130076253E-3</v>
      </c>
    </row>
    <row r="398" spans="1:6" x14ac:dyDescent="0.2">
      <c r="A398">
        <v>1040.702493</v>
      </c>
      <c r="B398">
        <v>20.059792000000002</v>
      </c>
      <c r="C398">
        <v>9.7820929999999997</v>
      </c>
      <c r="D398">
        <f t="shared" si="21"/>
        <v>1.9819009999999997</v>
      </c>
      <c r="E398">
        <f t="shared" si="22"/>
        <v>19.687667000000033</v>
      </c>
      <c r="F398">
        <f t="shared" si="20"/>
        <v>9.5452147423478826E-3</v>
      </c>
    </row>
    <row r="399" spans="1:6" x14ac:dyDescent="0.2">
      <c r="A399">
        <v>1039.5094260000001</v>
      </c>
      <c r="B399">
        <v>20.068083000000001</v>
      </c>
      <c r="C399">
        <v>9.7870980000000003</v>
      </c>
      <c r="D399">
        <f t="shared" si="21"/>
        <v>1.9869060000000003</v>
      </c>
      <c r="E399">
        <f t="shared" si="22"/>
        <v>18.494600000000105</v>
      </c>
      <c r="F399">
        <f t="shared" si="20"/>
        <v>8.9544556512581152E-3</v>
      </c>
    </row>
    <row r="400" spans="1:6" x14ac:dyDescent="0.2">
      <c r="A400">
        <v>1039.1687469999999</v>
      </c>
      <c r="B400">
        <v>19.989892000000001</v>
      </c>
      <c r="C400">
        <v>9.7921019999999999</v>
      </c>
      <c r="D400">
        <f t="shared" si="21"/>
        <v>1.9919099999999998</v>
      </c>
      <c r="E400">
        <f t="shared" si="22"/>
        <v>18.153920999999968</v>
      </c>
      <c r="F400">
        <f t="shared" si="20"/>
        <v>8.7703041033335948E-3</v>
      </c>
    </row>
    <row r="401" spans="1:7" x14ac:dyDescent="0.2">
      <c r="A401">
        <v>1039.3309509999999</v>
      </c>
      <c r="B401">
        <v>19.987431999999998</v>
      </c>
      <c r="C401">
        <v>9.7971070000000005</v>
      </c>
      <c r="D401">
        <f t="shared" si="21"/>
        <v>1.9969150000000004</v>
      </c>
      <c r="E401">
        <f t="shared" si="22"/>
        <v>18.316124999999943</v>
      </c>
      <c r="F401">
        <f t="shared" si="20"/>
        <v>8.8251106407243995E-3</v>
      </c>
    </row>
    <row r="402" spans="1:7" x14ac:dyDescent="0.2">
      <c r="A402">
        <v>1039.4197919999999</v>
      </c>
      <c r="B402">
        <v>19.992318999999998</v>
      </c>
      <c r="C402">
        <v>9.8021119999999993</v>
      </c>
      <c r="D402">
        <f t="shared" si="21"/>
        <v>2.0019199999999993</v>
      </c>
      <c r="E402">
        <f t="shared" si="22"/>
        <v>18.404965999999945</v>
      </c>
      <c r="F402">
        <f t="shared" si="20"/>
        <v>8.8449894450291066E-3</v>
      </c>
    </row>
    <row r="403" spans="1:7" x14ac:dyDescent="0.2">
      <c r="A403">
        <v>1039.4397859999999</v>
      </c>
      <c r="B403">
        <v>19.931535</v>
      </c>
      <c r="C403">
        <v>9.8071169999999999</v>
      </c>
      <c r="D403">
        <f t="shared" si="21"/>
        <v>2.0069249999999998</v>
      </c>
      <c r="E403">
        <f t="shared" si="22"/>
        <v>18.424959999999942</v>
      </c>
      <c r="F403">
        <f t="shared" si="20"/>
        <v>8.832346017640243E-3</v>
      </c>
    </row>
    <row r="404" spans="1:7" x14ac:dyDescent="0.2">
      <c r="A404">
        <v>1039.671433</v>
      </c>
      <c r="B404">
        <v>19.914158</v>
      </c>
      <c r="C404">
        <v>9.8121220000000005</v>
      </c>
      <c r="D404">
        <f t="shared" si="21"/>
        <v>2.0119300000000004</v>
      </c>
      <c r="E404">
        <f t="shared" si="22"/>
        <v>18.656607000000008</v>
      </c>
      <c r="F404">
        <f t="shared" si="20"/>
        <v>8.9191544748062433E-3</v>
      </c>
    </row>
    <row r="405" spans="1:7" x14ac:dyDescent="0.2">
      <c r="A405">
        <v>1040.500712</v>
      </c>
      <c r="B405">
        <v>19.838076000000001</v>
      </c>
      <c r="C405">
        <v>9.817126</v>
      </c>
      <c r="D405">
        <f t="shared" si="21"/>
        <v>2.016934</v>
      </c>
      <c r="E405">
        <f t="shared" si="22"/>
        <v>19.48588600000005</v>
      </c>
      <c r="F405">
        <f t="shared" si="20"/>
        <v>9.2850893789265514E-3</v>
      </c>
    </row>
    <row r="406" spans="1:7" x14ac:dyDescent="0.2">
      <c r="A406">
        <v>1041.5223060000001</v>
      </c>
      <c r="B406">
        <v>19.822941</v>
      </c>
      <c r="C406">
        <v>9.8221310000000006</v>
      </c>
      <c r="D406">
        <f t="shared" si="21"/>
        <v>2.0219390000000006</v>
      </c>
      <c r="E406">
        <f t="shared" si="22"/>
        <v>20.507480000000101</v>
      </c>
      <c r="F406">
        <f t="shared" si="20"/>
        <v>9.738132332642398E-3</v>
      </c>
    </row>
    <row r="407" spans="1:7" x14ac:dyDescent="0.2">
      <c r="A407">
        <v>1042.265255</v>
      </c>
      <c r="B407">
        <v>19.822185999999999</v>
      </c>
      <c r="C407">
        <v>9.8271359999999994</v>
      </c>
      <c r="D407">
        <f t="shared" si="21"/>
        <v>2.0269439999999994</v>
      </c>
      <c r="E407">
        <f t="shared" si="22"/>
        <v>21.250429000000054</v>
      </c>
      <c r="F407">
        <f t="shared" si="20"/>
        <v>1.0058835163726781E-2</v>
      </c>
    </row>
    <row r="408" spans="1:7" x14ac:dyDescent="0.2">
      <c r="A408">
        <v>1043.1662670000001</v>
      </c>
      <c r="B408">
        <v>19.799841000000001</v>
      </c>
      <c r="C408">
        <v>9.832141</v>
      </c>
      <c r="D408">
        <f t="shared" si="21"/>
        <v>2.031949</v>
      </c>
      <c r="E408">
        <f t="shared" si="22"/>
        <v>22.151441000000091</v>
      </c>
      <c r="F408">
        <f t="shared" si="20"/>
        <v>1.0450465723358058E-2</v>
      </c>
    </row>
    <row r="409" spans="1:7" s="1" customFormat="1" x14ac:dyDescent="0.2">
      <c r="A409">
        <v>1043.763551</v>
      </c>
      <c r="B409">
        <v>19.783169999999998</v>
      </c>
      <c r="C409">
        <v>9.8371460000000006</v>
      </c>
      <c r="D409">
        <f t="shared" si="21"/>
        <v>2.0369540000000006</v>
      </c>
      <c r="E409">
        <f t="shared" si="22"/>
        <v>22.748725000000036</v>
      </c>
      <c r="F409">
        <f t="shared" si="20"/>
        <v>1.0699752014847533E-2</v>
      </c>
      <c r="G409"/>
    </row>
    <row r="410" spans="1:7" s="1" customFormat="1" x14ac:dyDescent="0.2">
      <c r="A410">
        <v>1044.488229</v>
      </c>
      <c r="B410">
        <v>19.765734999999999</v>
      </c>
      <c r="C410">
        <v>9.8421500000000002</v>
      </c>
      <c r="D410">
        <f t="shared" ref="D410:D421" si="23">C410-$C$2</f>
        <v>2.0419580000000002</v>
      </c>
      <c r="E410">
        <f t="shared" ref="E410:E421" si="24">A410-$A$2</f>
        <v>23.473403000000076</v>
      </c>
      <c r="F410">
        <f t="shared" si="20"/>
        <v>1.1005903482416961E-2</v>
      </c>
      <c r="G410"/>
    </row>
    <row r="411" spans="1:7" s="1" customFormat="1" x14ac:dyDescent="0.2">
      <c r="A411">
        <v>1044.3766169999999</v>
      </c>
      <c r="B411">
        <v>19.815175</v>
      </c>
      <c r="C411">
        <v>9.8471550000000008</v>
      </c>
      <c r="D411">
        <f t="shared" si="23"/>
        <v>2.0469630000000008</v>
      </c>
      <c r="E411">
        <f t="shared" si="24"/>
        <v>23.361790999999926</v>
      </c>
      <c r="F411">
        <f t="shared" si="20"/>
        <v>1.0927957618770268E-2</v>
      </c>
      <c r="G411"/>
    </row>
    <row r="412" spans="1:7" x14ac:dyDescent="0.2">
      <c r="A412">
        <v>1044.2347500000001</v>
      </c>
      <c r="B412">
        <v>19.797993999999999</v>
      </c>
      <c r="C412">
        <v>9.8521599999999996</v>
      </c>
      <c r="D412">
        <f t="shared" si="23"/>
        <v>2.0519679999999996</v>
      </c>
      <c r="E412">
        <f t="shared" si="24"/>
        <v>23.219924000000105</v>
      </c>
      <c r="F412">
        <f t="shared" si="20"/>
        <v>1.0836575687004061E-2</v>
      </c>
    </row>
    <row r="413" spans="1:7" x14ac:dyDescent="0.2">
      <c r="A413">
        <v>1044.3200650000001</v>
      </c>
      <c r="B413">
        <v>19.756333999999999</v>
      </c>
      <c r="C413">
        <v>9.8571650000000002</v>
      </c>
      <c r="D413">
        <f t="shared" si="23"/>
        <v>2.0569730000000002</v>
      </c>
      <c r="E413">
        <f t="shared" si="24"/>
        <v>23.305239000000142</v>
      </c>
      <c r="F413">
        <f t="shared" si="20"/>
        <v>1.0849040927088367E-2</v>
      </c>
    </row>
    <row r="414" spans="1:7" s="1" customFormat="1" x14ac:dyDescent="0.2">
      <c r="A414">
        <v>1043.8608059999999</v>
      </c>
      <c r="B414">
        <v>19.775919999999999</v>
      </c>
      <c r="C414">
        <v>9.8621700000000008</v>
      </c>
      <c r="D414">
        <f t="shared" si="23"/>
        <v>2.0619780000000008</v>
      </c>
      <c r="E414">
        <f t="shared" si="24"/>
        <v>22.84597999999994</v>
      </c>
      <c r="F414">
        <f t="shared" si="20"/>
        <v>1.0614099965339685E-2</v>
      </c>
      <c r="G414"/>
    </row>
    <row r="415" spans="1:7" s="1" customFormat="1" x14ac:dyDescent="0.2">
      <c r="A415">
        <v>1042.6051669999999</v>
      </c>
      <c r="B415">
        <v>19.807162999999999</v>
      </c>
      <c r="C415">
        <v>9.8671740000000003</v>
      </c>
      <c r="D415">
        <f t="shared" si="23"/>
        <v>2.0669820000000003</v>
      </c>
      <c r="E415">
        <f t="shared" si="24"/>
        <v>21.590340999999967</v>
      </c>
      <c r="F415">
        <f t="shared" si="20"/>
        <v>1.0018505342783144E-2</v>
      </c>
      <c r="G415"/>
    </row>
    <row r="416" spans="1:7" x14ac:dyDescent="0.2">
      <c r="A416">
        <v>1041.13618</v>
      </c>
      <c r="B416">
        <v>19.803238</v>
      </c>
      <c r="C416">
        <v>9.8721789999999991</v>
      </c>
      <c r="D416">
        <f t="shared" si="23"/>
        <v>2.0719869999999991</v>
      </c>
      <c r="E416">
        <f t="shared" si="24"/>
        <v>20.121353999999997</v>
      </c>
      <c r="F416">
        <f t="shared" si="20"/>
        <v>9.3274437108600075E-3</v>
      </c>
    </row>
    <row r="417" spans="1:6" x14ac:dyDescent="0.2">
      <c r="A417">
        <v>1039.5655870000001</v>
      </c>
      <c r="B417">
        <v>19.801783</v>
      </c>
      <c r="C417">
        <v>9.8771839999999997</v>
      </c>
      <c r="D417">
        <f t="shared" si="23"/>
        <v>2.0769919999999997</v>
      </c>
      <c r="E417">
        <f t="shared" si="24"/>
        <v>18.55076100000008</v>
      </c>
      <c r="F417">
        <f t="shared" si="20"/>
        <v>8.5916190429826331E-3</v>
      </c>
    </row>
    <row r="418" spans="1:6" x14ac:dyDescent="0.2">
      <c r="A418">
        <v>1037.8799320000001</v>
      </c>
      <c r="B418">
        <v>19.790817000000001</v>
      </c>
      <c r="C418">
        <v>9.8821890000000003</v>
      </c>
      <c r="D418">
        <f t="shared" si="23"/>
        <v>2.0819970000000003</v>
      </c>
      <c r="E418">
        <f t="shared" si="24"/>
        <v>16.865106000000083</v>
      </c>
      <c r="F418">
        <f t="shared" si="20"/>
        <v>7.8048014812324819E-3</v>
      </c>
    </row>
    <row r="419" spans="1:6" x14ac:dyDescent="0.2">
      <c r="A419">
        <v>1035.9001989999999</v>
      </c>
      <c r="B419">
        <v>19.784262999999999</v>
      </c>
      <c r="C419">
        <v>9.8871939999999991</v>
      </c>
      <c r="D419">
        <f t="shared" si="23"/>
        <v>2.0870019999999991</v>
      </c>
      <c r="E419">
        <f t="shared" si="24"/>
        <v>14.885372999999959</v>
      </c>
      <c r="F419">
        <f t="shared" si="20"/>
        <v>6.8852377305119745E-3</v>
      </c>
    </row>
    <row r="420" spans="1:6" x14ac:dyDescent="0.2">
      <c r="A420">
        <v>1033.74416</v>
      </c>
      <c r="B420">
        <v>19.771663</v>
      </c>
      <c r="C420">
        <v>9.8921980000000005</v>
      </c>
      <c r="D420">
        <f t="shared" si="23"/>
        <v>2.0920060000000005</v>
      </c>
      <c r="E420">
        <f t="shared" si="24"/>
        <v>12.729333999999994</v>
      </c>
      <c r="F420">
        <f t="shared" si="20"/>
        <v>5.8861277967867422E-3</v>
      </c>
    </row>
    <row r="421" spans="1:6" x14ac:dyDescent="0.2">
      <c r="A421" s="1">
        <v>1031.7914969999999</v>
      </c>
      <c r="B421" s="1">
        <v>19.727350000000001</v>
      </c>
      <c r="C421">
        <v>9.8972029999999993</v>
      </c>
      <c r="D421">
        <f t="shared" si="23"/>
        <v>2.0970109999999993</v>
      </c>
      <c r="E421">
        <f t="shared" si="24"/>
        <v>10.776670999999965</v>
      </c>
      <c r="F421">
        <f t="shared" si="20"/>
        <v>4.9807182065517777E-3</v>
      </c>
    </row>
    <row r="422" spans="1:6" ht="15" x14ac:dyDescent="0.25">
      <c r="A422">
        <f>MAX(A2:A421)</f>
        <v>1047.636469</v>
      </c>
      <c r="B422" s="3" t="s">
        <v>16</v>
      </c>
    </row>
    <row r="423" spans="1:6" ht="15" x14ac:dyDescent="0.25">
      <c r="A423">
        <f>MIN(A2:A421)</f>
        <v>1021.014826</v>
      </c>
      <c r="B423" s="3" t="s">
        <v>17</v>
      </c>
    </row>
    <row r="425" spans="1:6" x14ac:dyDescent="0.2">
      <c r="A425" t="s">
        <v>20</v>
      </c>
      <c r="C425" s="14">
        <f>E421/A423</f>
        <v>1.0554862403143954E-2</v>
      </c>
    </row>
  </sheetData>
  <pageMargins left="0.7" right="0.7" top="0.75" bottom="0.75" header="0.3" footer="0.3"/>
  <drawing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17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1067.794445</v>
      </c>
      <c r="B2" s="1">
        <v>19.866254000000001</v>
      </c>
      <c r="C2" s="1">
        <v>6.7805059999999999</v>
      </c>
      <c r="D2">
        <f>C2-$C$2</f>
        <v>0</v>
      </c>
      <c r="E2">
        <f>A2-$A$2</f>
        <v>0</v>
      </c>
      <c r="G2" s="3">
        <f>(A414-A415)/A414</f>
        <v>3.3008911508588631E-2</v>
      </c>
    </row>
    <row r="3" spans="1:7" x14ac:dyDescent="0.2">
      <c r="A3">
        <v>1069.671529</v>
      </c>
      <c r="B3">
        <v>19.876823999999999</v>
      </c>
      <c r="C3">
        <v>6.7855100000000004</v>
      </c>
      <c r="D3">
        <f t="shared" ref="D3:D6" si="0">C3-$C$2</f>
        <v>5.0040000000004525E-3</v>
      </c>
      <c r="E3">
        <f t="shared" ref="E3:E6" si="1">A3-$A$2</f>
        <v>1.877083999999968</v>
      </c>
      <c r="F3">
        <f t="shared" ref="F3:F66" si="2">(1/A3)*(E3/D3)</f>
        <v>0.35068401510633451</v>
      </c>
      <c r="G3" s="4">
        <f>G2*100</f>
        <v>3.3008911508588632</v>
      </c>
    </row>
    <row r="4" spans="1:7" x14ac:dyDescent="0.2">
      <c r="A4">
        <v>1071.0788680000001</v>
      </c>
      <c r="B4">
        <v>19.905674000000001</v>
      </c>
      <c r="C4">
        <v>6.7905150000000001</v>
      </c>
      <c r="D4">
        <f t="shared" si="0"/>
        <v>1.0009000000000157E-2</v>
      </c>
      <c r="E4">
        <f t="shared" si="1"/>
        <v>3.2844230000000607</v>
      </c>
      <c r="F4">
        <f t="shared" si="2"/>
        <v>0.30637049944023803</v>
      </c>
    </row>
    <row r="5" spans="1:7" x14ac:dyDescent="0.2">
      <c r="A5">
        <v>1072.2326089999999</v>
      </c>
      <c r="B5">
        <v>19.932299</v>
      </c>
      <c r="C5">
        <v>6.7955199999999998</v>
      </c>
      <c r="D5">
        <f t="shared" si="0"/>
        <v>1.5013999999999861E-2</v>
      </c>
      <c r="E5">
        <f t="shared" si="1"/>
        <v>4.4381639999999152</v>
      </c>
      <c r="F5">
        <f t="shared" si="2"/>
        <v>0.27568803876515957</v>
      </c>
    </row>
    <row r="6" spans="1:7" x14ac:dyDescent="0.2">
      <c r="A6">
        <v>1072.9952249999999</v>
      </c>
      <c r="B6">
        <v>19.954507</v>
      </c>
      <c r="C6">
        <v>6.8005250000000004</v>
      </c>
      <c r="D6">
        <f t="shared" si="0"/>
        <v>2.0019000000000453E-2</v>
      </c>
      <c r="E6">
        <f t="shared" si="1"/>
        <v>5.2007799999998952</v>
      </c>
      <c r="F6">
        <f t="shared" si="2"/>
        <v>0.24211868921639149</v>
      </c>
    </row>
    <row r="7" spans="1:7" x14ac:dyDescent="0.2">
      <c r="A7">
        <v>1073.088422</v>
      </c>
      <c r="B7">
        <v>20.003651999999999</v>
      </c>
      <c r="C7">
        <v>6.8055300000000001</v>
      </c>
      <c r="D7">
        <f t="shared" ref="D7:D70" si="3">C7-$C$2</f>
        <v>2.5024000000000157E-2</v>
      </c>
      <c r="E7">
        <f t="shared" ref="E7:E70" si="4">A7-$A$2</f>
        <v>5.2939770000000408</v>
      </c>
      <c r="F7">
        <f t="shared" si="2"/>
        <v>0.19714683516844173</v>
      </c>
    </row>
    <row r="8" spans="1:7" x14ac:dyDescent="0.2">
      <c r="A8">
        <v>1072.774858</v>
      </c>
      <c r="B8">
        <v>20.040890000000001</v>
      </c>
      <c r="C8">
        <v>6.8105339999999996</v>
      </c>
      <c r="D8">
        <f t="shared" si="3"/>
        <v>3.0027999999999722E-2</v>
      </c>
      <c r="E8">
        <f t="shared" si="4"/>
        <v>4.9804129999999986</v>
      </c>
      <c r="F8">
        <f t="shared" si="2"/>
        <v>0.15460743112049444</v>
      </c>
    </row>
    <row r="9" spans="1:7" x14ac:dyDescent="0.2">
      <c r="A9">
        <v>1072.6429330000001</v>
      </c>
      <c r="B9">
        <v>19.998899000000002</v>
      </c>
      <c r="C9">
        <v>6.8155390000000002</v>
      </c>
      <c r="D9">
        <f t="shared" si="3"/>
        <v>3.5033000000000314E-2</v>
      </c>
      <c r="E9">
        <f t="shared" si="4"/>
        <v>4.8484880000000885</v>
      </c>
      <c r="F9">
        <f t="shared" si="2"/>
        <v>0.12902498587048417</v>
      </c>
    </row>
    <row r="10" spans="1:7" x14ac:dyDescent="0.2">
      <c r="A10">
        <v>1071.9616490000001</v>
      </c>
      <c r="B10">
        <v>20.081581</v>
      </c>
      <c r="C10">
        <v>6.8205439999999999</v>
      </c>
      <c r="D10">
        <f t="shared" si="3"/>
        <v>4.0038000000000018E-2</v>
      </c>
      <c r="E10">
        <f t="shared" si="4"/>
        <v>4.1672040000000834</v>
      </c>
      <c r="F10">
        <f t="shared" si="2"/>
        <v>9.7094166508102042E-2</v>
      </c>
    </row>
    <row r="11" spans="1:7" x14ac:dyDescent="0.2">
      <c r="A11">
        <v>1070.6371429999999</v>
      </c>
      <c r="B11">
        <v>20.068943000000001</v>
      </c>
      <c r="C11">
        <v>6.8255489999999996</v>
      </c>
      <c r="D11">
        <f t="shared" si="3"/>
        <v>4.5042999999999722E-2</v>
      </c>
      <c r="E11">
        <f t="shared" si="4"/>
        <v>2.8426979999999276</v>
      </c>
      <c r="F11">
        <f t="shared" si="2"/>
        <v>5.8946918889531186E-2</v>
      </c>
    </row>
    <row r="12" spans="1:7" x14ac:dyDescent="0.2">
      <c r="A12">
        <v>1069.9135160000001</v>
      </c>
      <c r="B12">
        <v>20.037085000000001</v>
      </c>
      <c r="C12">
        <v>6.8305540000000002</v>
      </c>
      <c r="D12">
        <f t="shared" si="3"/>
        <v>5.0048000000000314E-2</v>
      </c>
      <c r="E12">
        <f t="shared" si="4"/>
        <v>2.1190710000000763</v>
      </c>
      <c r="F12">
        <f t="shared" si="2"/>
        <v>3.957401437113682E-2</v>
      </c>
    </row>
    <row r="13" spans="1:7" x14ac:dyDescent="0.2">
      <c r="A13">
        <v>1069.1982149999999</v>
      </c>
      <c r="B13">
        <v>20.06195</v>
      </c>
      <c r="C13">
        <v>6.8355579999999998</v>
      </c>
      <c r="D13">
        <f t="shared" si="3"/>
        <v>5.5051999999999879E-2</v>
      </c>
      <c r="E13">
        <f t="shared" si="4"/>
        <v>1.4037699999998949</v>
      </c>
      <c r="F13">
        <f t="shared" si="2"/>
        <v>2.3848695613390376E-2</v>
      </c>
    </row>
    <row r="14" spans="1:7" x14ac:dyDescent="0.2">
      <c r="A14">
        <v>1069.9135160000001</v>
      </c>
      <c r="B14">
        <v>20.034495</v>
      </c>
      <c r="C14">
        <v>6.8405630000000004</v>
      </c>
      <c r="D14">
        <f t="shared" si="3"/>
        <v>6.0057000000000471E-2</v>
      </c>
      <c r="E14">
        <f t="shared" si="4"/>
        <v>2.1190710000000763</v>
      </c>
      <c r="F14">
        <f t="shared" si="2"/>
        <v>3.2978674779736789E-2</v>
      </c>
    </row>
    <row r="15" spans="1:7" x14ac:dyDescent="0.2">
      <c r="A15">
        <v>1069.06007</v>
      </c>
      <c r="B15">
        <v>20.045915000000001</v>
      </c>
      <c r="C15">
        <v>6.8455680000000001</v>
      </c>
      <c r="D15">
        <f t="shared" si="3"/>
        <v>6.5062000000000175E-2</v>
      </c>
      <c r="E15">
        <f t="shared" si="4"/>
        <v>1.265625</v>
      </c>
      <c r="F15">
        <f t="shared" si="2"/>
        <v>1.8195983186762101E-2</v>
      </c>
    </row>
    <row r="16" spans="1:7" x14ac:dyDescent="0.2">
      <c r="A16">
        <v>1070.6371429999999</v>
      </c>
      <c r="B16">
        <v>20.020721000000002</v>
      </c>
      <c r="C16">
        <v>6.8505729999999998</v>
      </c>
      <c r="D16">
        <f t="shared" si="3"/>
        <v>7.0066999999999879E-2</v>
      </c>
      <c r="E16">
        <f t="shared" si="4"/>
        <v>2.8426979999999276</v>
      </c>
      <c r="F16">
        <f t="shared" si="2"/>
        <v>3.7894387765155371E-2</v>
      </c>
    </row>
    <row r="17" spans="1:6" x14ac:dyDescent="0.2">
      <c r="A17">
        <v>1071.9616490000001</v>
      </c>
      <c r="B17">
        <v>20.000404</v>
      </c>
      <c r="C17">
        <v>6.8555780000000004</v>
      </c>
      <c r="D17">
        <f t="shared" si="3"/>
        <v>7.5072000000000472E-2</v>
      </c>
      <c r="E17">
        <f t="shared" si="4"/>
        <v>4.1672040000000834</v>
      </c>
      <c r="F17">
        <f t="shared" si="2"/>
        <v>5.1783038132078095E-2</v>
      </c>
    </row>
    <row r="18" spans="1:6" x14ac:dyDescent="0.2">
      <c r="A18">
        <v>1072.6429330000001</v>
      </c>
      <c r="B18">
        <v>19.988768</v>
      </c>
      <c r="C18">
        <v>6.860582</v>
      </c>
      <c r="D18">
        <f t="shared" si="3"/>
        <v>8.0076000000000036E-2</v>
      </c>
      <c r="E18">
        <f t="shared" si="4"/>
        <v>4.8484880000000885</v>
      </c>
      <c r="F18">
        <f t="shared" si="2"/>
        <v>5.6448028497935843E-2</v>
      </c>
    </row>
    <row r="19" spans="1:6" x14ac:dyDescent="0.2">
      <c r="A19">
        <v>1071.9616490000001</v>
      </c>
      <c r="B19">
        <v>19.957007999999998</v>
      </c>
      <c r="C19">
        <v>6.8655869999999997</v>
      </c>
      <c r="D19">
        <f t="shared" si="3"/>
        <v>8.508099999999974E-2</v>
      </c>
      <c r="E19">
        <f t="shared" si="4"/>
        <v>4.1672040000000834</v>
      </c>
      <c r="F19">
        <f t="shared" si="2"/>
        <v>4.5691238215951897E-2</v>
      </c>
    </row>
    <row r="20" spans="1:6" x14ac:dyDescent="0.2">
      <c r="A20">
        <v>1070.6371429999999</v>
      </c>
      <c r="B20">
        <v>19.939644999999999</v>
      </c>
      <c r="C20">
        <v>6.8705920000000003</v>
      </c>
      <c r="D20">
        <f t="shared" si="3"/>
        <v>9.0086000000000332E-2</v>
      </c>
      <c r="E20">
        <f t="shared" si="4"/>
        <v>2.8426979999999276</v>
      </c>
      <c r="F20">
        <f t="shared" si="2"/>
        <v>2.9473459444765301E-2</v>
      </c>
    </row>
    <row r="21" spans="1:6" x14ac:dyDescent="0.2">
      <c r="A21">
        <v>1072.6429330000001</v>
      </c>
      <c r="B21">
        <v>19.922740000000001</v>
      </c>
      <c r="C21">
        <v>6.875597</v>
      </c>
      <c r="D21">
        <f t="shared" si="3"/>
        <v>9.5091000000000037E-2</v>
      </c>
      <c r="E21">
        <f t="shared" si="4"/>
        <v>4.8484880000000885</v>
      </c>
      <c r="F21">
        <f t="shared" si="2"/>
        <v>4.7534806974379389E-2</v>
      </c>
    </row>
    <row r="22" spans="1:6" x14ac:dyDescent="0.2">
      <c r="A22">
        <v>1073.088422</v>
      </c>
      <c r="B22">
        <v>19.858910000000002</v>
      </c>
      <c r="C22">
        <v>6.8806019999999997</v>
      </c>
      <c r="D22">
        <f t="shared" si="3"/>
        <v>0.10009599999999974</v>
      </c>
      <c r="E22">
        <f t="shared" si="4"/>
        <v>5.2939770000000408</v>
      </c>
      <c r="F22">
        <f t="shared" si="2"/>
        <v>4.9286708792110868E-2</v>
      </c>
    </row>
    <row r="23" spans="1:6" x14ac:dyDescent="0.2">
      <c r="A23">
        <v>1072.4196420000001</v>
      </c>
      <c r="B23">
        <v>19.946193999999998</v>
      </c>
      <c r="C23">
        <v>6.8856060000000001</v>
      </c>
      <c r="D23">
        <f t="shared" si="3"/>
        <v>0.10510000000000019</v>
      </c>
      <c r="E23">
        <f t="shared" si="4"/>
        <v>4.6251970000000711</v>
      </c>
      <c r="F23">
        <f t="shared" si="2"/>
        <v>4.1035786300941658E-2</v>
      </c>
    </row>
    <row r="24" spans="1:6" x14ac:dyDescent="0.2">
      <c r="A24">
        <v>1073.1459990000001</v>
      </c>
      <c r="B24">
        <v>19.941199000000001</v>
      </c>
      <c r="C24">
        <v>6.8906109999999998</v>
      </c>
      <c r="D24">
        <f t="shared" si="3"/>
        <v>0.1101049999999999</v>
      </c>
      <c r="E24">
        <f t="shared" si="4"/>
        <v>5.3515540000000783</v>
      </c>
      <c r="F24">
        <f t="shared" si="2"/>
        <v>4.5291224246642864E-2</v>
      </c>
    </row>
    <row r="25" spans="1:6" x14ac:dyDescent="0.2">
      <c r="A25">
        <v>1074.2298450000001</v>
      </c>
      <c r="B25">
        <v>19.926921</v>
      </c>
      <c r="C25">
        <v>6.8956160000000004</v>
      </c>
      <c r="D25">
        <f t="shared" si="3"/>
        <v>0.11511000000000049</v>
      </c>
      <c r="E25">
        <f t="shared" si="4"/>
        <v>6.4354000000000724</v>
      </c>
      <c r="F25">
        <f t="shared" si="2"/>
        <v>5.2043354087084936E-2</v>
      </c>
    </row>
    <row r="26" spans="1:6" x14ac:dyDescent="0.2">
      <c r="A26">
        <v>1075.452714</v>
      </c>
      <c r="B26">
        <v>19.907596000000002</v>
      </c>
      <c r="C26">
        <v>6.9006210000000001</v>
      </c>
      <c r="D26">
        <f t="shared" si="3"/>
        <v>0.12011500000000019</v>
      </c>
      <c r="E26">
        <f t="shared" si="4"/>
        <v>7.6582690000000184</v>
      </c>
      <c r="F26">
        <f t="shared" si="2"/>
        <v>5.9284621510125965E-2</v>
      </c>
    </row>
    <row r="27" spans="1:6" x14ac:dyDescent="0.2">
      <c r="A27">
        <v>1076.559546</v>
      </c>
      <c r="B27">
        <v>19.913730999999999</v>
      </c>
      <c r="C27">
        <v>6.9056259999999998</v>
      </c>
      <c r="D27">
        <f t="shared" si="3"/>
        <v>0.1251199999999999</v>
      </c>
      <c r="E27">
        <f t="shared" si="4"/>
        <v>8.7651009999999587</v>
      </c>
      <c r="F27">
        <f t="shared" si="2"/>
        <v>6.5071697005487775E-2</v>
      </c>
    </row>
    <row r="28" spans="1:6" x14ac:dyDescent="0.2">
      <c r="A28">
        <v>1077.313615</v>
      </c>
      <c r="B28">
        <v>19.968254999999999</v>
      </c>
      <c r="C28">
        <v>6.9106300000000003</v>
      </c>
      <c r="D28">
        <f t="shared" si="3"/>
        <v>0.13012400000000035</v>
      </c>
      <c r="E28">
        <f t="shared" si="4"/>
        <v>9.519170000000031</v>
      </c>
      <c r="F28">
        <f t="shared" si="2"/>
        <v>6.7904652235790494E-2</v>
      </c>
    </row>
    <row r="29" spans="1:6" x14ac:dyDescent="0.2">
      <c r="A29">
        <v>1077.433119</v>
      </c>
      <c r="B29">
        <v>20.008507999999999</v>
      </c>
      <c r="C29">
        <v>6.915635</v>
      </c>
      <c r="D29">
        <f t="shared" si="3"/>
        <v>0.13512900000000005</v>
      </c>
      <c r="E29">
        <f t="shared" si="4"/>
        <v>9.6386740000000373</v>
      </c>
      <c r="F29">
        <f t="shared" si="2"/>
        <v>6.6203112469887457E-2</v>
      </c>
    </row>
    <row r="30" spans="1:6" x14ac:dyDescent="0.2">
      <c r="A30">
        <v>1077.3960119999999</v>
      </c>
      <c r="B30">
        <v>20.001183000000001</v>
      </c>
      <c r="C30">
        <v>6.9206399999999997</v>
      </c>
      <c r="D30">
        <f t="shared" si="3"/>
        <v>0.14013399999999976</v>
      </c>
      <c r="E30">
        <f t="shared" si="4"/>
        <v>9.6015669999999318</v>
      </c>
      <c r="F30">
        <f t="shared" si="2"/>
        <v>6.3595038471653279E-2</v>
      </c>
    </row>
    <row r="31" spans="1:6" x14ac:dyDescent="0.2">
      <c r="A31">
        <v>1077.507478</v>
      </c>
      <c r="B31">
        <v>19.988216000000001</v>
      </c>
      <c r="C31">
        <v>6.9256450000000003</v>
      </c>
      <c r="D31">
        <f t="shared" si="3"/>
        <v>0.14513900000000035</v>
      </c>
      <c r="E31">
        <f t="shared" si="4"/>
        <v>9.7130329999999958</v>
      </c>
      <c r="F31">
        <f t="shared" si="2"/>
        <v>6.2108414805089843E-2</v>
      </c>
    </row>
    <row r="32" spans="1:6" x14ac:dyDescent="0.2">
      <c r="A32">
        <v>1077.1999949999999</v>
      </c>
      <c r="B32">
        <v>20.034986</v>
      </c>
      <c r="C32">
        <v>6.93065</v>
      </c>
      <c r="D32">
        <f t="shared" si="3"/>
        <v>0.15014400000000006</v>
      </c>
      <c r="E32">
        <f t="shared" si="4"/>
        <v>9.4055499999999483</v>
      </c>
      <c r="F32">
        <f t="shared" si="2"/>
        <v>5.8154037476524978E-2</v>
      </c>
    </row>
    <row r="33" spans="1:6" x14ac:dyDescent="0.2">
      <c r="A33">
        <v>1076.703139</v>
      </c>
      <c r="B33">
        <v>20.025265000000001</v>
      </c>
      <c r="C33">
        <v>6.9356540000000004</v>
      </c>
      <c r="D33">
        <f t="shared" si="3"/>
        <v>0.15514800000000051</v>
      </c>
      <c r="E33">
        <f t="shared" si="4"/>
        <v>8.9086939999999686</v>
      </c>
      <c r="F33">
        <f t="shared" si="2"/>
        <v>5.3330036528058372E-2</v>
      </c>
    </row>
    <row r="34" spans="1:6" x14ac:dyDescent="0.2">
      <c r="A34">
        <v>1076.473688</v>
      </c>
      <c r="B34">
        <v>20.008172999999999</v>
      </c>
      <c r="C34">
        <v>6.9406590000000001</v>
      </c>
      <c r="D34">
        <f t="shared" si="3"/>
        <v>0.16015300000000021</v>
      </c>
      <c r="E34">
        <f t="shared" si="4"/>
        <v>8.6792430000000422</v>
      </c>
      <c r="F34">
        <f t="shared" si="2"/>
        <v>5.0343493641441764E-2</v>
      </c>
    </row>
    <row r="35" spans="1:6" x14ac:dyDescent="0.2">
      <c r="A35">
        <v>1076.0650430000001</v>
      </c>
      <c r="B35">
        <v>20.037445999999999</v>
      </c>
      <c r="C35">
        <v>6.9456639999999998</v>
      </c>
      <c r="D35">
        <f t="shared" si="3"/>
        <v>0.16515799999999992</v>
      </c>
      <c r="E35">
        <f t="shared" si="4"/>
        <v>8.2705980000000636</v>
      </c>
      <c r="F35">
        <f t="shared" si="2"/>
        <v>4.6537041863135696E-2</v>
      </c>
    </row>
    <row r="36" spans="1:6" x14ac:dyDescent="0.2">
      <c r="A36">
        <v>1075.5992879999999</v>
      </c>
      <c r="B36">
        <v>20.031220000000001</v>
      </c>
      <c r="C36">
        <v>6.9506690000000004</v>
      </c>
      <c r="D36">
        <f t="shared" si="3"/>
        <v>0.17016300000000051</v>
      </c>
      <c r="E36">
        <f t="shared" si="4"/>
        <v>7.8048429999998916</v>
      </c>
      <c r="F36">
        <f t="shared" si="2"/>
        <v>4.2643076711532703E-2</v>
      </c>
    </row>
    <row r="37" spans="1:6" x14ac:dyDescent="0.2">
      <c r="A37">
        <v>1075.3859669999999</v>
      </c>
      <c r="B37">
        <v>20.020198000000001</v>
      </c>
      <c r="C37">
        <v>6.9556740000000001</v>
      </c>
      <c r="D37">
        <f t="shared" si="3"/>
        <v>0.17516800000000021</v>
      </c>
      <c r="E37">
        <f t="shared" si="4"/>
        <v>7.5915219999999408</v>
      </c>
      <c r="F37">
        <f t="shared" si="2"/>
        <v>4.0300433578542613E-2</v>
      </c>
    </row>
    <row r="38" spans="1:6" x14ac:dyDescent="0.2">
      <c r="A38">
        <v>1074.9603609999999</v>
      </c>
      <c r="B38">
        <v>20.021006</v>
      </c>
      <c r="C38">
        <v>6.9606779999999997</v>
      </c>
      <c r="D38">
        <f t="shared" si="3"/>
        <v>0.18017199999999978</v>
      </c>
      <c r="E38">
        <f t="shared" si="4"/>
        <v>7.1659159999999247</v>
      </c>
      <c r="F38">
        <f t="shared" si="2"/>
        <v>3.6999168453832804E-2</v>
      </c>
    </row>
    <row r="39" spans="1:6" x14ac:dyDescent="0.2">
      <c r="A39">
        <v>1074.39393</v>
      </c>
      <c r="B39">
        <v>20.039650000000002</v>
      </c>
      <c r="C39">
        <v>6.9656830000000003</v>
      </c>
      <c r="D39">
        <f t="shared" si="3"/>
        <v>0.18517700000000037</v>
      </c>
      <c r="E39">
        <f t="shared" si="4"/>
        <v>6.5994849999999587</v>
      </c>
      <c r="F39">
        <f t="shared" si="2"/>
        <v>3.317106811530933E-2</v>
      </c>
    </row>
    <row r="40" spans="1:6" x14ac:dyDescent="0.2">
      <c r="A40">
        <v>1073.6459460000001</v>
      </c>
      <c r="B40">
        <v>20.063572000000001</v>
      </c>
      <c r="C40">
        <v>6.970688</v>
      </c>
      <c r="D40">
        <f t="shared" si="3"/>
        <v>0.19018200000000007</v>
      </c>
      <c r="E40">
        <f t="shared" si="4"/>
        <v>5.8515010000000984</v>
      </c>
      <c r="F40">
        <f t="shared" si="2"/>
        <v>2.8657399944690378E-2</v>
      </c>
    </row>
    <row r="41" spans="1:6" x14ac:dyDescent="0.2">
      <c r="A41">
        <v>1073.1053899999999</v>
      </c>
      <c r="B41">
        <v>20.009806000000001</v>
      </c>
      <c r="C41">
        <v>6.9756929999999997</v>
      </c>
      <c r="D41">
        <f t="shared" si="3"/>
        <v>0.19518699999999978</v>
      </c>
      <c r="E41">
        <f t="shared" si="4"/>
        <v>5.310944999999947</v>
      </c>
      <c r="F41">
        <f t="shared" si="2"/>
        <v>2.5355871291032114E-2</v>
      </c>
    </row>
    <row r="42" spans="1:6" x14ac:dyDescent="0.2">
      <c r="A42">
        <v>1073.053936</v>
      </c>
      <c r="B42">
        <v>19.991752999999999</v>
      </c>
      <c r="C42">
        <v>6.9806980000000003</v>
      </c>
      <c r="D42">
        <f t="shared" si="3"/>
        <v>0.20019200000000037</v>
      </c>
      <c r="E42">
        <f t="shared" si="4"/>
        <v>5.2594910000000255</v>
      </c>
      <c r="F42">
        <f t="shared" si="2"/>
        <v>2.4483609606451896E-2</v>
      </c>
    </row>
    <row r="43" spans="1:6" x14ac:dyDescent="0.2">
      <c r="A43">
        <v>1073.6189489999999</v>
      </c>
      <c r="B43">
        <v>19.942191000000001</v>
      </c>
      <c r="C43">
        <v>6.9857019999999999</v>
      </c>
      <c r="D43">
        <f t="shared" si="3"/>
        <v>0.20519599999999993</v>
      </c>
      <c r="E43">
        <f t="shared" si="4"/>
        <v>5.8245039999999335</v>
      </c>
      <c r="F43">
        <f t="shared" si="2"/>
        <v>2.6438687356355618E-2</v>
      </c>
    </row>
    <row r="44" spans="1:6" x14ac:dyDescent="0.2">
      <c r="A44">
        <v>1074.7471049999999</v>
      </c>
      <c r="B44">
        <v>19.924786000000001</v>
      </c>
      <c r="C44">
        <v>6.9907069999999996</v>
      </c>
      <c r="D44">
        <f t="shared" si="3"/>
        <v>0.21020099999999964</v>
      </c>
      <c r="E44">
        <f t="shared" si="4"/>
        <v>6.9526599999999235</v>
      </c>
      <c r="F44">
        <f t="shared" si="2"/>
        <v>3.0775841047032345E-2</v>
      </c>
    </row>
    <row r="45" spans="1:6" x14ac:dyDescent="0.2">
      <c r="A45">
        <v>1075.665806</v>
      </c>
      <c r="B45">
        <v>19.929237000000001</v>
      </c>
      <c r="C45">
        <v>6.9957120000000002</v>
      </c>
      <c r="D45">
        <f t="shared" si="3"/>
        <v>0.21520600000000023</v>
      </c>
      <c r="E45">
        <f t="shared" si="4"/>
        <v>7.871360999999979</v>
      </c>
      <c r="F45">
        <f t="shared" si="2"/>
        <v>3.4003067068323262E-2</v>
      </c>
    </row>
    <row r="46" spans="1:6" x14ac:dyDescent="0.2">
      <c r="A46">
        <v>1076.3664779999999</v>
      </c>
      <c r="B46">
        <v>19.959268000000002</v>
      </c>
      <c r="C46">
        <v>7.0007169999999999</v>
      </c>
      <c r="D46">
        <f t="shared" si="3"/>
        <v>0.22021099999999993</v>
      </c>
      <c r="E46">
        <f t="shared" si="4"/>
        <v>8.5720329999999194</v>
      </c>
      <c r="F46">
        <f t="shared" si="2"/>
        <v>3.6164682896281351E-2</v>
      </c>
    </row>
    <row r="47" spans="1:6" x14ac:dyDescent="0.2">
      <c r="A47">
        <v>1077.046791</v>
      </c>
      <c r="B47">
        <v>19.942081999999999</v>
      </c>
      <c r="C47">
        <v>7.0057219999999996</v>
      </c>
      <c r="D47">
        <f t="shared" si="3"/>
        <v>0.22521599999999964</v>
      </c>
      <c r="E47">
        <f t="shared" si="4"/>
        <v>9.2523459999999886</v>
      </c>
      <c r="F47">
        <f t="shared" si="2"/>
        <v>3.8143281523201282E-2</v>
      </c>
    </row>
    <row r="48" spans="1:6" x14ac:dyDescent="0.2">
      <c r="A48">
        <v>1077.7103950000001</v>
      </c>
      <c r="B48">
        <v>19.953208</v>
      </c>
      <c r="C48">
        <v>7.010726</v>
      </c>
      <c r="D48">
        <f t="shared" si="3"/>
        <v>0.23022000000000009</v>
      </c>
      <c r="E48">
        <f t="shared" si="4"/>
        <v>9.9159500000000662</v>
      </c>
      <c r="F48">
        <f t="shared" si="2"/>
        <v>3.9965864056881781E-2</v>
      </c>
    </row>
    <row r="49" spans="1:6" x14ac:dyDescent="0.2">
      <c r="A49">
        <v>1078.290919</v>
      </c>
      <c r="B49">
        <v>19.960329999999999</v>
      </c>
      <c r="C49">
        <v>7.0157309999999997</v>
      </c>
      <c r="D49">
        <f t="shared" si="3"/>
        <v>0.2352249999999998</v>
      </c>
      <c r="E49">
        <f t="shared" si="4"/>
        <v>10.496474000000035</v>
      </c>
      <c r="F49">
        <f t="shared" si="2"/>
        <v>4.1383194234474466E-2</v>
      </c>
    </row>
    <row r="50" spans="1:6" x14ac:dyDescent="0.2">
      <c r="A50">
        <v>1078.766214</v>
      </c>
      <c r="B50">
        <v>19.962206999999999</v>
      </c>
      <c r="C50">
        <v>7.0207360000000003</v>
      </c>
      <c r="D50">
        <f t="shared" si="3"/>
        <v>0.24023000000000039</v>
      </c>
      <c r="E50">
        <f t="shared" si="4"/>
        <v>10.971768999999995</v>
      </c>
      <c r="F50">
        <f t="shared" si="2"/>
        <v>4.2337194691508047E-2</v>
      </c>
    </row>
    <row r="51" spans="1:6" x14ac:dyDescent="0.2">
      <c r="A51">
        <v>1079.2242719999999</v>
      </c>
      <c r="B51">
        <v>19.967538000000001</v>
      </c>
      <c r="C51">
        <v>7.025741</v>
      </c>
      <c r="D51">
        <f t="shared" si="3"/>
        <v>0.24523500000000009</v>
      </c>
      <c r="E51">
        <f t="shared" si="4"/>
        <v>11.429826999999932</v>
      </c>
      <c r="F51">
        <f t="shared" si="2"/>
        <v>4.3186250545418157E-2</v>
      </c>
    </row>
    <row r="52" spans="1:6" x14ac:dyDescent="0.2">
      <c r="A52">
        <v>1079.568794</v>
      </c>
      <c r="B52">
        <v>19.983101999999999</v>
      </c>
      <c r="C52">
        <v>7.0307459999999997</v>
      </c>
      <c r="D52">
        <f t="shared" si="3"/>
        <v>0.2502399999999998</v>
      </c>
      <c r="E52">
        <f t="shared" si="4"/>
        <v>11.774349000000029</v>
      </c>
      <c r="F52">
        <f t="shared" si="2"/>
        <v>4.3584277467704859E-2</v>
      </c>
    </row>
    <row r="53" spans="1:6" x14ac:dyDescent="0.2">
      <c r="A53">
        <v>1079.329876</v>
      </c>
      <c r="B53">
        <v>20.011603999999998</v>
      </c>
      <c r="C53">
        <v>7.0357500000000002</v>
      </c>
      <c r="D53">
        <f t="shared" si="3"/>
        <v>0.25524400000000025</v>
      </c>
      <c r="E53">
        <f t="shared" si="4"/>
        <v>11.535431000000017</v>
      </c>
      <c r="F53">
        <f t="shared" si="2"/>
        <v>4.1872036633501843E-2</v>
      </c>
    </row>
    <row r="54" spans="1:6" x14ac:dyDescent="0.2">
      <c r="A54">
        <v>1079.3229699999999</v>
      </c>
      <c r="B54">
        <v>20.013159999999999</v>
      </c>
      <c r="C54">
        <v>7.0407549999999999</v>
      </c>
      <c r="D54">
        <f t="shared" si="3"/>
        <v>0.26024899999999995</v>
      </c>
      <c r="E54">
        <f t="shared" si="4"/>
        <v>11.528524999999945</v>
      </c>
      <c r="F54">
        <f t="shared" si="2"/>
        <v>4.1042447990270362E-2</v>
      </c>
    </row>
    <row r="55" spans="1:6" x14ac:dyDescent="0.2">
      <c r="A55">
        <v>1079.029657</v>
      </c>
      <c r="B55">
        <v>20.023326000000001</v>
      </c>
      <c r="C55">
        <v>7.0457599999999996</v>
      </c>
      <c r="D55">
        <f t="shared" si="3"/>
        <v>0.26525399999999966</v>
      </c>
      <c r="E55">
        <f t="shared" si="4"/>
        <v>11.235212000000047</v>
      </c>
      <c r="F55">
        <f t="shared" si="2"/>
        <v>3.9254183518956459E-2</v>
      </c>
    </row>
    <row r="56" spans="1:6" x14ac:dyDescent="0.2">
      <c r="A56">
        <v>1078.9374519999999</v>
      </c>
      <c r="B56">
        <v>20.002531000000001</v>
      </c>
      <c r="C56">
        <v>7.0507650000000002</v>
      </c>
      <c r="D56">
        <f t="shared" si="3"/>
        <v>0.27025900000000025</v>
      </c>
      <c r="E56">
        <f t="shared" si="4"/>
        <v>11.143006999999898</v>
      </c>
      <c r="F56">
        <f t="shared" si="2"/>
        <v>3.8214305333285924E-2</v>
      </c>
    </row>
    <row r="57" spans="1:6" x14ac:dyDescent="0.2">
      <c r="A57">
        <v>1078.6308919999999</v>
      </c>
      <c r="B57">
        <v>20.034105</v>
      </c>
      <c r="C57">
        <v>7.0557699999999999</v>
      </c>
      <c r="D57">
        <f t="shared" si="3"/>
        <v>0.27526399999999995</v>
      </c>
      <c r="E57">
        <f t="shared" si="4"/>
        <v>10.836446999999907</v>
      </c>
      <c r="F57">
        <f t="shared" si="2"/>
        <v>3.6497628002198475E-2</v>
      </c>
    </row>
    <row r="58" spans="1:6" x14ac:dyDescent="0.2">
      <c r="A58">
        <v>1078.004948</v>
      </c>
      <c r="B58">
        <v>20.033194999999999</v>
      </c>
      <c r="C58">
        <v>7.0607740000000003</v>
      </c>
      <c r="D58">
        <f t="shared" si="3"/>
        <v>0.28026800000000041</v>
      </c>
      <c r="E58">
        <f t="shared" si="4"/>
        <v>10.210503000000017</v>
      </c>
      <c r="F58">
        <f t="shared" si="2"/>
        <v>3.3795032514319714E-2</v>
      </c>
    </row>
    <row r="59" spans="1:6" x14ac:dyDescent="0.2">
      <c r="A59">
        <v>1077.5783690000001</v>
      </c>
      <c r="B59">
        <v>20.029779999999999</v>
      </c>
      <c r="C59">
        <v>7.065779</v>
      </c>
      <c r="D59">
        <f t="shared" si="3"/>
        <v>0.28527300000000011</v>
      </c>
      <c r="E59">
        <f t="shared" si="4"/>
        <v>9.78392400000007</v>
      </c>
      <c r="F59">
        <f t="shared" si="2"/>
        <v>3.1827573982488012E-2</v>
      </c>
    </row>
    <row r="60" spans="1:6" x14ac:dyDescent="0.2">
      <c r="A60">
        <v>1077.178484</v>
      </c>
      <c r="B60">
        <v>20.020311</v>
      </c>
      <c r="C60">
        <v>7.0707839999999997</v>
      </c>
      <c r="D60">
        <f t="shared" si="3"/>
        <v>0.29027799999999981</v>
      </c>
      <c r="E60">
        <f t="shared" si="4"/>
        <v>9.3840390000000298</v>
      </c>
      <c r="F60">
        <f t="shared" si="2"/>
        <v>3.001152138491019E-2</v>
      </c>
    </row>
    <row r="61" spans="1:6" x14ac:dyDescent="0.2">
      <c r="A61">
        <v>1076.7977989999999</v>
      </c>
      <c r="B61">
        <v>20.010116</v>
      </c>
      <c r="C61">
        <v>7.0757890000000003</v>
      </c>
      <c r="D61">
        <f t="shared" si="3"/>
        <v>0.29528300000000041</v>
      </c>
      <c r="E61">
        <f t="shared" si="4"/>
        <v>9.0033539999999448</v>
      </c>
      <c r="F61">
        <f t="shared" si="2"/>
        <v>2.8315988199161233E-2</v>
      </c>
    </row>
    <row r="62" spans="1:6" x14ac:dyDescent="0.2">
      <c r="A62">
        <v>1076.9427559999999</v>
      </c>
      <c r="B62">
        <v>19.989709999999999</v>
      </c>
      <c r="C62">
        <v>7.080794</v>
      </c>
      <c r="D62">
        <f t="shared" si="3"/>
        <v>0.30028800000000011</v>
      </c>
      <c r="E62">
        <f t="shared" si="4"/>
        <v>9.1483109999999215</v>
      </c>
      <c r="F62">
        <f t="shared" si="2"/>
        <v>2.828852630441718E-2</v>
      </c>
    </row>
    <row r="63" spans="1:6" x14ac:dyDescent="0.2">
      <c r="A63">
        <v>1077.0801389999999</v>
      </c>
      <c r="B63">
        <v>20.006108000000001</v>
      </c>
      <c r="C63">
        <v>7.0857979999999996</v>
      </c>
      <c r="D63">
        <f t="shared" si="3"/>
        <v>0.30529199999999967</v>
      </c>
      <c r="E63">
        <f t="shared" si="4"/>
        <v>9.2856939999999213</v>
      </c>
      <c r="F63">
        <f t="shared" si="2"/>
        <v>2.8239104863779979E-2</v>
      </c>
    </row>
    <row r="64" spans="1:6" x14ac:dyDescent="0.2">
      <c r="A64">
        <v>1077.4922879999999</v>
      </c>
      <c r="B64">
        <v>19.945439</v>
      </c>
      <c r="C64">
        <v>7.0908030000000002</v>
      </c>
      <c r="D64">
        <f t="shared" si="3"/>
        <v>0.31029700000000027</v>
      </c>
      <c r="E64">
        <f t="shared" si="4"/>
        <v>9.6978429999999207</v>
      </c>
      <c r="F64">
        <f t="shared" si="2"/>
        <v>2.9005703400235852E-2</v>
      </c>
    </row>
    <row r="65" spans="1:6" x14ac:dyDescent="0.2">
      <c r="A65">
        <v>1078.1258250000001</v>
      </c>
      <c r="B65">
        <v>19.933340000000001</v>
      </c>
      <c r="C65">
        <v>7.0958079999999999</v>
      </c>
      <c r="D65">
        <f t="shared" si="3"/>
        <v>0.31530199999999997</v>
      </c>
      <c r="E65">
        <f t="shared" si="4"/>
        <v>10.331380000000081</v>
      </c>
      <c r="F65">
        <f t="shared" si="2"/>
        <v>3.0392201579745478E-2</v>
      </c>
    </row>
    <row r="66" spans="1:6" x14ac:dyDescent="0.2">
      <c r="A66">
        <v>1078.8573200000001</v>
      </c>
      <c r="B66">
        <v>19.960014000000001</v>
      </c>
      <c r="C66">
        <v>7.1008129999999996</v>
      </c>
      <c r="D66">
        <f t="shared" si="3"/>
        <v>0.32030699999999968</v>
      </c>
      <c r="E66">
        <f t="shared" si="4"/>
        <v>11.062875000000076</v>
      </c>
      <c r="F66">
        <f t="shared" si="2"/>
        <v>3.2013824725486452E-2</v>
      </c>
    </row>
    <row r="67" spans="1:6" x14ac:dyDescent="0.2">
      <c r="A67">
        <v>1079.642067</v>
      </c>
      <c r="B67">
        <v>19.950697000000002</v>
      </c>
      <c r="C67">
        <v>7.1058180000000002</v>
      </c>
      <c r="D67">
        <f t="shared" si="3"/>
        <v>0.32531200000000027</v>
      </c>
      <c r="E67">
        <f t="shared" si="4"/>
        <v>11.847622000000001</v>
      </c>
      <c r="F67">
        <f t="shared" ref="F67:F130" si="5">(1/A67)*(E67/D67)</f>
        <v>3.3732715835139579E-2</v>
      </c>
    </row>
    <row r="68" spans="1:6" x14ac:dyDescent="0.2">
      <c r="A68">
        <v>1080.3453179999999</v>
      </c>
      <c r="B68">
        <v>19.934024999999998</v>
      </c>
      <c r="C68">
        <v>7.1108219999999998</v>
      </c>
      <c r="D68">
        <f t="shared" si="3"/>
        <v>0.33031599999999983</v>
      </c>
      <c r="E68">
        <f t="shared" si="4"/>
        <v>12.55087299999991</v>
      </c>
      <c r="F68">
        <f t="shared" si="5"/>
        <v>3.5170758148636579E-2</v>
      </c>
    </row>
    <row r="69" spans="1:6" x14ac:dyDescent="0.2">
      <c r="A69">
        <v>1081.3287620000001</v>
      </c>
      <c r="B69">
        <v>19.913466</v>
      </c>
      <c r="C69">
        <v>7.1158270000000003</v>
      </c>
      <c r="D69">
        <f t="shared" si="3"/>
        <v>0.33532100000000042</v>
      </c>
      <c r="E69">
        <f t="shared" si="4"/>
        <v>13.534317000000101</v>
      </c>
      <c r="F69">
        <f t="shared" si="5"/>
        <v>3.7326548777533601E-2</v>
      </c>
    </row>
    <row r="70" spans="1:6" x14ac:dyDescent="0.2">
      <c r="A70">
        <v>1082.574791</v>
      </c>
      <c r="B70">
        <v>19.923527</v>
      </c>
      <c r="C70">
        <v>7.1208320000000001</v>
      </c>
      <c r="D70">
        <f t="shared" si="3"/>
        <v>0.34032600000000013</v>
      </c>
      <c r="E70">
        <f t="shared" si="4"/>
        <v>14.780346000000009</v>
      </c>
      <c r="F70">
        <f t="shared" si="5"/>
        <v>4.0117287573885635E-2</v>
      </c>
    </row>
    <row r="71" spans="1:6" x14ac:dyDescent="0.2">
      <c r="A71">
        <v>1083.3798099999999</v>
      </c>
      <c r="B71">
        <v>19.956973000000001</v>
      </c>
      <c r="C71">
        <v>7.1258369999999998</v>
      </c>
      <c r="D71">
        <f t="shared" ref="D71:D134" si="6">C71-$C$2</f>
        <v>0.34533099999999983</v>
      </c>
      <c r="E71">
        <f t="shared" ref="E71:E134" si="7">A71-$A$2</f>
        <v>15.585364999999911</v>
      </c>
      <c r="F71">
        <f t="shared" si="5"/>
        <v>4.1658216589652936E-2</v>
      </c>
    </row>
    <row r="72" spans="1:6" x14ac:dyDescent="0.2">
      <c r="A72">
        <v>1083.8824689999999</v>
      </c>
      <c r="B72">
        <v>19.960804</v>
      </c>
      <c r="C72">
        <v>7.1308420000000003</v>
      </c>
      <c r="D72">
        <f t="shared" si="6"/>
        <v>0.35033600000000042</v>
      </c>
      <c r="E72">
        <f t="shared" si="7"/>
        <v>16.088023999999905</v>
      </c>
      <c r="F72">
        <f t="shared" si="5"/>
        <v>4.2367783722348021E-2</v>
      </c>
    </row>
    <row r="73" spans="1:6" x14ac:dyDescent="0.2">
      <c r="A73">
        <v>1084.3425560000001</v>
      </c>
      <c r="B73">
        <v>19.981598000000002</v>
      </c>
      <c r="C73">
        <v>7.1358459999999999</v>
      </c>
      <c r="D73">
        <f t="shared" si="6"/>
        <v>0.35533999999999999</v>
      </c>
      <c r="E73">
        <f t="shared" si="7"/>
        <v>16.548111000000063</v>
      </c>
      <c r="F73">
        <f t="shared" si="5"/>
        <v>4.2947493730749776E-2</v>
      </c>
    </row>
    <row r="74" spans="1:6" x14ac:dyDescent="0.2">
      <c r="A74">
        <v>1084.350549</v>
      </c>
      <c r="B74">
        <v>20.009477</v>
      </c>
      <c r="C74">
        <v>7.1408509999999996</v>
      </c>
      <c r="D74">
        <f t="shared" si="6"/>
        <v>0.36034499999999969</v>
      </c>
      <c r="E74">
        <f t="shared" si="7"/>
        <v>16.556104000000005</v>
      </c>
      <c r="F74">
        <f t="shared" si="5"/>
        <v>4.2371119795404318E-2</v>
      </c>
    </row>
    <row r="75" spans="1:6" x14ac:dyDescent="0.2">
      <c r="A75">
        <v>1083.6829279999999</v>
      </c>
      <c r="B75">
        <v>20.061164000000002</v>
      </c>
      <c r="C75">
        <v>7.1458560000000002</v>
      </c>
      <c r="D75">
        <f t="shared" si="6"/>
        <v>0.36535000000000029</v>
      </c>
      <c r="E75">
        <f t="shared" si="7"/>
        <v>15.888482999999951</v>
      </c>
      <c r="F75">
        <f t="shared" si="5"/>
        <v>4.0130178387215748E-2</v>
      </c>
    </row>
    <row r="76" spans="1:6" x14ac:dyDescent="0.2">
      <c r="A76">
        <v>1083.1949179999999</v>
      </c>
      <c r="B76">
        <v>20.017997000000001</v>
      </c>
      <c r="C76">
        <v>7.1508609999999999</v>
      </c>
      <c r="D76">
        <f t="shared" si="6"/>
        <v>0.37035499999999999</v>
      </c>
      <c r="E76">
        <f t="shared" si="7"/>
        <v>15.40047299999992</v>
      </c>
      <c r="F76">
        <f t="shared" si="5"/>
        <v>3.8389215185198798E-2</v>
      </c>
    </row>
    <row r="77" spans="1:6" x14ac:dyDescent="0.2">
      <c r="A77">
        <v>1082.81764</v>
      </c>
      <c r="B77">
        <v>20.022986</v>
      </c>
      <c r="C77">
        <v>7.1558659999999996</v>
      </c>
      <c r="D77">
        <f t="shared" si="6"/>
        <v>0.37535999999999969</v>
      </c>
      <c r="E77">
        <f t="shared" si="7"/>
        <v>15.023194999999987</v>
      </c>
      <c r="F77">
        <f t="shared" si="5"/>
        <v>3.6962300355327785E-2</v>
      </c>
    </row>
    <row r="78" spans="1:6" x14ac:dyDescent="0.2">
      <c r="A78">
        <v>1082.55439</v>
      </c>
      <c r="B78">
        <v>20.018466</v>
      </c>
      <c r="C78">
        <v>7.1608700000000001</v>
      </c>
      <c r="D78">
        <f t="shared" si="6"/>
        <v>0.38036400000000015</v>
      </c>
      <c r="E78">
        <f t="shared" si="7"/>
        <v>14.759945000000016</v>
      </c>
      <c r="F78">
        <f t="shared" si="5"/>
        <v>3.5845579659579123E-2</v>
      </c>
    </row>
    <row r="79" spans="1:6" x14ac:dyDescent="0.2">
      <c r="A79">
        <v>1081.86565</v>
      </c>
      <c r="B79">
        <v>20.051041999999999</v>
      </c>
      <c r="C79">
        <v>7.1658749999999998</v>
      </c>
      <c r="D79">
        <f t="shared" si="6"/>
        <v>0.38536899999999985</v>
      </c>
      <c r="E79">
        <f t="shared" si="7"/>
        <v>14.071204999999964</v>
      </c>
      <c r="F79">
        <f t="shared" si="5"/>
        <v>3.3750575475923118E-2</v>
      </c>
    </row>
    <row r="80" spans="1:6" x14ac:dyDescent="0.2">
      <c r="A80">
        <v>1080.763185</v>
      </c>
      <c r="B80">
        <v>20.101205</v>
      </c>
      <c r="C80">
        <v>7.1708800000000004</v>
      </c>
      <c r="D80">
        <f t="shared" si="6"/>
        <v>0.39037400000000044</v>
      </c>
      <c r="E80">
        <f t="shared" si="7"/>
        <v>12.968740000000025</v>
      </c>
      <c r="F80">
        <f t="shared" si="5"/>
        <v>3.073876086191903E-2</v>
      </c>
    </row>
    <row r="81" spans="1:6" x14ac:dyDescent="0.2">
      <c r="A81">
        <v>1078.913732</v>
      </c>
      <c r="B81">
        <v>20.135497000000001</v>
      </c>
      <c r="C81">
        <v>7.1758850000000001</v>
      </c>
      <c r="D81">
        <f t="shared" si="6"/>
        <v>0.39537900000000015</v>
      </c>
      <c r="E81">
        <f t="shared" si="7"/>
        <v>11.119286999999986</v>
      </c>
      <c r="F81">
        <f t="shared" si="5"/>
        <v>2.6066133826072355E-2</v>
      </c>
    </row>
    <row r="82" spans="1:6" x14ac:dyDescent="0.2">
      <c r="A82">
        <v>1077.664565</v>
      </c>
      <c r="B82">
        <v>20.072958</v>
      </c>
      <c r="C82">
        <v>7.1808899999999998</v>
      </c>
      <c r="D82">
        <f t="shared" si="6"/>
        <v>0.40038399999999985</v>
      </c>
      <c r="E82">
        <f t="shared" si="7"/>
        <v>9.8701200000000426</v>
      </c>
      <c r="F82">
        <f t="shared" si="5"/>
        <v>2.287505336221796E-2</v>
      </c>
    </row>
    <row r="83" spans="1:6" x14ac:dyDescent="0.2">
      <c r="A83">
        <v>1076.680488</v>
      </c>
      <c r="B83">
        <v>20.062927999999999</v>
      </c>
      <c r="C83">
        <v>7.1858940000000002</v>
      </c>
      <c r="D83">
        <f t="shared" si="6"/>
        <v>0.4053880000000003</v>
      </c>
      <c r="E83">
        <f t="shared" si="7"/>
        <v>8.8860429999999724</v>
      </c>
      <c r="F83">
        <f t="shared" si="5"/>
        <v>2.0358729821034212E-2</v>
      </c>
    </row>
    <row r="84" spans="1:6" x14ac:dyDescent="0.2">
      <c r="A84">
        <v>1076.2712819999999</v>
      </c>
      <c r="B84">
        <v>20.00141</v>
      </c>
      <c r="C84">
        <v>7.1908989999999999</v>
      </c>
      <c r="D84">
        <f t="shared" si="6"/>
        <v>0.41039300000000001</v>
      </c>
      <c r="E84">
        <f t="shared" si="7"/>
        <v>8.4768369999999322</v>
      </c>
      <c r="F84">
        <f t="shared" si="5"/>
        <v>1.9191642080680315E-2</v>
      </c>
    </row>
    <row r="85" spans="1:6" x14ac:dyDescent="0.2">
      <c r="A85">
        <v>1076.4007549999999</v>
      </c>
      <c r="B85">
        <v>19.992024000000001</v>
      </c>
      <c r="C85">
        <v>7.1959039999999996</v>
      </c>
      <c r="D85">
        <f t="shared" si="6"/>
        <v>0.41539799999999971</v>
      </c>
      <c r="E85">
        <f t="shared" si="7"/>
        <v>8.606309999999894</v>
      </c>
      <c r="F85">
        <f t="shared" si="5"/>
        <v>1.9247688893654077E-2</v>
      </c>
    </row>
    <row r="86" spans="1:6" x14ac:dyDescent="0.2">
      <c r="A86">
        <v>1076.8051499999999</v>
      </c>
      <c r="B86">
        <v>19.961653999999999</v>
      </c>
      <c r="C86">
        <v>7.2009090000000002</v>
      </c>
      <c r="D86">
        <f t="shared" si="6"/>
        <v>0.4204030000000003</v>
      </c>
      <c r="E86">
        <f t="shared" si="7"/>
        <v>9.0107049999999163</v>
      </c>
      <c r="F86">
        <f t="shared" si="5"/>
        <v>1.9904709386281701E-2</v>
      </c>
    </row>
    <row r="87" spans="1:6" x14ac:dyDescent="0.2">
      <c r="A87">
        <v>1077.2942479999999</v>
      </c>
      <c r="B87">
        <v>19.955176999999999</v>
      </c>
      <c r="C87">
        <v>7.2059139999999999</v>
      </c>
      <c r="D87">
        <f t="shared" si="6"/>
        <v>0.42540800000000001</v>
      </c>
      <c r="E87">
        <f t="shared" si="7"/>
        <v>9.4998029999999289</v>
      </c>
      <c r="F87">
        <f t="shared" si="5"/>
        <v>2.0728821202063829E-2</v>
      </c>
    </row>
    <row r="88" spans="1:6" x14ac:dyDescent="0.2">
      <c r="A88">
        <v>1078.2205389999999</v>
      </c>
      <c r="B88">
        <v>19.916784</v>
      </c>
      <c r="C88">
        <v>7.2109180000000004</v>
      </c>
      <c r="D88">
        <f t="shared" si="6"/>
        <v>0.43041200000000046</v>
      </c>
      <c r="E88">
        <f t="shared" si="7"/>
        <v>10.426093999999921</v>
      </c>
      <c r="F88">
        <f t="shared" si="5"/>
        <v>2.2466202268924065E-2</v>
      </c>
    </row>
    <row r="89" spans="1:6" x14ac:dyDescent="0.2">
      <c r="A89">
        <v>1079.5289190000001</v>
      </c>
      <c r="B89">
        <v>19.913734999999999</v>
      </c>
      <c r="C89">
        <v>7.2159230000000001</v>
      </c>
      <c r="D89">
        <f t="shared" si="6"/>
        <v>0.43541700000000017</v>
      </c>
      <c r="E89">
        <f t="shared" si="7"/>
        <v>11.734474000000091</v>
      </c>
      <c r="F89">
        <f t="shared" si="5"/>
        <v>2.4964562808916676E-2</v>
      </c>
    </row>
    <row r="90" spans="1:6" x14ac:dyDescent="0.2">
      <c r="A90">
        <v>1081.0236600000001</v>
      </c>
      <c r="B90">
        <v>19.871998999999999</v>
      </c>
      <c r="C90">
        <v>7.2209279999999998</v>
      </c>
      <c r="D90">
        <f t="shared" si="6"/>
        <v>0.44042199999999987</v>
      </c>
      <c r="E90">
        <f t="shared" si="7"/>
        <v>13.229215000000067</v>
      </c>
      <c r="F90">
        <f t="shared" si="5"/>
        <v>2.7786245630166042E-2</v>
      </c>
    </row>
    <row r="91" spans="1:6" x14ac:dyDescent="0.2">
      <c r="A91">
        <v>1082.617882</v>
      </c>
      <c r="B91">
        <v>19.890067999999999</v>
      </c>
      <c r="C91">
        <v>7.2259330000000004</v>
      </c>
      <c r="D91">
        <f t="shared" si="6"/>
        <v>0.44542700000000046</v>
      </c>
      <c r="E91">
        <f t="shared" si="7"/>
        <v>14.823437000000013</v>
      </c>
      <c r="F91">
        <f t="shared" si="5"/>
        <v>3.0739526750269044E-2</v>
      </c>
    </row>
    <row r="92" spans="1:6" x14ac:dyDescent="0.2">
      <c r="A92">
        <v>1084.2499580000001</v>
      </c>
      <c r="B92">
        <v>19.888017000000001</v>
      </c>
      <c r="C92">
        <v>7.2309380000000001</v>
      </c>
      <c r="D92">
        <f t="shared" si="6"/>
        <v>0.45043200000000017</v>
      </c>
      <c r="E92">
        <f t="shared" si="7"/>
        <v>16.45551300000011</v>
      </c>
      <c r="F92">
        <f t="shared" si="5"/>
        <v>3.3694015822904641E-2</v>
      </c>
    </row>
    <row r="93" spans="1:6" x14ac:dyDescent="0.2">
      <c r="A93">
        <v>1085.272817</v>
      </c>
      <c r="B93">
        <v>19.932444</v>
      </c>
      <c r="C93">
        <v>7.2359419999999997</v>
      </c>
      <c r="D93">
        <f t="shared" si="6"/>
        <v>0.45543599999999973</v>
      </c>
      <c r="E93">
        <f t="shared" si="7"/>
        <v>17.478372000000036</v>
      </c>
      <c r="F93">
        <f t="shared" si="5"/>
        <v>3.5361827118821243E-2</v>
      </c>
    </row>
    <row r="94" spans="1:6" x14ac:dyDescent="0.2">
      <c r="A94">
        <v>1086.074046</v>
      </c>
      <c r="B94">
        <v>19.946045000000002</v>
      </c>
      <c r="C94">
        <v>7.2409470000000002</v>
      </c>
      <c r="D94">
        <f t="shared" si="6"/>
        <v>0.46044100000000032</v>
      </c>
      <c r="E94">
        <f t="shared" si="7"/>
        <v>18.279600999999957</v>
      </c>
      <c r="F94">
        <f t="shared" si="5"/>
        <v>3.655386368732412E-2</v>
      </c>
    </row>
    <row r="95" spans="1:6" x14ac:dyDescent="0.2">
      <c r="A95">
        <v>1086.6892780000001</v>
      </c>
      <c r="B95">
        <v>19.970694999999999</v>
      </c>
      <c r="C95">
        <v>7.2459519999999999</v>
      </c>
      <c r="D95">
        <f t="shared" si="6"/>
        <v>0.46544600000000003</v>
      </c>
      <c r="E95">
        <f t="shared" si="7"/>
        <v>18.894833000000062</v>
      </c>
      <c r="F95">
        <f t="shared" si="5"/>
        <v>3.7356688702271094E-2</v>
      </c>
    </row>
    <row r="96" spans="1:6" x14ac:dyDescent="0.2">
      <c r="A96">
        <v>1087.0932089999999</v>
      </c>
      <c r="B96">
        <v>19.968202999999999</v>
      </c>
      <c r="C96">
        <v>7.2509569999999997</v>
      </c>
      <c r="D96">
        <f t="shared" si="6"/>
        <v>0.47045099999999973</v>
      </c>
      <c r="E96">
        <f t="shared" si="7"/>
        <v>19.298763999999892</v>
      </c>
      <c r="F96">
        <f t="shared" si="5"/>
        <v>3.7735344268043432E-2</v>
      </c>
    </row>
    <row r="97" spans="1:6" x14ac:dyDescent="0.2">
      <c r="A97">
        <v>1087.491972</v>
      </c>
      <c r="B97">
        <v>19.985316999999998</v>
      </c>
      <c r="C97">
        <v>7.2559620000000002</v>
      </c>
      <c r="D97">
        <f t="shared" si="6"/>
        <v>0.47545600000000032</v>
      </c>
      <c r="E97">
        <f t="shared" si="7"/>
        <v>19.697527000000036</v>
      </c>
      <c r="F97">
        <f t="shared" si="5"/>
        <v>3.8095643373313746E-2</v>
      </c>
    </row>
    <row r="98" spans="1:6" x14ac:dyDescent="0.2">
      <c r="A98">
        <v>1087.258832</v>
      </c>
      <c r="B98">
        <v>20.026105000000001</v>
      </c>
      <c r="C98">
        <v>7.2609659999999998</v>
      </c>
      <c r="D98">
        <f t="shared" si="6"/>
        <v>0.48045999999999989</v>
      </c>
      <c r="E98">
        <f t="shared" si="7"/>
        <v>19.464386999999988</v>
      </c>
      <c r="F98">
        <f t="shared" si="5"/>
        <v>3.7260660548024974E-2</v>
      </c>
    </row>
    <row r="99" spans="1:6" x14ac:dyDescent="0.2">
      <c r="A99">
        <v>1086.617487</v>
      </c>
      <c r="B99">
        <v>20.042159000000002</v>
      </c>
      <c r="C99">
        <v>7.2659710000000004</v>
      </c>
      <c r="D99">
        <f t="shared" si="6"/>
        <v>0.48546500000000048</v>
      </c>
      <c r="E99">
        <f t="shared" si="7"/>
        <v>18.823041999999987</v>
      </c>
      <c r="F99">
        <f t="shared" si="5"/>
        <v>3.5682493622958014E-2</v>
      </c>
    </row>
    <row r="100" spans="1:6" x14ac:dyDescent="0.2">
      <c r="A100">
        <v>1086.010575</v>
      </c>
      <c r="B100">
        <v>20.068258</v>
      </c>
      <c r="C100">
        <v>7.2709760000000001</v>
      </c>
      <c r="D100">
        <f t="shared" si="6"/>
        <v>0.49047000000000018</v>
      </c>
      <c r="E100">
        <f t="shared" si="7"/>
        <v>18.216130000000021</v>
      </c>
      <c r="F100">
        <f t="shared" si="5"/>
        <v>3.4198701318781201E-2</v>
      </c>
    </row>
    <row r="101" spans="1:6" x14ac:dyDescent="0.2">
      <c r="A101">
        <v>1085.309921</v>
      </c>
      <c r="B101">
        <v>20.022862</v>
      </c>
      <c r="C101">
        <v>7.2759809999999998</v>
      </c>
      <c r="D101">
        <f t="shared" si="6"/>
        <v>0.49547499999999989</v>
      </c>
      <c r="E101">
        <f t="shared" si="7"/>
        <v>17.515476000000035</v>
      </c>
      <c r="F101">
        <f t="shared" si="5"/>
        <v>3.2572149905593352E-2</v>
      </c>
    </row>
    <row r="102" spans="1:6" x14ac:dyDescent="0.2">
      <c r="A102">
        <v>1084.7177240000001</v>
      </c>
      <c r="B102">
        <v>20.030090999999999</v>
      </c>
      <c r="C102">
        <v>7.2809860000000004</v>
      </c>
      <c r="D102">
        <f t="shared" si="6"/>
        <v>0.50048000000000048</v>
      </c>
      <c r="E102">
        <f t="shared" si="7"/>
        <v>16.923279000000093</v>
      </c>
      <c r="F102">
        <f t="shared" si="5"/>
        <v>3.1173175950973447E-2</v>
      </c>
    </row>
    <row r="103" spans="1:6" x14ac:dyDescent="0.2">
      <c r="A103">
        <v>1084.185712</v>
      </c>
      <c r="B103">
        <v>20.024370000000001</v>
      </c>
      <c r="C103">
        <v>7.28599</v>
      </c>
      <c r="D103">
        <f t="shared" si="6"/>
        <v>0.50548400000000004</v>
      </c>
      <c r="E103">
        <f t="shared" si="7"/>
        <v>16.391266999999971</v>
      </c>
      <c r="F103">
        <f t="shared" si="5"/>
        <v>2.9908968237510967E-2</v>
      </c>
    </row>
    <row r="104" spans="1:6" x14ac:dyDescent="0.2">
      <c r="A104">
        <v>1084.3066980000001</v>
      </c>
      <c r="B104">
        <v>19.983826000000001</v>
      </c>
      <c r="C104">
        <v>7.2909949999999997</v>
      </c>
      <c r="D104">
        <f t="shared" si="6"/>
        <v>0.51048899999999975</v>
      </c>
      <c r="E104">
        <f t="shared" si="7"/>
        <v>16.512253000000101</v>
      </c>
      <c r="F104">
        <f t="shared" si="5"/>
        <v>2.9830999537205471E-2</v>
      </c>
    </row>
    <row r="105" spans="1:6" x14ac:dyDescent="0.2">
      <c r="A105">
        <v>1084.671233</v>
      </c>
      <c r="B105">
        <v>19.987992999999999</v>
      </c>
      <c r="C105">
        <v>7.2960000000000003</v>
      </c>
      <c r="D105">
        <f t="shared" si="6"/>
        <v>0.51549400000000034</v>
      </c>
      <c r="E105">
        <f t="shared" si="7"/>
        <v>16.876788000000033</v>
      </c>
      <c r="F105">
        <f t="shared" si="5"/>
        <v>3.0183392969702884E-2</v>
      </c>
    </row>
    <row r="106" spans="1:6" x14ac:dyDescent="0.2">
      <c r="A106">
        <v>1084.555501</v>
      </c>
      <c r="B106">
        <v>20.005818000000001</v>
      </c>
      <c r="C106">
        <v>7.301005</v>
      </c>
      <c r="D106">
        <f t="shared" si="6"/>
        <v>0.52049900000000004</v>
      </c>
      <c r="E106">
        <f t="shared" si="7"/>
        <v>16.761056000000053</v>
      </c>
      <c r="F106">
        <f t="shared" si="5"/>
        <v>2.969133302356048E-2</v>
      </c>
    </row>
    <row r="107" spans="1:6" x14ac:dyDescent="0.2">
      <c r="A107">
        <v>1084.9906840000001</v>
      </c>
      <c r="B107">
        <v>19.946383999999998</v>
      </c>
      <c r="C107">
        <v>7.3060099999999997</v>
      </c>
      <c r="D107">
        <f t="shared" si="6"/>
        <v>0.52550399999999975</v>
      </c>
      <c r="E107">
        <f t="shared" si="7"/>
        <v>17.196239000000105</v>
      </c>
      <c r="F107">
        <f t="shared" si="5"/>
        <v>3.016000693963989E-2</v>
      </c>
    </row>
    <row r="108" spans="1:6" x14ac:dyDescent="0.2">
      <c r="A108">
        <v>1085.5714129999999</v>
      </c>
      <c r="B108">
        <v>19.950123000000001</v>
      </c>
      <c r="C108">
        <v>7.3110140000000001</v>
      </c>
      <c r="D108">
        <f t="shared" si="6"/>
        <v>0.5305080000000002</v>
      </c>
      <c r="E108">
        <f t="shared" si="7"/>
        <v>17.776967999999897</v>
      </c>
      <c r="F108">
        <f t="shared" si="5"/>
        <v>3.0867919215622576E-2</v>
      </c>
    </row>
    <row r="109" spans="1:6" x14ac:dyDescent="0.2">
      <c r="A109">
        <v>1086.3638129999999</v>
      </c>
      <c r="B109">
        <v>19.951053999999999</v>
      </c>
      <c r="C109">
        <v>7.3160189999999998</v>
      </c>
      <c r="D109">
        <f t="shared" si="6"/>
        <v>0.53551299999999991</v>
      </c>
      <c r="E109">
        <f t="shared" si="7"/>
        <v>18.56936799999994</v>
      </c>
      <c r="F109">
        <f t="shared" si="5"/>
        <v>3.1919186486239981E-2</v>
      </c>
    </row>
    <row r="110" spans="1:6" x14ac:dyDescent="0.2">
      <c r="A110">
        <v>1086.8006559999999</v>
      </c>
      <c r="B110">
        <v>19.975964999999999</v>
      </c>
      <c r="C110">
        <v>7.3210240000000004</v>
      </c>
      <c r="D110">
        <f t="shared" si="6"/>
        <v>0.5405180000000005</v>
      </c>
      <c r="E110">
        <f t="shared" si="7"/>
        <v>19.006210999999894</v>
      </c>
      <c r="F110">
        <f t="shared" si="5"/>
        <v>3.2354559643633381E-2</v>
      </c>
    </row>
    <row r="111" spans="1:6" x14ac:dyDescent="0.2">
      <c r="A111">
        <v>1087.4001499999999</v>
      </c>
      <c r="B111">
        <v>19.955839999999998</v>
      </c>
      <c r="C111">
        <v>7.3260290000000001</v>
      </c>
      <c r="D111">
        <f t="shared" si="6"/>
        <v>0.5455230000000002</v>
      </c>
      <c r="E111">
        <f t="shared" si="7"/>
        <v>19.605704999999944</v>
      </c>
      <c r="F111">
        <f t="shared" si="5"/>
        <v>3.3050650324164307E-2</v>
      </c>
    </row>
    <row r="112" spans="1:6" x14ac:dyDescent="0.2">
      <c r="A112">
        <v>1087.731816</v>
      </c>
      <c r="B112">
        <v>19.994211</v>
      </c>
      <c r="C112">
        <v>7.3310339999999998</v>
      </c>
      <c r="D112">
        <f t="shared" si="6"/>
        <v>0.55052799999999991</v>
      </c>
      <c r="E112">
        <f t="shared" si="7"/>
        <v>19.937370999999985</v>
      </c>
      <c r="F112">
        <f t="shared" si="5"/>
        <v>3.3294051458960174E-2</v>
      </c>
    </row>
    <row r="113" spans="1:6" x14ac:dyDescent="0.2">
      <c r="A113">
        <v>1088.155424</v>
      </c>
      <c r="B113">
        <v>19.957442</v>
      </c>
      <c r="C113">
        <v>7.3360380000000003</v>
      </c>
      <c r="D113">
        <f t="shared" si="6"/>
        <v>0.55553200000000036</v>
      </c>
      <c r="E113">
        <f t="shared" si="7"/>
        <v>20.360979000000043</v>
      </c>
      <c r="F113">
        <f t="shared" si="5"/>
        <v>3.36820599405546E-2</v>
      </c>
    </row>
    <row r="114" spans="1:6" x14ac:dyDescent="0.2">
      <c r="A114">
        <v>1088.0082090000001</v>
      </c>
      <c r="B114">
        <v>20.006585999999999</v>
      </c>
      <c r="C114">
        <v>7.341043</v>
      </c>
      <c r="D114">
        <f t="shared" si="6"/>
        <v>0.56053700000000006</v>
      </c>
      <c r="E114">
        <f t="shared" si="7"/>
        <v>20.213764000000083</v>
      </c>
      <c r="F114">
        <f t="shared" si="5"/>
        <v>3.3144443683478075E-2</v>
      </c>
    </row>
    <row r="115" spans="1:6" x14ac:dyDescent="0.2">
      <c r="A115">
        <v>1087.8752589999999</v>
      </c>
      <c r="B115">
        <v>20.020119999999999</v>
      </c>
      <c r="C115">
        <v>7.3460479999999997</v>
      </c>
      <c r="D115">
        <f t="shared" si="6"/>
        <v>0.56554199999999977</v>
      </c>
      <c r="E115">
        <f t="shared" si="7"/>
        <v>20.080813999999918</v>
      </c>
      <c r="F115">
        <f t="shared" si="5"/>
        <v>3.263903802117165E-2</v>
      </c>
    </row>
    <row r="116" spans="1:6" x14ac:dyDescent="0.2">
      <c r="A116">
        <v>1087.6256940000001</v>
      </c>
      <c r="B116">
        <v>20.0152</v>
      </c>
      <c r="C116">
        <v>7.3510530000000003</v>
      </c>
      <c r="D116">
        <f t="shared" si="6"/>
        <v>0.57054700000000036</v>
      </c>
      <c r="E116">
        <f t="shared" si="7"/>
        <v>19.831249000000071</v>
      </c>
      <c r="F116">
        <f t="shared" si="5"/>
        <v>3.1957969844920366E-2</v>
      </c>
    </row>
    <row r="117" spans="1:6" x14ac:dyDescent="0.2">
      <c r="A117">
        <v>1087.6357840000001</v>
      </c>
      <c r="B117">
        <v>19.991880999999999</v>
      </c>
      <c r="C117">
        <v>7.356058</v>
      </c>
      <c r="D117">
        <f t="shared" si="6"/>
        <v>0.57555200000000006</v>
      </c>
      <c r="E117">
        <f t="shared" si="7"/>
        <v>19.841339000000062</v>
      </c>
      <c r="F117">
        <f t="shared" si="5"/>
        <v>3.1695887897645179E-2</v>
      </c>
    </row>
    <row r="118" spans="1:6" x14ac:dyDescent="0.2">
      <c r="A118">
        <v>1087.7219789999999</v>
      </c>
      <c r="B118">
        <v>20.006340000000002</v>
      </c>
      <c r="C118">
        <v>7.3610620000000004</v>
      </c>
      <c r="D118">
        <f t="shared" si="6"/>
        <v>0.58055600000000052</v>
      </c>
      <c r="E118">
        <f t="shared" si="7"/>
        <v>19.927533999999923</v>
      </c>
      <c r="F118">
        <f t="shared" si="5"/>
        <v>3.1556696777865836E-2</v>
      </c>
    </row>
    <row r="119" spans="1:6" x14ac:dyDescent="0.2">
      <c r="A119">
        <v>1087.2801979999999</v>
      </c>
      <c r="B119">
        <v>20.018995</v>
      </c>
      <c r="C119">
        <v>7.3660670000000001</v>
      </c>
      <c r="D119">
        <f t="shared" si="6"/>
        <v>0.58556100000000022</v>
      </c>
      <c r="E119">
        <f t="shared" si="7"/>
        <v>19.485752999999931</v>
      </c>
      <c r="F119">
        <f t="shared" si="5"/>
        <v>3.060578836420404E-2</v>
      </c>
    </row>
    <row r="120" spans="1:6" x14ac:dyDescent="0.2">
      <c r="A120">
        <v>1087.031117</v>
      </c>
      <c r="B120">
        <v>20.017278999999998</v>
      </c>
      <c r="C120">
        <v>7.3710719999999998</v>
      </c>
      <c r="D120">
        <f t="shared" si="6"/>
        <v>0.59056599999999992</v>
      </c>
      <c r="E120">
        <f t="shared" si="7"/>
        <v>19.236671999999999</v>
      </c>
      <c r="F120">
        <f t="shared" si="5"/>
        <v>2.9965361651936459E-2</v>
      </c>
    </row>
    <row r="121" spans="1:6" x14ac:dyDescent="0.2">
      <c r="A121">
        <v>1086.98487</v>
      </c>
      <c r="B121">
        <v>20.003779000000002</v>
      </c>
      <c r="C121">
        <v>7.3760770000000004</v>
      </c>
      <c r="D121">
        <f t="shared" si="6"/>
        <v>0.59557100000000052</v>
      </c>
      <c r="E121">
        <f t="shared" si="7"/>
        <v>19.190425000000005</v>
      </c>
      <c r="F121">
        <f t="shared" si="5"/>
        <v>2.9643368393634267E-2</v>
      </c>
    </row>
    <row r="122" spans="1:6" x14ac:dyDescent="0.2">
      <c r="A122">
        <v>1086.615413</v>
      </c>
      <c r="B122">
        <v>20.030837999999999</v>
      </c>
      <c r="C122">
        <v>7.3810820000000001</v>
      </c>
      <c r="D122">
        <f t="shared" si="6"/>
        <v>0.60057600000000022</v>
      </c>
      <c r="E122">
        <f t="shared" si="7"/>
        <v>18.820967999999993</v>
      </c>
      <c r="F122">
        <f t="shared" si="5"/>
        <v>2.8840190335567048E-2</v>
      </c>
    </row>
    <row r="123" spans="1:6" x14ac:dyDescent="0.2">
      <c r="A123">
        <v>1086.0097189999999</v>
      </c>
      <c r="B123">
        <v>20.042007999999999</v>
      </c>
      <c r="C123">
        <v>7.3860859999999997</v>
      </c>
      <c r="D123">
        <f t="shared" si="6"/>
        <v>0.60557999999999979</v>
      </c>
      <c r="E123">
        <f t="shared" si="7"/>
        <v>18.215273999999908</v>
      </c>
      <c r="F123">
        <f t="shared" si="5"/>
        <v>2.7696855989599749E-2</v>
      </c>
    </row>
    <row r="124" spans="1:6" x14ac:dyDescent="0.2">
      <c r="A124">
        <v>1085.6871639999999</v>
      </c>
      <c r="B124">
        <v>20.013579</v>
      </c>
      <c r="C124">
        <v>7.3910910000000003</v>
      </c>
      <c r="D124">
        <f t="shared" si="6"/>
        <v>0.61058500000000038</v>
      </c>
      <c r="E124">
        <f t="shared" si="7"/>
        <v>17.892718999999943</v>
      </c>
      <c r="F124">
        <f t="shared" si="5"/>
        <v>2.6991405969366975E-2</v>
      </c>
    </row>
    <row r="125" spans="1:6" x14ac:dyDescent="0.2">
      <c r="A125">
        <v>1085.3319590000001</v>
      </c>
      <c r="B125">
        <v>20.010452999999998</v>
      </c>
      <c r="C125">
        <v>7.396096</v>
      </c>
      <c r="D125">
        <f t="shared" si="6"/>
        <v>0.61559000000000008</v>
      </c>
      <c r="E125">
        <f t="shared" si="7"/>
        <v>17.537514000000101</v>
      </c>
      <c r="F125">
        <f t="shared" si="5"/>
        <v>2.6249067693997007E-2</v>
      </c>
    </row>
    <row r="126" spans="1:6" x14ac:dyDescent="0.2">
      <c r="A126">
        <v>1085.24362</v>
      </c>
      <c r="B126">
        <v>20.018557000000001</v>
      </c>
      <c r="C126">
        <v>7.4011009999999997</v>
      </c>
      <c r="D126">
        <f t="shared" si="6"/>
        <v>0.62059499999999979</v>
      </c>
      <c r="E126">
        <f t="shared" si="7"/>
        <v>17.449174999999968</v>
      </c>
      <c r="F126">
        <f t="shared" si="5"/>
        <v>2.5908327884454421E-2</v>
      </c>
    </row>
    <row r="127" spans="1:6" x14ac:dyDescent="0.2">
      <c r="A127">
        <v>1085.2363720000001</v>
      </c>
      <c r="B127">
        <v>19.999846000000002</v>
      </c>
      <c r="C127">
        <v>7.4061060000000003</v>
      </c>
      <c r="D127">
        <f t="shared" si="6"/>
        <v>0.62560000000000038</v>
      </c>
      <c r="E127">
        <f t="shared" si="7"/>
        <v>17.441927000000078</v>
      </c>
      <c r="F127">
        <f t="shared" si="5"/>
        <v>2.5690548910785368E-2</v>
      </c>
    </row>
    <row r="128" spans="1:6" x14ac:dyDescent="0.2">
      <c r="A128">
        <v>1085.236594</v>
      </c>
      <c r="B128">
        <v>19.985606000000001</v>
      </c>
      <c r="C128">
        <v>7.4111099999999999</v>
      </c>
      <c r="D128">
        <f t="shared" si="6"/>
        <v>0.63060399999999994</v>
      </c>
      <c r="E128">
        <f t="shared" si="7"/>
        <v>17.442148999999972</v>
      </c>
      <c r="F128">
        <f t="shared" si="5"/>
        <v>2.5487007178080244E-2</v>
      </c>
    </row>
    <row r="129" spans="1:6" x14ac:dyDescent="0.2">
      <c r="A129">
        <v>1085.579911</v>
      </c>
      <c r="B129">
        <v>19.970863999999999</v>
      </c>
      <c r="C129">
        <v>7.4161149999999996</v>
      </c>
      <c r="D129">
        <f t="shared" si="6"/>
        <v>0.63560899999999965</v>
      </c>
      <c r="E129">
        <f t="shared" si="7"/>
        <v>17.785466000000042</v>
      </c>
      <c r="F129">
        <f t="shared" si="5"/>
        <v>2.5775874745848363E-2</v>
      </c>
    </row>
    <row r="130" spans="1:6" x14ac:dyDescent="0.2">
      <c r="A130">
        <v>1086.1070179999999</v>
      </c>
      <c r="B130">
        <v>19.961707000000001</v>
      </c>
      <c r="C130">
        <v>7.4211200000000002</v>
      </c>
      <c r="D130">
        <f t="shared" si="6"/>
        <v>0.64061400000000024</v>
      </c>
      <c r="E130">
        <f t="shared" si="7"/>
        <v>18.312572999999929</v>
      </c>
      <c r="F130">
        <f t="shared" si="5"/>
        <v>2.6319662955083218E-2</v>
      </c>
    </row>
    <row r="131" spans="1:6" x14ac:dyDescent="0.2">
      <c r="A131">
        <v>1086.153689</v>
      </c>
      <c r="B131">
        <v>19.994333000000001</v>
      </c>
      <c r="C131">
        <v>7.4261249999999999</v>
      </c>
      <c r="D131">
        <f t="shared" si="6"/>
        <v>0.64561899999999994</v>
      </c>
      <c r="E131">
        <f t="shared" si="7"/>
        <v>18.35924399999999</v>
      </c>
      <c r="F131">
        <f t="shared" ref="F131:F194" si="8">(1/A131)*(E131/D131)</f>
        <v>2.6181059001080521E-2</v>
      </c>
    </row>
    <row r="132" spans="1:6" x14ac:dyDescent="0.2">
      <c r="A132">
        <v>1086.7504120000001</v>
      </c>
      <c r="B132">
        <v>19.940605000000001</v>
      </c>
      <c r="C132">
        <v>7.4311299999999996</v>
      </c>
      <c r="D132">
        <f t="shared" si="6"/>
        <v>0.65062399999999965</v>
      </c>
      <c r="E132">
        <f t="shared" si="7"/>
        <v>18.955967000000101</v>
      </c>
      <c r="F132">
        <f t="shared" si="8"/>
        <v>2.6809335591590003E-2</v>
      </c>
    </row>
    <row r="133" spans="1:6" x14ac:dyDescent="0.2">
      <c r="A133">
        <v>1087.5614109999999</v>
      </c>
      <c r="B133">
        <v>19.944870999999999</v>
      </c>
      <c r="C133">
        <v>7.436134</v>
      </c>
      <c r="D133">
        <f t="shared" si="6"/>
        <v>0.6556280000000001</v>
      </c>
      <c r="E133">
        <f t="shared" si="7"/>
        <v>19.766965999999911</v>
      </c>
      <c r="F133">
        <f t="shared" si="8"/>
        <v>2.7722266425027318E-2</v>
      </c>
    </row>
    <row r="134" spans="1:6" x14ac:dyDescent="0.2">
      <c r="A134">
        <v>1088.4843109999999</v>
      </c>
      <c r="B134">
        <v>19.923818000000001</v>
      </c>
      <c r="C134">
        <v>7.4411389999999997</v>
      </c>
      <c r="D134">
        <f t="shared" si="6"/>
        <v>0.6606329999999998</v>
      </c>
      <c r="E134">
        <f t="shared" si="7"/>
        <v>20.689865999999938</v>
      </c>
      <c r="F134">
        <f t="shared" si="8"/>
        <v>2.8772343760800418E-2</v>
      </c>
    </row>
    <row r="135" spans="1:6" x14ac:dyDescent="0.2">
      <c r="A135">
        <v>1089.4387380000001</v>
      </c>
      <c r="B135">
        <v>19.932682</v>
      </c>
      <c r="C135">
        <v>7.4461440000000003</v>
      </c>
      <c r="D135">
        <f t="shared" ref="D135:D198" si="9">C135-$C$2</f>
        <v>0.6656380000000004</v>
      </c>
      <c r="E135">
        <f t="shared" ref="E135:E198" si="10">A135-$A$2</f>
        <v>21.644293000000062</v>
      </c>
      <c r="F135">
        <f t="shared" si="8"/>
        <v>2.9847123568405038E-2</v>
      </c>
    </row>
    <row r="136" spans="1:6" x14ac:dyDescent="0.2">
      <c r="A136">
        <v>1090.330584</v>
      </c>
      <c r="B136">
        <v>19.928868000000001</v>
      </c>
      <c r="C136">
        <v>7.451149</v>
      </c>
      <c r="D136">
        <f t="shared" si="9"/>
        <v>0.6706430000000001</v>
      </c>
      <c r="E136">
        <f t="shared" si="10"/>
        <v>22.536139000000048</v>
      </c>
      <c r="F136">
        <f t="shared" si="8"/>
        <v>3.0819807547081187E-2</v>
      </c>
    </row>
    <row r="137" spans="1:6" x14ac:dyDescent="0.2">
      <c r="A137">
        <v>1091.343879</v>
      </c>
      <c r="B137">
        <v>19.939574</v>
      </c>
      <c r="C137">
        <v>7.4561539999999997</v>
      </c>
      <c r="D137">
        <f t="shared" si="9"/>
        <v>0.6756479999999998</v>
      </c>
      <c r="E137">
        <f t="shared" si="10"/>
        <v>23.549434000000019</v>
      </c>
      <c r="F137">
        <f t="shared" si="8"/>
        <v>3.1937312001000341E-2</v>
      </c>
    </row>
    <row r="138" spans="1:6" x14ac:dyDescent="0.2">
      <c r="A138">
        <v>1091.785705</v>
      </c>
      <c r="B138">
        <v>19.979340000000001</v>
      </c>
      <c r="C138">
        <v>7.4611580000000002</v>
      </c>
      <c r="D138">
        <f t="shared" si="9"/>
        <v>0.68065200000000026</v>
      </c>
      <c r="E138">
        <f t="shared" si="10"/>
        <v>23.991260000000011</v>
      </c>
      <c r="F138">
        <f t="shared" si="8"/>
        <v>3.2284237137573613E-2</v>
      </c>
    </row>
    <row r="139" spans="1:6" x14ac:dyDescent="0.2">
      <c r="A139">
        <v>1091.735212</v>
      </c>
      <c r="B139">
        <v>20.010300000000001</v>
      </c>
      <c r="C139">
        <v>7.4661629999999999</v>
      </c>
      <c r="D139">
        <f t="shared" si="9"/>
        <v>0.68565699999999996</v>
      </c>
      <c r="E139">
        <f t="shared" si="10"/>
        <v>23.940767000000051</v>
      </c>
      <c r="F139">
        <f t="shared" si="8"/>
        <v>3.1982604521176614E-2</v>
      </c>
    </row>
    <row r="140" spans="1:6" x14ac:dyDescent="0.2">
      <c r="A140">
        <v>1091.906105</v>
      </c>
      <c r="B140">
        <v>19.972452000000001</v>
      </c>
      <c r="C140">
        <v>7.4711679999999996</v>
      </c>
      <c r="D140">
        <f t="shared" si="9"/>
        <v>0.69066199999999967</v>
      </c>
      <c r="E140">
        <f t="shared" si="10"/>
        <v>24.111660000000029</v>
      </c>
      <c r="F140">
        <f t="shared" si="8"/>
        <v>3.1972474884127446E-2</v>
      </c>
    </row>
    <row r="141" spans="1:6" x14ac:dyDescent="0.2">
      <c r="A141">
        <v>1092.174761</v>
      </c>
      <c r="B141">
        <v>19.972552</v>
      </c>
      <c r="C141">
        <v>7.4761730000000002</v>
      </c>
      <c r="D141">
        <f t="shared" si="9"/>
        <v>0.69566700000000026</v>
      </c>
      <c r="E141">
        <f t="shared" si="10"/>
        <v>24.380315999999993</v>
      </c>
      <c r="F141">
        <f t="shared" si="8"/>
        <v>3.2088232199163881E-2</v>
      </c>
    </row>
    <row r="142" spans="1:6" x14ac:dyDescent="0.2">
      <c r="A142">
        <v>1092.0952600000001</v>
      </c>
      <c r="B142">
        <v>20.029126000000002</v>
      </c>
      <c r="C142">
        <v>7.4811779999999999</v>
      </c>
      <c r="D142">
        <f t="shared" si="9"/>
        <v>0.70067199999999996</v>
      </c>
      <c r="E142">
        <f t="shared" si="10"/>
        <v>24.300815000000057</v>
      </c>
      <c r="F142">
        <f t="shared" si="8"/>
        <v>3.1757444978814622E-2</v>
      </c>
    </row>
    <row r="143" spans="1:6" x14ac:dyDescent="0.2">
      <c r="A143">
        <v>1091.3071749999999</v>
      </c>
      <c r="B143">
        <v>20.065828</v>
      </c>
      <c r="C143">
        <v>7.4861820000000003</v>
      </c>
      <c r="D143">
        <f t="shared" si="9"/>
        <v>0.70567600000000041</v>
      </c>
      <c r="E143">
        <f t="shared" si="10"/>
        <v>23.51272999999992</v>
      </c>
      <c r="F143">
        <f t="shared" si="8"/>
        <v>3.053167978726876E-2</v>
      </c>
    </row>
    <row r="144" spans="1:6" x14ac:dyDescent="0.2">
      <c r="A144">
        <v>1090.1035569999999</v>
      </c>
      <c r="B144">
        <v>20.095132</v>
      </c>
      <c r="C144">
        <v>7.491187</v>
      </c>
      <c r="D144">
        <f t="shared" si="9"/>
        <v>0.71068100000000012</v>
      </c>
      <c r="E144">
        <f t="shared" si="10"/>
        <v>22.309111999999914</v>
      </c>
      <c r="F144">
        <f t="shared" si="8"/>
        <v>2.8796507730604552E-2</v>
      </c>
    </row>
    <row r="145" spans="1:6" x14ac:dyDescent="0.2">
      <c r="A145">
        <v>1088.8619530000001</v>
      </c>
      <c r="B145">
        <v>20.079035999999999</v>
      </c>
      <c r="C145">
        <v>7.4961919999999997</v>
      </c>
      <c r="D145">
        <f t="shared" si="9"/>
        <v>0.71568599999999982</v>
      </c>
      <c r="E145">
        <f t="shared" si="10"/>
        <v>21.067508000000089</v>
      </c>
      <c r="F145">
        <f t="shared" si="8"/>
        <v>2.7034467693287826E-2</v>
      </c>
    </row>
    <row r="146" spans="1:6" x14ac:dyDescent="0.2">
      <c r="A146">
        <v>1087.7794369999999</v>
      </c>
      <c r="B146">
        <v>20.065156999999999</v>
      </c>
      <c r="C146">
        <v>7.5011970000000003</v>
      </c>
      <c r="D146">
        <f t="shared" si="9"/>
        <v>0.72069100000000041</v>
      </c>
      <c r="E146">
        <f t="shared" si="10"/>
        <v>19.98499199999992</v>
      </c>
      <c r="F146">
        <f t="shared" si="8"/>
        <v>2.5492594349407573E-2</v>
      </c>
    </row>
    <row r="147" spans="1:6" x14ac:dyDescent="0.2">
      <c r="A147">
        <v>1086.8475060000001</v>
      </c>
      <c r="B147">
        <v>20.06748</v>
      </c>
      <c r="C147">
        <v>7.506202</v>
      </c>
      <c r="D147">
        <f t="shared" si="9"/>
        <v>0.72569600000000012</v>
      </c>
      <c r="E147">
        <f t="shared" si="10"/>
        <v>19.053061000000071</v>
      </c>
      <c r="F147">
        <f t="shared" si="8"/>
        <v>2.4156911902280812E-2</v>
      </c>
    </row>
    <row r="148" spans="1:6" x14ac:dyDescent="0.2">
      <c r="A148">
        <v>1086.0568040000001</v>
      </c>
      <c r="B148">
        <v>20.048759</v>
      </c>
      <c r="C148">
        <v>7.5112059999999996</v>
      </c>
      <c r="D148">
        <f t="shared" si="9"/>
        <v>0.73069999999999968</v>
      </c>
      <c r="E148">
        <f t="shared" si="10"/>
        <v>18.26235900000006</v>
      </c>
      <c r="F148">
        <f t="shared" si="8"/>
        <v>2.3012575575031061E-2</v>
      </c>
    </row>
    <row r="149" spans="1:6" x14ac:dyDescent="0.2">
      <c r="A149">
        <v>1085.8059780000001</v>
      </c>
      <c r="B149">
        <v>19.996594000000002</v>
      </c>
      <c r="C149">
        <v>7.5162110000000002</v>
      </c>
      <c r="D149">
        <f t="shared" si="9"/>
        <v>0.73570500000000028</v>
      </c>
      <c r="E149">
        <f t="shared" si="10"/>
        <v>18.011533000000099</v>
      </c>
      <c r="F149">
        <f t="shared" si="8"/>
        <v>2.2547310322486715E-2</v>
      </c>
    </row>
    <row r="150" spans="1:6" x14ac:dyDescent="0.2">
      <c r="A150">
        <v>1086.5905540000001</v>
      </c>
      <c r="B150">
        <v>19.937884</v>
      </c>
      <c r="C150">
        <v>7.5212159999999999</v>
      </c>
      <c r="D150">
        <f t="shared" si="9"/>
        <v>0.74070999999999998</v>
      </c>
      <c r="E150">
        <f t="shared" si="10"/>
        <v>18.796109000000115</v>
      </c>
      <c r="F150">
        <f t="shared" si="8"/>
        <v>2.3353599156826783E-2</v>
      </c>
    </row>
    <row r="151" spans="1:6" x14ac:dyDescent="0.2">
      <c r="A151">
        <v>1087.544529</v>
      </c>
      <c r="B151">
        <v>19.930567</v>
      </c>
      <c r="C151">
        <v>7.5262209999999996</v>
      </c>
      <c r="D151">
        <f t="shared" si="9"/>
        <v>0.74571499999999968</v>
      </c>
      <c r="E151">
        <f t="shared" si="10"/>
        <v>19.750084000000015</v>
      </c>
      <c r="F151">
        <f t="shared" si="8"/>
        <v>2.4352806619318216E-2</v>
      </c>
    </row>
    <row r="152" spans="1:6" x14ac:dyDescent="0.2">
      <c r="A152">
        <v>1088.0814889999999</v>
      </c>
      <c r="B152">
        <v>19.957350000000002</v>
      </c>
      <c r="C152">
        <v>7.5312260000000002</v>
      </c>
      <c r="D152">
        <f t="shared" si="9"/>
        <v>0.75072000000000028</v>
      </c>
      <c r="E152">
        <f t="shared" si="10"/>
        <v>20.287043999999923</v>
      </c>
      <c r="F152">
        <f t="shared" si="8"/>
        <v>2.4835869152894798E-2</v>
      </c>
    </row>
    <row r="153" spans="1:6" x14ac:dyDescent="0.2">
      <c r="A153">
        <v>1088.5333599999999</v>
      </c>
      <c r="B153">
        <v>19.956669000000002</v>
      </c>
      <c r="C153">
        <v>7.5362299999999998</v>
      </c>
      <c r="D153">
        <f t="shared" si="9"/>
        <v>0.75572399999999984</v>
      </c>
      <c r="E153">
        <f t="shared" si="10"/>
        <v>20.738914999999906</v>
      </c>
      <c r="F153">
        <f t="shared" si="8"/>
        <v>2.5210477627814382E-2</v>
      </c>
    </row>
    <row r="154" spans="1:6" x14ac:dyDescent="0.2">
      <c r="A154">
        <v>1089.3816979999999</v>
      </c>
      <c r="B154">
        <v>19.950213999999999</v>
      </c>
      <c r="C154">
        <v>7.5412350000000004</v>
      </c>
      <c r="D154">
        <f t="shared" si="9"/>
        <v>0.76072900000000043</v>
      </c>
      <c r="E154">
        <f t="shared" si="10"/>
        <v>21.587252999999919</v>
      </c>
      <c r="F154">
        <f t="shared" si="8"/>
        <v>2.6048776787729818E-2</v>
      </c>
    </row>
    <row r="155" spans="1:6" x14ac:dyDescent="0.2">
      <c r="A155">
        <v>1090.0382609999999</v>
      </c>
      <c r="B155">
        <v>19.94238</v>
      </c>
      <c r="C155">
        <v>7.5462400000000001</v>
      </c>
      <c r="D155">
        <f t="shared" si="9"/>
        <v>0.76573400000000014</v>
      </c>
      <c r="E155">
        <f t="shared" si="10"/>
        <v>22.243815999999924</v>
      </c>
      <c r="F155">
        <f t="shared" si="8"/>
        <v>2.6649534091749166E-2</v>
      </c>
    </row>
    <row r="156" spans="1:6" x14ac:dyDescent="0.2">
      <c r="A156">
        <v>1090.381627</v>
      </c>
      <c r="B156">
        <v>19.986923999999998</v>
      </c>
      <c r="C156">
        <v>7.5512449999999998</v>
      </c>
      <c r="D156">
        <f t="shared" si="9"/>
        <v>0.77073899999999984</v>
      </c>
      <c r="E156">
        <f t="shared" si="10"/>
        <v>22.587181999999984</v>
      </c>
      <c r="F156">
        <f t="shared" si="8"/>
        <v>2.6876715309706402E-2</v>
      </c>
    </row>
    <row r="157" spans="1:6" x14ac:dyDescent="0.2">
      <c r="A157">
        <v>1090.3005129999999</v>
      </c>
      <c r="B157">
        <v>20.019452999999999</v>
      </c>
      <c r="C157">
        <v>7.5562500000000004</v>
      </c>
      <c r="D157">
        <f t="shared" si="9"/>
        <v>0.77574400000000043</v>
      </c>
      <c r="E157">
        <f t="shared" si="10"/>
        <v>22.506067999999914</v>
      </c>
      <c r="F157">
        <f t="shared" si="8"/>
        <v>2.6609394061048008E-2</v>
      </c>
    </row>
    <row r="158" spans="1:6" x14ac:dyDescent="0.2">
      <c r="A158">
        <v>1090.2201070000001</v>
      </c>
      <c r="B158">
        <v>20.004764999999999</v>
      </c>
      <c r="C158">
        <v>7.5612539999999999</v>
      </c>
      <c r="D158">
        <f t="shared" si="9"/>
        <v>0.780748</v>
      </c>
      <c r="E158">
        <f t="shared" si="10"/>
        <v>22.425662000000102</v>
      </c>
      <c r="F158">
        <f t="shared" si="8"/>
        <v>2.6346334672851315E-2</v>
      </c>
    </row>
    <row r="159" spans="1:6" x14ac:dyDescent="0.2">
      <c r="A159">
        <v>1089.8467169999999</v>
      </c>
      <c r="B159">
        <v>20.029831000000001</v>
      </c>
      <c r="C159">
        <v>7.5662589999999996</v>
      </c>
      <c r="D159">
        <f t="shared" si="9"/>
        <v>0.7857529999999997</v>
      </c>
      <c r="E159">
        <f t="shared" si="10"/>
        <v>22.052271999999903</v>
      </c>
      <c r="F159">
        <f t="shared" si="8"/>
        <v>2.5751460931140151E-2</v>
      </c>
    </row>
    <row r="160" spans="1:6" x14ac:dyDescent="0.2">
      <c r="A160">
        <v>1089.1817289999999</v>
      </c>
      <c r="B160">
        <v>20.051988000000001</v>
      </c>
      <c r="C160">
        <v>7.5712640000000002</v>
      </c>
      <c r="D160">
        <f t="shared" si="9"/>
        <v>0.79075800000000029</v>
      </c>
      <c r="E160">
        <f t="shared" si="10"/>
        <v>21.387283999999909</v>
      </c>
      <c r="F160">
        <f t="shared" si="8"/>
        <v>2.4831999719389857E-2</v>
      </c>
    </row>
    <row r="161" spans="1:6" x14ac:dyDescent="0.2">
      <c r="A161">
        <v>1088.83907</v>
      </c>
      <c r="B161">
        <v>19.992432000000001</v>
      </c>
      <c r="C161">
        <v>7.5762689999999999</v>
      </c>
      <c r="D161">
        <f t="shared" si="9"/>
        <v>0.795763</v>
      </c>
      <c r="E161">
        <f t="shared" si="10"/>
        <v>21.044624999999996</v>
      </c>
      <c r="F161">
        <f t="shared" si="8"/>
        <v>2.428811179312523E-2</v>
      </c>
    </row>
    <row r="162" spans="1:6" x14ac:dyDescent="0.2">
      <c r="A162">
        <v>1088.607659</v>
      </c>
      <c r="B162">
        <v>20.050305000000002</v>
      </c>
      <c r="C162">
        <v>7.5812739999999996</v>
      </c>
      <c r="D162">
        <f t="shared" si="9"/>
        <v>0.8007679999999997</v>
      </c>
      <c r="E162">
        <f t="shared" si="10"/>
        <v>20.813214000000016</v>
      </c>
      <c r="F162">
        <f t="shared" si="8"/>
        <v>2.3875971643358505E-2</v>
      </c>
    </row>
    <row r="163" spans="1:6" x14ac:dyDescent="0.2">
      <c r="A163">
        <v>1088.0078209999999</v>
      </c>
      <c r="B163">
        <v>20.042541</v>
      </c>
      <c r="C163">
        <v>7.5862780000000001</v>
      </c>
      <c r="D163">
        <f t="shared" si="9"/>
        <v>0.80577200000000015</v>
      </c>
      <c r="E163">
        <f t="shared" si="10"/>
        <v>20.213375999999926</v>
      </c>
      <c r="F163">
        <f t="shared" si="8"/>
        <v>2.3056568159928709E-2</v>
      </c>
    </row>
    <row r="164" spans="1:6" x14ac:dyDescent="0.2">
      <c r="A164">
        <v>1087.706332</v>
      </c>
      <c r="B164">
        <v>20.014741999999998</v>
      </c>
      <c r="C164">
        <v>7.5912829999999998</v>
      </c>
      <c r="D164">
        <f t="shared" si="9"/>
        <v>0.81077699999999986</v>
      </c>
      <c r="E164">
        <f t="shared" si="10"/>
        <v>19.911886999999979</v>
      </c>
      <c r="F164">
        <f t="shared" si="8"/>
        <v>2.2578721255178357E-2</v>
      </c>
    </row>
    <row r="165" spans="1:6" x14ac:dyDescent="0.2">
      <c r="A165">
        <v>1087.169523</v>
      </c>
      <c r="B165">
        <v>20.03763</v>
      </c>
      <c r="C165">
        <v>7.5962880000000004</v>
      </c>
      <c r="D165">
        <f t="shared" si="9"/>
        <v>0.81578200000000045</v>
      </c>
      <c r="E165">
        <f t="shared" si="10"/>
        <v>19.37507800000003</v>
      </c>
      <c r="F165">
        <f t="shared" si="8"/>
        <v>2.1846007171797525E-2</v>
      </c>
    </row>
    <row r="166" spans="1:6" x14ac:dyDescent="0.2">
      <c r="A166">
        <v>1086.6564229999999</v>
      </c>
      <c r="B166">
        <v>20.027977</v>
      </c>
      <c r="C166">
        <v>7.6012930000000001</v>
      </c>
      <c r="D166">
        <f t="shared" si="9"/>
        <v>0.82078700000000016</v>
      </c>
      <c r="E166">
        <f t="shared" si="10"/>
        <v>18.861977999999908</v>
      </c>
      <c r="F166">
        <f t="shared" si="8"/>
        <v>2.1147766829788008E-2</v>
      </c>
    </row>
    <row r="167" spans="1:6" x14ac:dyDescent="0.2">
      <c r="A167">
        <v>1086.330391</v>
      </c>
      <c r="B167">
        <v>20.011959999999998</v>
      </c>
      <c r="C167">
        <v>7.6062979999999998</v>
      </c>
      <c r="D167">
        <f t="shared" si="9"/>
        <v>0.82579199999999986</v>
      </c>
      <c r="E167">
        <f t="shared" si="10"/>
        <v>18.535945999999967</v>
      </c>
      <c r="F167">
        <f t="shared" si="8"/>
        <v>2.0662466138269945E-2</v>
      </c>
    </row>
    <row r="168" spans="1:6" x14ac:dyDescent="0.2">
      <c r="A168">
        <v>1086.6504480000001</v>
      </c>
      <c r="B168">
        <v>19.968395999999998</v>
      </c>
      <c r="C168">
        <v>7.6113020000000002</v>
      </c>
      <c r="D168">
        <f t="shared" si="9"/>
        <v>0.83079600000000031</v>
      </c>
      <c r="E168">
        <f t="shared" si="10"/>
        <v>18.856003000000101</v>
      </c>
      <c r="F168">
        <f t="shared" si="8"/>
        <v>2.088648595728149E-2</v>
      </c>
    </row>
    <row r="169" spans="1:6" x14ac:dyDescent="0.2">
      <c r="A169">
        <v>1086.8045199999999</v>
      </c>
      <c r="B169">
        <v>20.003769999999999</v>
      </c>
      <c r="C169">
        <v>7.6163069999999999</v>
      </c>
      <c r="D169">
        <f t="shared" si="9"/>
        <v>0.83580100000000002</v>
      </c>
      <c r="E169">
        <f t="shared" si="10"/>
        <v>19.010074999999915</v>
      </c>
      <c r="F169">
        <f t="shared" si="8"/>
        <v>2.09280858355302E-2</v>
      </c>
    </row>
    <row r="170" spans="1:6" x14ac:dyDescent="0.2">
      <c r="A170">
        <v>1086.6625220000001</v>
      </c>
      <c r="B170">
        <v>20.013612999999999</v>
      </c>
      <c r="C170">
        <v>7.6213119999999996</v>
      </c>
      <c r="D170">
        <f t="shared" si="9"/>
        <v>0.84080599999999972</v>
      </c>
      <c r="E170">
        <f t="shared" si="10"/>
        <v>18.868077000000085</v>
      </c>
      <c r="F170">
        <f t="shared" si="8"/>
        <v>2.0650812754181694E-2</v>
      </c>
    </row>
    <row r="171" spans="1:6" x14ac:dyDescent="0.2">
      <c r="A171">
        <v>1086.4196340000001</v>
      </c>
      <c r="B171">
        <v>20.015871000000001</v>
      </c>
      <c r="C171">
        <v>7.6263170000000002</v>
      </c>
      <c r="D171">
        <f t="shared" si="9"/>
        <v>0.84581100000000031</v>
      </c>
      <c r="E171">
        <f t="shared" si="10"/>
        <v>18.625189000000091</v>
      </c>
      <c r="F171">
        <f t="shared" si="8"/>
        <v>2.0268880109358931E-2</v>
      </c>
    </row>
    <row r="172" spans="1:6" x14ac:dyDescent="0.2">
      <c r="A172">
        <v>1086.2666750000001</v>
      </c>
      <c r="B172">
        <v>19.999711000000001</v>
      </c>
      <c r="C172">
        <v>7.6313219999999999</v>
      </c>
      <c r="D172">
        <f t="shared" si="9"/>
        <v>0.85081600000000002</v>
      </c>
      <c r="E172">
        <f t="shared" si="10"/>
        <v>18.472230000000081</v>
      </c>
      <c r="F172">
        <f t="shared" si="8"/>
        <v>1.9986982063378168E-2</v>
      </c>
    </row>
    <row r="173" spans="1:6" x14ac:dyDescent="0.2">
      <c r="A173">
        <v>1086.1989490000001</v>
      </c>
      <c r="B173">
        <v>19.992850000000001</v>
      </c>
      <c r="C173">
        <v>7.6363260000000004</v>
      </c>
      <c r="D173">
        <f t="shared" si="9"/>
        <v>0.85582000000000047</v>
      </c>
      <c r="E173">
        <f t="shared" si="10"/>
        <v>18.404504000000088</v>
      </c>
      <c r="F173">
        <f t="shared" si="8"/>
        <v>1.9798500916984037E-2</v>
      </c>
    </row>
    <row r="174" spans="1:6" x14ac:dyDescent="0.2">
      <c r="A174">
        <v>1086.5681810000001</v>
      </c>
      <c r="B174">
        <v>19.969152999999999</v>
      </c>
      <c r="C174">
        <v>7.6413310000000001</v>
      </c>
      <c r="D174">
        <f t="shared" si="9"/>
        <v>0.86082500000000017</v>
      </c>
      <c r="E174">
        <f t="shared" si="10"/>
        <v>18.773736000000099</v>
      </c>
      <c r="F174">
        <f t="shared" si="8"/>
        <v>2.0071454819265391E-2</v>
      </c>
    </row>
    <row r="175" spans="1:6" x14ac:dyDescent="0.2">
      <c r="A175">
        <v>1086.7693380000001</v>
      </c>
      <c r="B175">
        <v>19.993988999999999</v>
      </c>
      <c r="C175">
        <v>7.6463359999999998</v>
      </c>
      <c r="D175">
        <f t="shared" si="9"/>
        <v>0.86582999999999988</v>
      </c>
      <c r="E175">
        <f t="shared" si="10"/>
        <v>18.974893000000066</v>
      </c>
      <c r="F175">
        <f t="shared" si="8"/>
        <v>2.0165515533129265E-2</v>
      </c>
    </row>
    <row r="176" spans="1:6" x14ac:dyDescent="0.2">
      <c r="A176">
        <v>1087.08619</v>
      </c>
      <c r="B176">
        <v>19.971897999999999</v>
      </c>
      <c r="C176">
        <v>7.6513410000000004</v>
      </c>
      <c r="D176">
        <f t="shared" si="9"/>
        <v>0.87083500000000047</v>
      </c>
      <c r="E176">
        <f t="shared" si="10"/>
        <v>19.291744999999992</v>
      </c>
      <c r="F176">
        <f t="shared" si="8"/>
        <v>2.0378473947509374E-2</v>
      </c>
    </row>
    <row r="177" spans="1:6" x14ac:dyDescent="0.2">
      <c r="A177">
        <v>1088.2674979999999</v>
      </c>
      <c r="B177">
        <v>19.880040000000001</v>
      </c>
      <c r="C177">
        <v>7.6563460000000001</v>
      </c>
      <c r="D177">
        <f t="shared" si="9"/>
        <v>0.87584000000000017</v>
      </c>
      <c r="E177">
        <f t="shared" si="10"/>
        <v>20.473052999999936</v>
      </c>
      <c r="F177">
        <f t="shared" si="8"/>
        <v>2.1479401506474313E-2</v>
      </c>
    </row>
    <row r="178" spans="1:6" x14ac:dyDescent="0.2">
      <c r="A178">
        <v>1089.3321109999999</v>
      </c>
      <c r="B178">
        <v>19.919436999999999</v>
      </c>
      <c r="C178">
        <v>7.6613499999999997</v>
      </c>
      <c r="D178">
        <f t="shared" si="9"/>
        <v>0.88084399999999974</v>
      </c>
      <c r="E178">
        <f t="shared" si="10"/>
        <v>21.537665999999945</v>
      </c>
      <c r="F178">
        <f t="shared" si="8"/>
        <v>2.244601927474409E-2</v>
      </c>
    </row>
    <row r="179" spans="1:6" x14ac:dyDescent="0.2">
      <c r="A179">
        <v>1090.309254</v>
      </c>
      <c r="B179">
        <v>19.938914</v>
      </c>
      <c r="C179">
        <v>7.6663550000000003</v>
      </c>
      <c r="D179">
        <f t="shared" si="9"/>
        <v>0.88584900000000033</v>
      </c>
      <c r="E179">
        <f t="shared" si="10"/>
        <v>22.514809000000014</v>
      </c>
      <c r="F179">
        <f t="shared" si="8"/>
        <v>2.3310890784560438E-2</v>
      </c>
    </row>
    <row r="180" spans="1:6" x14ac:dyDescent="0.2">
      <c r="A180">
        <v>1091.7882279999999</v>
      </c>
      <c r="B180">
        <v>19.863965</v>
      </c>
      <c r="C180">
        <v>7.67136</v>
      </c>
      <c r="D180">
        <f t="shared" si="9"/>
        <v>0.89085400000000003</v>
      </c>
      <c r="E180">
        <f t="shared" si="10"/>
        <v>23.993782999999894</v>
      </c>
      <c r="F180">
        <f t="shared" si="8"/>
        <v>2.4669127246063866E-2</v>
      </c>
    </row>
    <row r="181" spans="1:6" x14ac:dyDescent="0.2">
      <c r="A181">
        <v>1093.4168179999999</v>
      </c>
      <c r="B181">
        <v>19.91733</v>
      </c>
      <c r="C181">
        <v>7.6763649999999997</v>
      </c>
      <c r="D181">
        <f t="shared" si="9"/>
        <v>0.89585899999999974</v>
      </c>
      <c r="E181">
        <f t="shared" si="10"/>
        <v>25.622372999999925</v>
      </c>
      <c r="F181">
        <f t="shared" si="8"/>
        <v>2.6157361746976544E-2</v>
      </c>
    </row>
    <row r="182" spans="1:6" x14ac:dyDescent="0.2">
      <c r="A182">
        <v>1094.559569</v>
      </c>
      <c r="B182">
        <v>19.929563000000002</v>
      </c>
      <c r="C182">
        <v>7.6813700000000003</v>
      </c>
      <c r="D182">
        <f t="shared" si="9"/>
        <v>0.90086400000000033</v>
      </c>
      <c r="E182">
        <f t="shared" si="10"/>
        <v>26.765124000000014</v>
      </c>
      <c r="F182">
        <f t="shared" si="8"/>
        <v>2.7143798678231367E-2</v>
      </c>
    </row>
    <row r="183" spans="1:6" x14ac:dyDescent="0.2">
      <c r="A183">
        <v>1095.174315</v>
      </c>
      <c r="B183">
        <v>19.952007999999999</v>
      </c>
      <c r="C183">
        <v>7.6863739999999998</v>
      </c>
      <c r="D183">
        <f t="shared" si="9"/>
        <v>0.9058679999999999</v>
      </c>
      <c r="E183">
        <f t="shared" si="10"/>
        <v>27.379869999999983</v>
      </c>
      <c r="F183">
        <f t="shared" si="8"/>
        <v>2.7598356073536889E-2</v>
      </c>
    </row>
    <row r="184" spans="1:6" x14ac:dyDescent="0.2">
      <c r="A184">
        <v>1095.3040960000001</v>
      </c>
      <c r="B184">
        <v>20.016259000000002</v>
      </c>
      <c r="C184">
        <v>7.6913790000000004</v>
      </c>
      <c r="D184">
        <f t="shared" si="9"/>
        <v>0.91087300000000049</v>
      </c>
      <c r="E184">
        <f t="shared" si="10"/>
        <v>27.509651000000076</v>
      </c>
      <c r="F184">
        <f t="shared" si="8"/>
        <v>2.7573540884050705E-2</v>
      </c>
    </row>
    <row r="185" spans="1:6" x14ac:dyDescent="0.2">
      <c r="A185">
        <v>1094.493725</v>
      </c>
      <c r="B185">
        <v>20.067793000000002</v>
      </c>
      <c r="C185">
        <v>7.6963840000000001</v>
      </c>
      <c r="D185">
        <f t="shared" si="9"/>
        <v>0.91587800000000019</v>
      </c>
      <c r="E185">
        <f t="shared" si="10"/>
        <v>26.699280000000044</v>
      </c>
      <c r="F185">
        <f t="shared" si="8"/>
        <v>2.6634751352245963E-2</v>
      </c>
    </row>
    <row r="186" spans="1:6" x14ac:dyDescent="0.2">
      <c r="A186">
        <v>1093.648561</v>
      </c>
      <c r="B186">
        <v>20.056839</v>
      </c>
      <c r="C186">
        <v>7.7013889999999998</v>
      </c>
      <c r="D186">
        <f t="shared" si="9"/>
        <v>0.9208829999999999</v>
      </c>
      <c r="E186">
        <f t="shared" si="10"/>
        <v>25.854115999999976</v>
      </c>
      <c r="F186">
        <f t="shared" si="8"/>
        <v>2.5671275732355281E-2</v>
      </c>
    </row>
    <row r="187" spans="1:6" x14ac:dyDescent="0.2">
      <c r="A187">
        <v>1092.459697</v>
      </c>
      <c r="B187">
        <v>20.091645</v>
      </c>
      <c r="C187">
        <v>7.7063940000000004</v>
      </c>
      <c r="D187">
        <f t="shared" si="9"/>
        <v>0.92588800000000049</v>
      </c>
      <c r="E187">
        <f t="shared" si="10"/>
        <v>24.66525200000001</v>
      </c>
      <c r="F187">
        <f t="shared" si="8"/>
        <v>2.4384939224456757E-2</v>
      </c>
    </row>
    <row r="188" spans="1:6" x14ac:dyDescent="0.2">
      <c r="A188">
        <v>1091.164342</v>
      </c>
      <c r="B188">
        <v>20.074839000000001</v>
      </c>
      <c r="C188">
        <v>7.711398</v>
      </c>
      <c r="D188">
        <f t="shared" si="9"/>
        <v>0.93089200000000005</v>
      </c>
      <c r="E188">
        <f t="shared" si="10"/>
        <v>23.369897000000037</v>
      </c>
      <c r="F188">
        <f t="shared" si="8"/>
        <v>2.3007388975129911E-2</v>
      </c>
    </row>
    <row r="189" spans="1:6" x14ac:dyDescent="0.2">
      <c r="A189">
        <v>1090.380852</v>
      </c>
      <c r="B189">
        <v>20.045763999999998</v>
      </c>
      <c r="C189">
        <v>7.7164029999999997</v>
      </c>
      <c r="D189">
        <f t="shared" si="9"/>
        <v>0.93589699999999976</v>
      </c>
      <c r="E189">
        <f t="shared" si="10"/>
        <v>22.586407000000008</v>
      </c>
      <c r="F189">
        <f t="shared" si="8"/>
        <v>2.2133030283909467E-2</v>
      </c>
    </row>
    <row r="190" spans="1:6" x14ac:dyDescent="0.2">
      <c r="A190">
        <v>1089.6926470000001</v>
      </c>
      <c r="B190">
        <v>20.061283</v>
      </c>
      <c r="C190">
        <v>7.7214080000000003</v>
      </c>
      <c r="D190">
        <f t="shared" si="9"/>
        <v>0.94090200000000035</v>
      </c>
      <c r="E190">
        <f t="shared" si="10"/>
        <v>21.898202000000083</v>
      </c>
      <c r="F190">
        <f t="shared" si="8"/>
        <v>2.1357973608878155E-2</v>
      </c>
    </row>
    <row r="191" spans="1:6" x14ac:dyDescent="0.2">
      <c r="A191">
        <v>1088.634501</v>
      </c>
      <c r="B191">
        <v>20.065335999999999</v>
      </c>
      <c r="C191">
        <v>7.726413</v>
      </c>
      <c r="D191">
        <f t="shared" si="9"/>
        <v>0.94590700000000005</v>
      </c>
      <c r="E191">
        <f t="shared" si="10"/>
        <v>20.840056000000004</v>
      </c>
      <c r="F191">
        <f t="shared" si="8"/>
        <v>2.0238035267358817E-2</v>
      </c>
    </row>
    <row r="192" spans="1:6" x14ac:dyDescent="0.2">
      <c r="A192">
        <v>1088.085889</v>
      </c>
      <c r="B192">
        <v>20.044526999999999</v>
      </c>
      <c r="C192">
        <v>7.7314179999999997</v>
      </c>
      <c r="D192">
        <f t="shared" si="9"/>
        <v>0.95091199999999976</v>
      </c>
      <c r="E192">
        <f t="shared" si="10"/>
        <v>20.291443999999956</v>
      </c>
      <c r="F192">
        <f t="shared" si="8"/>
        <v>1.9611438380350139E-2</v>
      </c>
    </row>
    <row r="193" spans="1:6" x14ac:dyDescent="0.2">
      <c r="A193">
        <v>1087.6753369999999</v>
      </c>
      <c r="B193">
        <v>20.009492000000002</v>
      </c>
      <c r="C193">
        <v>7.7364220000000001</v>
      </c>
      <c r="D193">
        <f t="shared" si="9"/>
        <v>0.95591600000000021</v>
      </c>
      <c r="E193">
        <f t="shared" si="10"/>
        <v>19.880891999999903</v>
      </c>
      <c r="F193">
        <f t="shared" si="8"/>
        <v>1.9121275294979825E-2</v>
      </c>
    </row>
    <row r="194" spans="1:6" x14ac:dyDescent="0.2">
      <c r="A194">
        <v>1087.652126</v>
      </c>
      <c r="B194">
        <v>19.996390000000002</v>
      </c>
      <c r="C194">
        <v>7.7414269999999998</v>
      </c>
      <c r="D194">
        <f t="shared" si="9"/>
        <v>0.96092099999999991</v>
      </c>
      <c r="E194">
        <f t="shared" si="10"/>
        <v>19.857680999999957</v>
      </c>
      <c r="F194">
        <f t="shared" si="8"/>
        <v>1.899987886613097E-2</v>
      </c>
    </row>
    <row r="195" spans="1:6" x14ac:dyDescent="0.2">
      <c r="A195">
        <v>1087.746793</v>
      </c>
      <c r="B195">
        <v>20.008537</v>
      </c>
      <c r="C195">
        <v>7.7464320000000004</v>
      </c>
      <c r="D195">
        <f t="shared" si="9"/>
        <v>0.96592600000000051</v>
      </c>
      <c r="E195">
        <f t="shared" si="10"/>
        <v>19.952348000000029</v>
      </c>
      <c r="F195">
        <f t="shared" ref="F195:F258" si="11">(1/A195)*(E195/D195)</f>
        <v>1.8989885372035401E-2</v>
      </c>
    </row>
    <row r="196" spans="1:6" x14ac:dyDescent="0.2">
      <c r="A196">
        <v>1087.4576280000001</v>
      </c>
      <c r="B196">
        <v>20.012802000000001</v>
      </c>
      <c r="C196">
        <v>7.7514370000000001</v>
      </c>
      <c r="D196">
        <f t="shared" si="9"/>
        <v>0.97093100000000021</v>
      </c>
      <c r="E196">
        <f t="shared" si="10"/>
        <v>19.663183000000117</v>
      </c>
      <c r="F196">
        <f t="shared" si="11"/>
        <v>1.8623148640430826E-2</v>
      </c>
    </row>
    <row r="197" spans="1:6" x14ac:dyDescent="0.2">
      <c r="A197">
        <v>1087.2962789999999</v>
      </c>
      <c r="B197">
        <v>20.005431000000002</v>
      </c>
      <c r="C197">
        <v>7.7564419999999998</v>
      </c>
      <c r="D197">
        <f t="shared" si="9"/>
        <v>0.97593599999999991</v>
      </c>
      <c r="E197">
        <f t="shared" si="10"/>
        <v>19.501833999999917</v>
      </c>
      <c r="F197">
        <f t="shared" si="11"/>
        <v>1.8378337185416295E-2</v>
      </c>
    </row>
    <row r="198" spans="1:6" x14ac:dyDescent="0.2">
      <c r="A198">
        <v>1087.418304</v>
      </c>
      <c r="B198">
        <v>19.982814999999999</v>
      </c>
      <c r="C198">
        <v>7.7614460000000003</v>
      </c>
      <c r="D198">
        <f t="shared" si="9"/>
        <v>0.98094000000000037</v>
      </c>
      <c r="E198">
        <f t="shared" si="10"/>
        <v>19.623859000000039</v>
      </c>
      <c r="F198">
        <f t="shared" si="11"/>
        <v>1.83969289688376E-2</v>
      </c>
    </row>
    <row r="199" spans="1:6" x14ac:dyDescent="0.2">
      <c r="A199">
        <v>1088.1727430000001</v>
      </c>
      <c r="B199">
        <v>19.928543999999999</v>
      </c>
      <c r="C199">
        <v>7.766451</v>
      </c>
      <c r="D199">
        <f t="shared" ref="D199:D262" si="12">C199-$C$2</f>
        <v>0.98594500000000007</v>
      </c>
      <c r="E199">
        <f t="shared" ref="E199:E262" si="13">A199-$A$2</f>
        <v>20.378298000000086</v>
      </c>
      <c r="F199">
        <f t="shared" si="11"/>
        <v>1.8994041238598901E-2</v>
      </c>
    </row>
    <row r="200" spans="1:6" x14ac:dyDescent="0.2">
      <c r="A200">
        <v>1089.316603</v>
      </c>
      <c r="B200">
        <v>19.890642</v>
      </c>
      <c r="C200">
        <v>7.7714559999999997</v>
      </c>
      <c r="D200">
        <f t="shared" si="12"/>
        <v>0.99094999999999978</v>
      </c>
      <c r="E200">
        <f t="shared" si="13"/>
        <v>21.52215799999999</v>
      </c>
      <c r="F200">
        <f t="shared" si="11"/>
        <v>1.9937924646447322E-2</v>
      </c>
    </row>
    <row r="201" spans="1:6" x14ac:dyDescent="0.2">
      <c r="A201">
        <v>1090.883331</v>
      </c>
      <c r="B201">
        <v>19.880233</v>
      </c>
      <c r="C201">
        <v>7.7764610000000003</v>
      </c>
      <c r="D201">
        <f t="shared" si="12"/>
        <v>0.99595500000000037</v>
      </c>
      <c r="E201">
        <f t="shared" si="13"/>
        <v>23.088886000000002</v>
      </c>
      <c r="F201">
        <f t="shared" si="11"/>
        <v>2.1251273349166409E-2</v>
      </c>
    </row>
    <row r="202" spans="1:6" x14ac:dyDescent="0.2">
      <c r="A202">
        <v>1092.1170950000001</v>
      </c>
      <c r="B202">
        <v>19.952559999999998</v>
      </c>
      <c r="C202">
        <v>7.781466</v>
      </c>
      <c r="D202">
        <f t="shared" si="12"/>
        <v>1.0009600000000001</v>
      </c>
      <c r="E202">
        <f t="shared" si="13"/>
        <v>24.322650000000067</v>
      </c>
      <c r="F202">
        <f t="shared" si="11"/>
        <v>2.2249741132617119E-2</v>
      </c>
    </row>
    <row r="203" spans="1:6" x14ac:dyDescent="0.2">
      <c r="A203">
        <v>1092.658246</v>
      </c>
      <c r="B203">
        <v>19.956961</v>
      </c>
      <c r="C203">
        <v>7.7864699999999996</v>
      </c>
      <c r="D203">
        <f t="shared" si="12"/>
        <v>1.0059639999999996</v>
      </c>
      <c r="E203">
        <f t="shared" si="13"/>
        <v>24.863800999999967</v>
      </c>
      <c r="F203">
        <f t="shared" si="11"/>
        <v>2.2620423655791977E-2</v>
      </c>
    </row>
    <row r="204" spans="1:6" x14ac:dyDescent="0.2">
      <c r="A204">
        <v>1093.199026</v>
      </c>
      <c r="B204">
        <v>19.952386000000001</v>
      </c>
      <c r="C204">
        <v>7.7914750000000002</v>
      </c>
      <c r="D204">
        <f t="shared" si="12"/>
        <v>1.0109690000000002</v>
      </c>
      <c r="E204">
        <f t="shared" si="13"/>
        <v>25.404581000000007</v>
      </c>
      <c r="F204">
        <f t="shared" si="11"/>
        <v>2.2986611807647231E-2</v>
      </c>
    </row>
    <row r="205" spans="1:6" x14ac:dyDescent="0.2">
      <c r="A205">
        <v>1094.3245669999999</v>
      </c>
      <c r="B205">
        <v>19.917915000000001</v>
      </c>
      <c r="C205">
        <v>7.7964799999999999</v>
      </c>
      <c r="D205">
        <f t="shared" si="12"/>
        <v>1.0159739999999999</v>
      </c>
      <c r="E205">
        <f t="shared" si="13"/>
        <v>26.530121999999892</v>
      </c>
      <c r="F205">
        <f t="shared" si="11"/>
        <v>2.3862201248594117E-2</v>
      </c>
    </row>
    <row r="206" spans="1:6" x14ac:dyDescent="0.2">
      <c r="A206">
        <v>1095.0327050000001</v>
      </c>
      <c r="B206">
        <v>19.954127</v>
      </c>
      <c r="C206">
        <v>7.8014849999999996</v>
      </c>
      <c r="D206">
        <f t="shared" si="12"/>
        <v>1.0209789999999996</v>
      </c>
      <c r="E206">
        <f t="shared" si="13"/>
        <v>27.238260000000082</v>
      </c>
      <c r="F206">
        <f t="shared" si="11"/>
        <v>2.4363263446288832E-2</v>
      </c>
    </row>
    <row r="207" spans="1:6" x14ac:dyDescent="0.2">
      <c r="A207">
        <v>1095.600801</v>
      </c>
      <c r="B207">
        <v>19.970479000000001</v>
      </c>
      <c r="C207">
        <v>7.8064900000000002</v>
      </c>
      <c r="D207">
        <f t="shared" si="12"/>
        <v>1.0259840000000002</v>
      </c>
      <c r="E207">
        <f t="shared" si="13"/>
        <v>27.806356000000051</v>
      </c>
      <c r="F207">
        <f t="shared" si="11"/>
        <v>2.473723469497674E-2</v>
      </c>
    </row>
    <row r="208" spans="1:6" x14ac:dyDescent="0.2">
      <c r="A208">
        <v>1096.2903839999999</v>
      </c>
      <c r="B208">
        <v>19.947184</v>
      </c>
      <c r="C208">
        <v>7.8114939999999997</v>
      </c>
      <c r="D208">
        <f t="shared" si="12"/>
        <v>1.0309879999999998</v>
      </c>
      <c r="E208">
        <f t="shared" si="13"/>
        <v>28.495938999999908</v>
      </c>
      <c r="F208">
        <f t="shared" si="11"/>
        <v>2.5211794425286857E-2</v>
      </c>
    </row>
    <row r="209" spans="1:6" x14ac:dyDescent="0.2">
      <c r="A209">
        <v>1096.7491889999999</v>
      </c>
      <c r="B209">
        <v>19.968776999999999</v>
      </c>
      <c r="C209">
        <v>7.8164990000000003</v>
      </c>
      <c r="D209">
        <f t="shared" si="12"/>
        <v>1.0359930000000004</v>
      </c>
      <c r="E209">
        <f t="shared" si="13"/>
        <v>28.954743999999891</v>
      </c>
      <c r="F209">
        <f t="shared" si="11"/>
        <v>2.548329528577916E-2</v>
      </c>
    </row>
    <row r="210" spans="1:6" x14ac:dyDescent="0.2">
      <c r="A210">
        <v>1096.6822010000001</v>
      </c>
      <c r="B210">
        <v>20.021232999999999</v>
      </c>
      <c r="C210">
        <v>7.821504</v>
      </c>
      <c r="D210">
        <f t="shared" si="12"/>
        <v>1.0409980000000001</v>
      </c>
      <c r="E210">
        <f t="shared" si="13"/>
        <v>28.887756000000081</v>
      </c>
      <c r="F210">
        <f t="shared" si="11"/>
        <v>2.5303646810917263E-2</v>
      </c>
    </row>
    <row r="211" spans="1:6" x14ac:dyDescent="0.2">
      <c r="A211">
        <v>1096.6538929999999</v>
      </c>
      <c r="B211">
        <v>19.999181</v>
      </c>
      <c r="C211">
        <v>7.8265089999999997</v>
      </c>
      <c r="D211">
        <f t="shared" si="12"/>
        <v>1.0460029999999998</v>
      </c>
      <c r="E211">
        <f t="shared" si="13"/>
        <v>28.859447999999929</v>
      </c>
      <c r="F211">
        <f t="shared" si="11"/>
        <v>2.5158544095397813E-2</v>
      </c>
    </row>
    <row r="212" spans="1:6" x14ac:dyDescent="0.2">
      <c r="A212">
        <v>1096.375507</v>
      </c>
      <c r="B212">
        <v>20.023683999999999</v>
      </c>
      <c r="C212">
        <v>7.8315140000000003</v>
      </c>
      <c r="D212">
        <f t="shared" si="12"/>
        <v>1.0510080000000004</v>
      </c>
      <c r="E212">
        <f t="shared" si="13"/>
        <v>28.581061999999974</v>
      </c>
      <c r="F212">
        <f t="shared" si="11"/>
        <v>2.4803502704370654E-2</v>
      </c>
    </row>
    <row r="213" spans="1:6" x14ac:dyDescent="0.2">
      <c r="A213">
        <v>1095.5065099999999</v>
      </c>
      <c r="B213">
        <v>20.055641000000001</v>
      </c>
      <c r="C213">
        <v>7.8365179999999999</v>
      </c>
      <c r="D213">
        <f t="shared" si="12"/>
        <v>1.056012</v>
      </c>
      <c r="E213">
        <f t="shared" si="13"/>
        <v>27.712064999999939</v>
      </c>
      <c r="F213">
        <f t="shared" si="11"/>
        <v>2.3954387627306156E-2</v>
      </c>
    </row>
    <row r="214" spans="1:6" x14ac:dyDescent="0.2">
      <c r="A214">
        <v>1094.636751</v>
      </c>
      <c r="B214">
        <v>20.076739</v>
      </c>
      <c r="C214">
        <v>7.8415229999999996</v>
      </c>
      <c r="D214">
        <f t="shared" si="12"/>
        <v>1.0610169999999997</v>
      </c>
      <c r="E214">
        <f t="shared" si="13"/>
        <v>26.842306000000008</v>
      </c>
      <c r="F214">
        <f t="shared" si="11"/>
        <v>2.311146393913549E-2</v>
      </c>
    </row>
    <row r="215" spans="1:6" x14ac:dyDescent="0.2">
      <c r="A215">
        <v>1093.784032</v>
      </c>
      <c r="B215">
        <v>20.055527000000001</v>
      </c>
      <c r="C215">
        <v>7.8465280000000002</v>
      </c>
      <c r="D215">
        <f t="shared" si="12"/>
        <v>1.0660220000000002</v>
      </c>
      <c r="E215">
        <f t="shared" si="13"/>
        <v>25.989587000000029</v>
      </c>
      <c r="F215">
        <f t="shared" si="11"/>
        <v>2.2289566994112546E-2</v>
      </c>
    </row>
    <row r="216" spans="1:6" x14ac:dyDescent="0.2">
      <c r="A216">
        <v>1092.950587</v>
      </c>
      <c r="B216">
        <v>20.043355999999999</v>
      </c>
      <c r="C216">
        <v>7.8515329999999999</v>
      </c>
      <c r="D216">
        <f t="shared" si="12"/>
        <v>1.071027</v>
      </c>
      <c r="E216">
        <f t="shared" si="13"/>
        <v>25.156142000000045</v>
      </c>
      <c r="F216">
        <f t="shared" si="11"/>
        <v>2.1490330303480489E-2</v>
      </c>
    </row>
    <row r="217" spans="1:6" x14ac:dyDescent="0.2">
      <c r="A217">
        <v>1092.197318</v>
      </c>
      <c r="B217">
        <v>20.054808000000001</v>
      </c>
      <c r="C217">
        <v>7.8565379999999996</v>
      </c>
      <c r="D217">
        <f t="shared" si="12"/>
        <v>1.0760319999999997</v>
      </c>
      <c r="E217">
        <f t="shared" si="13"/>
        <v>24.402873</v>
      </c>
      <c r="F217">
        <f t="shared" si="11"/>
        <v>2.0764174357935695E-2</v>
      </c>
    </row>
    <row r="218" spans="1:6" x14ac:dyDescent="0.2">
      <c r="A218">
        <v>1091.442319</v>
      </c>
      <c r="B218">
        <v>20.049175999999999</v>
      </c>
      <c r="C218">
        <v>7.861542</v>
      </c>
      <c r="D218">
        <f t="shared" si="12"/>
        <v>1.0810360000000001</v>
      </c>
      <c r="E218">
        <f t="shared" si="13"/>
        <v>23.647874000000002</v>
      </c>
      <c r="F218">
        <f t="shared" si="11"/>
        <v>2.0042466069760689E-2</v>
      </c>
    </row>
    <row r="219" spans="1:6" x14ac:dyDescent="0.2">
      <c r="A219">
        <v>1090.808205</v>
      </c>
      <c r="B219">
        <v>20.047716999999999</v>
      </c>
      <c r="C219">
        <v>7.8665469999999997</v>
      </c>
      <c r="D219">
        <f t="shared" si="12"/>
        <v>1.0860409999999998</v>
      </c>
      <c r="E219">
        <f t="shared" si="13"/>
        <v>23.013760000000048</v>
      </c>
      <c r="F219">
        <f t="shared" si="11"/>
        <v>1.9426428444119945E-2</v>
      </c>
    </row>
    <row r="220" spans="1:6" x14ac:dyDescent="0.2">
      <c r="A220">
        <v>1090.3830889999999</v>
      </c>
      <c r="B220">
        <v>20.010110999999998</v>
      </c>
      <c r="C220">
        <v>7.8715520000000003</v>
      </c>
      <c r="D220">
        <f t="shared" si="12"/>
        <v>1.0910460000000004</v>
      </c>
      <c r="E220">
        <f t="shared" si="13"/>
        <v>22.588643999999931</v>
      </c>
      <c r="F220">
        <f t="shared" si="11"/>
        <v>1.8987508977071296E-2</v>
      </c>
    </row>
    <row r="221" spans="1:6" x14ac:dyDescent="0.2">
      <c r="A221">
        <v>1089.962082</v>
      </c>
      <c r="B221">
        <v>20.022414000000001</v>
      </c>
      <c r="C221">
        <v>7.876557</v>
      </c>
      <c r="D221">
        <f t="shared" si="12"/>
        <v>1.0960510000000001</v>
      </c>
      <c r="E221">
        <f t="shared" si="13"/>
        <v>22.167637000000013</v>
      </c>
      <c r="F221">
        <f t="shared" si="11"/>
        <v>1.8555695996059284E-2</v>
      </c>
    </row>
    <row r="222" spans="1:6" x14ac:dyDescent="0.2">
      <c r="A222">
        <v>1089.9308309999999</v>
      </c>
      <c r="B222">
        <v>19.996123999999998</v>
      </c>
      <c r="C222">
        <v>7.8815619999999997</v>
      </c>
      <c r="D222">
        <f t="shared" si="12"/>
        <v>1.1010559999999998</v>
      </c>
      <c r="E222">
        <f t="shared" si="13"/>
        <v>22.136385999999902</v>
      </c>
      <c r="F222">
        <f t="shared" si="11"/>
        <v>1.8445837296829987E-2</v>
      </c>
    </row>
    <row r="223" spans="1:6" x14ac:dyDescent="0.2">
      <c r="A223">
        <v>1090.3159330000001</v>
      </c>
      <c r="B223">
        <v>19.964175000000001</v>
      </c>
      <c r="C223">
        <v>7.8865660000000002</v>
      </c>
      <c r="D223">
        <f t="shared" si="12"/>
        <v>1.1060600000000003</v>
      </c>
      <c r="E223">
        <f t="shared" si="13"/>
        <v>22.52148800000009</v>
      </c>
      <c r="F223">
        <f t="shared" si="11"/>
        <v>1.8675233298165464E-2</v>
      </c>
    </row>
    <row r="224" spans="1:6" x14ac:dyDescent="0.2">
      <c r="A224">
        <v>1090.8303100000001</v>
      </c>
      <c r="B224">
        <v>19.967289999999998</v>
      </c>
      <c r="C224">
        <v>7.8915709999999999</v>
      </c>
      <c r="D224">
        <f t="shared" si="12"/>
        <v>1.111065</v>
      </c>
      <c r="E224">
        <f t="shared" si="13"/>
        <v>23.035865000000058</v>
      </c>
      <c r="F224">
        <f t="shared" si="11"/>
        <v>1.9006749936445612E-2</v>
      </c>
    </row>
    <row r="225" spans="1:6" x14ac:dyDescent="0.2">
      <c r="A225">
        <v>1091.9384869999999</v>
      </c>
      <c r="B225">
        <v>19.907917999999999</v>
      </c>
      <c r="C225">
        <v>7.8965759999999996</v>
      </c>
      <c r="D225">
        <f t="shared" si="12"/>
        <v>1.1160699999999997</v>
      </c>
      <c r="E225">
        <f t="shared" si="13"/>
        <v>24.144041999999899</v>
      </c>
      <c r="F225">
        <f t="shared" si="11"/>
        <v>1.9811637358610888E-2</v>
      </c>
    </row>
    <row r="226" spans="1:6" x14ac:dyDescent="0.2">
      <c r="A226">
        <v>1092.8461219999999</v>
      </c>
      <c r="B226">
        <v>19.928505999999999</v>
      </c>
      <c r="C226">
        <v>7.9015810000000002</v>
      </c>
      <c r="D226">
        <f t="shared" si="12"/>
        <v>1.1210750000000003</v>
      </c>
      <c r="E226">
        <f t="shared" si="13"/>
        <v>25.051676999999927</v>
      </c>
      <c r="F226">
        <f t="shared" si="11"/>
        <v>2.0447636693661106E-2</v>
      </c>
    </row>
    <row r="227" spans="1:6" x14ac:dyDescent="0.2">
      <c r="A227">
        <v>1093.808311</v>
      </c>
      <c r="B227">
        <v>19.943785999999999</v>
      </c>
      <c r="C227">
        <v>7.9065859999999999</v>
      </c>
      <c r="D227">
        <f t="shared" si="12"/>
        <v>1.12608</v>
      </c>
      <c r="E227">
        <f t="shared" si="13"/>
        <v>26.013866000000007</v>
      </c>
      <c r="F227">
        <f t="shared" si="11"/>
        <v>2.1120025330999975E-2</v>
      </c>
    </row>
    <row r="228" spans="1:6" x14ac:dyDescent="0.2">
      <c r="A228">
        <v>1094.636671</v>
      </c>
      <c r="B228">
        <v>19.934346999999999</v>
      </c>
      <c r="C228">
        <v>7.9115900000000003</v>
      </c>
      <c r="D228">
        <f t="shared" si="12"/>
        <v>1.1310840000000004</v>
      </c>
      <c r="E228">
        <f t="shared" si="13"/>
        <v>26.842225999999982</v>
      </c>
      <c r="F228">
        <f t="shared" si="11"/>
        <v>2.1679720376939677E-2</v>
      </c>
    </row>
    <row r="229" spans="1:6" x14ac:dyDescent="0.2">
      <c r="A229">
        <v>1095.035259</v>
      </c>
      <c r="B229">
        <v>19.981860000000001</v>
      </c>
      <c r="C229">
        <v>7.916595</v>
      </c>
      <c r="D229">
        <f t="shared" si="12"/>
        <v>1.1360890000000001</v>
      </c>
      <c r="E229">
        <f t="shared" si="13"/>
        <v>27.240814</v>
      </c>
      <c r="F229">
        <f t="shared" si="11"/>
        <v>2.1896748124030665E-2</v>
      </c>
    </row>
    <row r="230" spans="1:6" x14ac:dyDescent="0.2">
      <c r="A230">
        <v>1095.41752</v>
      </c>
      <c r="B230">
        <v>19.983837999999999</v>
      </c>
      <c r="C230">
        <v>7.9215999999999998</v>
      </c>
      <c r="D230">
        <f t="shared" si="12"/>
        <v>1.1410939999999998</v>
      </c>
      <c r="E230">
        <f t="shared" si="13"/>
        <v>27.623074999999972</v>
      </c>
      <c r="F230">
        <f t="shared" si="11"/>
        <v>2.2098913300566788E-2</v>
      </c>
    </row>
    <row r="231" spans="1:6" x14ac:dyDescent="0.2">
      <c r="A231">
        <v>1095.637974</v>
      </c>
      <c r="B231">
        <v>19.968733</v>
      </c>
      <c r="C231">
        <v>7.9266050000000003</v>
      </c>
      <c r="D231">
        <f t="shared" si="12"/>
        <v>1.1460990000000004</v>
      </c>
      <c r="E231">
        <f t="shared" si="13"/>
        <v>27.84352899999999</v>
      </c>
      <c r="F231">
        <f t="shared" si="11"/>
        <v>2.2173541798494751E-2</v>
      </c>
    </row>
    <row r="232" spans="1:6" x14ac:dyDescent="0.2">
      <c r="A232">
        <v>1096.427803</v>
      </c>
      <c r="B232">
        <v>19.934985999999999</v>
      </c>
      <c r="C232">
        <v>7.93161</v>
      </c>
      <c r="D232">
        <f t="shared" si="12"/>
        <v>1.1511040000000001</v>
      </c>
      <c r="E232">
        <f t="shared" si="13"/>
        <v>28.633358000000044</v>
      </c>
      <c r="F232">
        <f t="shared" si="11"/>
        <v>2.2687031832904644E-2</v>
      </c>
    </row>
    <row r="233" spans="1:6" x14ac:dyDescent="0.2">
      <c r="A233">
        <v>1096.5931780000001</v>
      </c>
      <c r="B233">
        <v>20.017167000000001</v>
      </c>
      <c r="C233">
        <v>7.9366139999999996</v>
      </c>
      <c r="D233">
        <f t="shared" si="12"/>
        <v>1.1561079999999997</v>
      </c>
      <c r="E233">
        <f t="shared" si="13"/>
        <v>28.798733000000084</v>
      </c>
      <c r="F233">
        <f t="shared" si="11"/>
        <v>2.271587316988476E-2</v>
      </c>
    </row>
    <row r="234" spans="1:6" x14ac:dyDescent="0.2">
      <c r="A234">
        <v>1096.352484</v>
      </c>
      <c r="B234">
        <v>20.00789</v>
      </c>
      <c r="C234">
        <v>7.9416190000000002</v>
      </c>
      <c r="D234">
        <f t="shared" si="12"/>
        <v>1.1611130000000003</v>
      </c>
      <c r="E234">
        <f t="shared" si="13"/>
        <v>28.558039000000008</v>
      </c>
      <c r="F234">
        <f t="shared" si="11"/>
        <v>2.2433843708448597E-2</v>
      </c>
    </row>
    <row r="235" spans="1:6" x14ac:dyDescent="0.2">
      <c r="A235">
        <v>1096.626968</v>
      </c>
      <c r="B235">
        <v>19.960888000000001</v>
      </c>
      <c r="C235">
        <v>7.9466239999999999</v>
      </c>
      <c r="D235">
        <f t="shared" si="12"/>
        <v>1.166118</v>
      </c>
      <c r="E235">
        <f t="shared" si="13"/>
        <v>28.832523000000037</v>
      </c>
      <c r="F235">
        <f t="shared" si="11"/>
        <v>2.2546608629602619E-2</v>
      </c>
    </row>
    <row r="236" spans="1:6" x14ac:dyDescent="0.2">
      <c r="A236">
        <v>1097.130668</v>
      </c>
      <c r="B236">
        <v>19.981760999999999</v>
      </c>
      <c r="C236">
        <v>7.9516289999999996</v>
      </c>
      <c r="D236">
        <f t="shared" si="12"/>
        <v>1.1711229999999997</v>
      </c>
      <c r="E236">
        <f t="shared" si="13"/>
        <v>29.336223000000018</v>
      </c>
      <c r="F236">
        <f t="shared" si="11"/>
        <v>2.2831967256937327E-2</v>
      </c>
    </row>
    <row r="237" spans="1:6" x14ac:dyDescent="0.2">
      <c r="A237">
        <v>1096.8899309999999</v>
      </c>
      <c r="B237">
        <v>20.028891999999999</v>
      </c>
      <c r="C237">
        <v>7.9566340000000002</v>
      </c>
      <c r="D237">
        <f t="shared" si="12"/>
        <v>1.1761280000000003</v>
      </c>
      <c r="E237">
        <f t="shared" si="13"/>
        <v>29.095485999999937</v>
      </c>
      <c r="F237">
        <f t="shared" si="11"/>
        <v>2.2553189899274264E-2</v>
      </c>
    </row>
    <row r="238" spans="1:6" x14ac:dyDescent="0.2">
      <c r="A238">
        <v>1096.157604</v>
      </c>
      <c r="B238">
        <v>20.051200000000001</v>
      </c>
      <c r="C238">
        <v>7.9616379999999998</v>
      </c>
      <c r="D238">
        <f t="shared" si="12"/>
        <v>1.1811319999999998</v>
      </c>
      <c r="E238">
        <f t="shared" si="13"/>
        <v>28.363158999999996</v>
      </c>
      <c r="F238">
        <f t="shared" si="11"/>
        <v>2.1907012841317096E-2</v>
      </c>
    </row>
    <row r="239" spans="1:6" x14ac:dyDescent="0.2">
      <c r="A239">
        <v>1096.00047</v>
      </c>
      <c r="B239">
        <v>20.011946999999999</v>
      </c>
      <c r="C239">
        <v>7.9666430000000004</v>
      </c>
      <c r="D239">
        <f t="shared" si="12"/>
        <v>1.1861370000000004</v>
      </c>
      <c r="E239">
        <f t="shared" si="13"/>
        <v>28.206024999999954</v>
      </c>
      <c r="F239">
        <f t="shared" si="11"/>
        <v>2.16968303272735E-2</v>
      </c>
    </row>
    <row r="240" spans="1:6" x14ac:dyDescent="0.2">
      <c r="A240">
        <v>1095.73163</v>
      </c>
      <c r="B240">
        <v>19.998629000000001</v>
      </c>
      <c r="C240">
        <v>7.9716480000000001</v>
      </c>
      <c r="D240">
        <f t="shared" si="12"/>
        <v>1.1911420000000001</v>
      </c>
      <c r="E240">
        <f t="shared" si="13"/>
        <v>27.937184999999999</v>
      </c>
      <c r="F240">
        <f t="shared" si="11"/>
        <v>2.1404983974858554E-2</v>
      </c>
    </row>
    <row r="241" spans="1:6" x14ac:dyDescent="0.2">
      <c r="A241">
        <v>1095.4262699999999</v>
      </c>
      <c r="B241">
        <v>20.023088999999999</v>
      </c>
      <c r="C241">
        <v>7.9766529999999998</v>
      </c>
      <c r="D241">
        <f t="shared" si="12"/>
        <v>1.1961469999999998</v>
      </c>
      <c r="E241">
        <f t="shared" si="13"/>
        <v>27.631824999999935</v>
      </c>
      <c r="F241">
        <f t="shared" si="11"/>
        <v>2.1088314149554151E-2</v>
      </c>
    </row>
    <row r="242" spans="1:6" x14ac:dyDescent="0.2">
      <c r="A242">
        <v>1094.9034280000001</v>
      </c>
      <c r="B242">
        <v>20.050630000000002</v>
      </c>
      <c r="C242">
        <v>7.9816580000000004</v>
      </c>
      <c r="D242">
        <f t="shared" si="12"/>
        <v>1.2011520000000004</v>
      </c>
      <c r="E242">
        <f t="shared" si="13"/>
        <v>27.10898300000008</v>
      </c>
      <c r="F242">
        <f t="shared" si="11"/>
        <v>2.0612916356672444E-2</v>
      </c>
    </row>
    <row r="243" spans="1:6" x14ac:dyDescent="0.2">
      <c r="A243">
        <v>1094.505089</v>
      </c>
      <c r="B243">
        <v>20.013750000000002</v>
      </c>
      <c r="C243">
        <v>7.9866619999999999</v>
      </c>
      <c r="D243">
        <f t="shared" si="12"/>
        <v>1.206156</v>
      </c>
      <c r="E243">
        <f t="shared" si="13"/>
        <v>26.710644000000002</v>
      </c>
      <c r="F243">
        <f t="shared" si="11"/>
        <v>2.023313095040255E-2</v>
      </c>
    </row>
    <row r="244" spans="1:6" x14ac:dyDescent="0.2">
      <c r="A244">
        <v>1093.9781700000001</v>
      </c>
      <c r="B244">
        <v>20.057741</v>
      </c>
      <c r="C244">
        <v>7.9916669999999996</v>
      </c>
      <c r="D244">
        <f t="shared" si="12"/>
        <v>1.2111609999999997</v>
      </c>
      <c r="E244">
        <f t="shared" si="13"/>
        <v>26.183725000000095</v>
      </c>
      <c r="F244">
        <f t="shared" si="11"/>
        <v>1.9761545075269008E-2</v>
      </c>
    </row>
    <row r="245" spans="1:6" x14ac:dyDescent="0.2">
      <c r="A245">
        <v>1093.3697380000001</v>
      </c>
      <c r="B245">
        <v>20.022200000000002</v>
      </c>
      <c r="C245">
        <v>7.9966720000000002</v>
      </c>
      <c r="D245">
        <f t="shared" si="12"/>
        <v>1.2161660000000003</v>
      </c>
      <c r="E245">
        <f t="shared" si="13"/>
        <v>25.575293000000102</v>
      </c>
      <c r="F245">
        <f t="shared" si="11"/>
        <v>1.9233605793066502E-2</v>
      </c>
    </row>
    <row r="246" spans="1:6" x14ac:dyDescent="0.2">
      <c r="A246">
        <v>1093.3208540000001</v>
      </c>
      <c r="B246">
        <v>20.000084999999999</v>
      </c>
      <c r="C246">
        <v>8.0016770000000008</v>
      </c>
      <c r="D246">
        <f t="shared" si="12"/>
        <v>1.2211710000000009</v>
      </c>
      <c r="E246">
        <f t="shared" si="13"/>
        <v>25.526409000000058</v>
      </c>
      <c r="F246">
        <f t="shared" si="11"/>
        <v>1.9119019199489901E-2</v>
      </c>
    </row>
    <row r="247" spans="1:6" x14ac:dyDescent="0.2">
      <c r="A247">
        <v>1093.1703660000001</v>
      </c>
      <c r="B247">
        <v>20.019521999999998</v>
      </c>
      <c r="C247">
        <v>8.0066819999999996</v>
      </c>
      <c r="D247">
        <f t="shared" si="12"/>
        <v>1.2261759999999997</v>
      </c>
      <c r="E247">
        <f t="shared" si="13"/>
        <v>25.375921000000062</v>
      </c>
      <c r="F247">
        <f t="shared" si="11"/>
        <v>1.8931331136761098E-2</v>
      </c>
    </row>
    <row r="248" spans="1:6" x14ac:dyDescent="0.2">
      <c r="A248">
        <v>1093.127827</v>
      </c>
      <c r="B248">
        <v>19.979875</v>
      </c>
      <c r="C248">
        <v>8.0116859999999992</v>
      </c>
      <c r="D248">
        <f t="shared" si="12"/>
        <v>1.2311799999999993</v>
      </c>
      <c r="E248">
        <f t="shared" si="13"/>
        <v>25.333382000000029</v>
      </c>
      <c r="F248">
        <f t="shared" si="11"/>
        <v>1.8823512637832295E-2</v>
      </c>
    </row>
    <row r="249" spans="1:6" x14ac:dyDescent="0.2">
      <c r="A249">
        <v>1093.2939349999999</v>
      </c>
      <c r="B249">
        <v>20.004939</v>
      </c>
      <c r="C249">
        <v>8.0166909999999998</v>
      </c>
      <c r="D249">
        <f t="shared" si="12"/>
        <v>1.2361849999999999</v>
      </c>
      <c r="E249">
        <f t="shared" si="13"/>
        <v>25.499489999999923</v>
      </c>
      <c r="F249">
        <f t="shared" si="11"/>
        <v>1.8867357825608028E-2</v>
      </c>
    </row>
    <row r="250" spans="1:6" x14ac:dyDescent="0.2">
      <c r="A250">
        <v>1093.02475</v>
      </c>
      <c r="B250">
        <v>20.011679999999998</v>
      </c>
      <c r="C250">
        <v>8.0216960000000004</v>
      </c>
      <c r="D250">
        <f t="shared" si="12"/>
        <v>1.2411900000000005</v>
      </c>
      <c r="E250">
        <f t="shared" si="13"/>
        <v>25.230305000000044</v>
      </c>
      <c r="F250">
        <f t="shared" si="11"/>
        <v>1.8597485836197136E-2</v>
      </c>
    </row>
    <row r="251" spans="1:6" x14ac:dyDescent="0.2">
      <c r="A251">
        <v>1093.2342599999999</v>
      </c>
      <c r="B251">
        <v>19.963732</v>
      </c>
      <c r="C251">
        <v>8.0267009999999992</v>
      </c>
      <c r="D251">
        <f t="shared" si="12"/>
        <v>1.2461949999999993</v>
      </c>
      <c r="E251">
        <f t="shared" si="13"/>
        <v>25.439814999999953</v>
      </c>
      <c r="F251">
        <f t="shared" si="11"/>
        <v>1.8673026394391567E-2</v>
      </c>
    </row>
    <row r="252" spans="1:6" x14ac:dyDescent="0.2">
      <c r="A252">
        <v>1093.6691040000001</v>
      </c>
      <c r="B252">
        <v>19.961055000000002</v>
      </c>
      <c r="C252">
        <v>8.0317059999999998</v>
      </c>
      <c r="D252">
        <f t="shared" si="12"/>
        <v>1.2511999999999999</v>
      </c>
      <c r="E252">
        <f t="shared" si="13"/>
        <v>25.874659000000065</v>
      </c>
      <c r="F252">
        <f t="shared" si="11"/>
        <v>1.8908712374543234E-2</v>
      </c>
    </row>
    <row r="253" spans="1:6" x14ac:dyDescent="0.2">
      <c r="A253">
        <v>1094.529661</v>
      </c>
      <c r="B253">
        <v>19.950240999999998</v>
      </c>
      <c r="C253">
        <v>8.0367099999999994</v>
      </c>
      <c r="D253">
        <f t="shared" si="12"/>
        <v>1.2562039999999994</v>
      </c>
      <c r="E253">
        <f t="shared" si="13"/>
        <v>26.735216000000037</v>
      </c>
      <c r="F253">
        <f t="shared" si="11"/>
        <v>1.9444464631266721E-2</v>
      </c>
    </row>
    <row r="254" spans="1:6" x14ac:dyDescent="0.2">
      <c r="A254">
        <v>1094.911951</v>
      </c>
      <c r="B254">
        <v>19.979733</v>
      </c>
      <c r="C254">
        <v>8.0417149999999999</v>
      </c>
      <c r="D254">
        <f t="shared" si="12"/>
        <v>1.261209</v>
      </c>
      <c r="E254">
        <f t="shared" si="13"/>
        <v>27.117506000000049</v>
      </c>
      <c r="F254">
        <f t="shared" si="11"/>
        <v>1.9637377440700005E-2</v>
      </c>
    </row>
    <row r="255" spans="1:6" x14ac:dyDescent="0.2">
      <c r="A255">
        <v>1094.8976110000001</v>
      </c>
      <c r="B255">
        <v>20.001791999999998</v>
      </c>
      <c r="C255">
        <v>8.0467200000000005</v>
      </c>
      <c r="D255">
        <f t="shared" si="12"/>
        <v>1.2662140000000006</v>
      </c>
      <c r="E255">
        <f t="shared" si="13"/>
        <v>27.103166000000101</v>
      </c>
      <c r="F255">
        <f t="shared" si="11"/>
        <v>1.9549668874025337E-2</v>
      </c>
    </row>
    <row r="256" spans="1:6" x14ac:dyDescent="0.2">
      <c r="A256">
        <v>1095.1167109999999</v>
      </c>
      <c r="B256">
        <v>19.976804999999999</v>
      </c>
      <c r="C256">
        <v>8.0517249999999994</v>
      </c>
      <c r="D256">
        <f t="shared" si="12"/>
        <v>1.2712189999999994</v>
      </c>
      <c r="E256">
        <f t="shared" si="13"/>
        <v>27.3222659999999</v>
      </c>
      <c r="F256">
        <f t="shared" si="11"/>
        <v>1.9626187051685375E-2</v>
      </c>
    </row>
    <row r="257" spans="1:6" x14ac:dyDescent="0.2">
      <c r="A257">
        <v>1095.4754399999999</v>
      </c>
      <c r="B257">
        <v>19.979976000000001</v>
      </c>
      <c r="C257">
        <v>8.0567299999999999</v>
      </c>
      <c r="D257">
        <f t="shared" si="12"/>
        <v>1.276224</v>
      </c>
      <c r="E257">
        <f t="shared" si="13"/>
        <v>27.680994999999939</v>
      </c>
      <c r="F257">
        <f t="shared" si="11"/>
        <v>1.9799405217216973E-2</v>
      </c>
    </row>
    <row r="258" spans="1:6" x14ac:dyDescent="0.2">
      <c r="A258">
        <v>1095.922049</v>
      </c>
      <c r="B258">
        <v>19.957521</v>
      </c>
      <c r="C258">
        <v>8.0617339999999995</v>
      </c>
      <c r="D258">
        <f t="shared" si="12"/>
        <v>1.2812279999999996</v>
      </c>
      <c r="E258">
        <f t="shared" si="13"/>
        <v>28.127604000000019</v>
      </c>
      <c r="F258">
        <f t="shared" si="11"/>
        <v>2.0032108015658915E-2</v>
      </c>
    </row>
    <row r="259" spans="1:6" x14ac:dyDescent="0.2">
      <c r="A259">
        <v>1096.4555310000001</v>
      </c>
      <c r="B259">
        <v>19.958058000000001</v>
      </c>
      <c r="C259">
        <v>8.0667390000000001</v>
      </c>
      <c r="D259">
        <f t="shared" si="12"/>
        <v>1.2862330000000002</v>
      </c>
      <c r="E259">
        <f t="shared" si="13"/>
        <v>28.661086000000068</v>
      </c>
      <c r="F259">
        <f t="shared" ref="F259:F322" si="14">(1/A259)*(E259/D259)</f>
        <v>2.0322726466327011E-2</v>
      </c>
    </row>
    <row r="260" spans="1:6" x14ac:dyDescent="0.2">
      <c r="A260">
        <v>1096.246138</v>
      </c>
      <c r="B260">
        <v>20.029665000000001</v>
      </c>
      <c r="C260">
        <v>8.0717440000000007</v>
      </c>
      <c r="D260">
        <f t="shared" si="12"/>
        <v>1.2912380000000008</v>
      </c>
      <c r="E260">
        <f t="shared" si="13"/>
        <v>28.451692999999977</v>
      </c>
      <c r="F260">
        <f t="shared" si="14"/>
        <v>2.0099892702029911E-2</v>
      </c>
    </row>
    <row r="261" spans="1:6" x14ac:dyDescent="0.2">
      <c r="A261">
        <v>1096.1338459999999</v>
      </c>
      <c r="B261">
        <v>20.010712000000002</v>
      </c>
      <c r="C261">
        <v>8.0767489999999995</v>
      </c>
      <c r="D261">
        <f t="shared" si="12"/>
        <v>1.2962429999999996</v>
      </c>
      <c r="E261">
        <f t="shared" si="13"/>
        <v>28.339400999999953</v>
      </c>
      <c r="F261">
        <f t="shared" si="14"/>
        <v>1.9945303740571393E-2</v>
      </c>
    </row>
    <row r="262" spans="1:6" x14ac:dyDescent="0.2">
      <c r="A262">
        <v>1096.041009</v>
      </c>
      <c r="B262">
        <v>20.006602000000001</v>
      </c>
      <c r="C262">
        <v>8.0817540000000001</v>
      </c>
      <c r="D262">
        <f t="shared" si="12"/>
        <v>1.3012480000000002</v>
      </c>
      <c r="E262">
        <f t="shared" si="13"/>
        <v>28.246564000000035</v>
      </c>
      <c r="F262">
        <f t="shared" si="14"/>
        <v>1.980517789017722E-2</v>
      </c>
    </row>
    <row r="263" spans="1:6" x14ac:dyDescent="0.2">
      <c r="A263">
        <v>1095.657674</v>
      </c>
      <c r="B263">
        <v>20.032278000000002</v>
      </c>
      <c r="C263">
        <v>8.0867579999999997</v>
      </c>
      <c r="D263">
        <f t="shared" ref="D263:D326" si="15">C263-$C$2</f>
        <v>1.3062519999999997</v>
      </c>
      <c r="E263">
        <f t="shared" ref="E263:E326" si="16">A263-$A$2</f>
        <v>27.863229000000047</v>
      </c>
      <c r="F263">
        <f t="shared" si="14"/>
        <v>1.9468369978666196E-2</v>
      </c>
    </row>
    <row r="264" spans="1:6" x14ac:dyDescent="0.2">
      <c r="A264">
        <v>1095.134403</v>
      </c>
      <c r="B264">
        <v>20.034973000000001</v>
      </c>
      <c r="C264">
        <v>8.0917630000000003</v>
      </c>
      <c r="D264">
        <f t="shared" si="15"/>
        <v>1.3112570000000003</v>
      </c>
      <c r="E264">
        <f t="shared" si="16"/>
        <v>27.339958000000024</v>
      </c>
      <c r="F264">
        <f t="shared" si="14"/>
        <v>1.9038932807199337E-2</v>
      </c>
    </row>
    <row r="265" spans="1:6" x14ac:dyDescent="0.2">
      <c r="A265">
        <v>1094.2381519999999</v>
      </c>
      <c r="B265">
        <v>20.060300999999999</v>
      </c>
      <c r="C265">
        <v>8.0967680000000009</v>
      </c>
      <c r="D265">
        <f t="shared" si="15"/>
        <v>1.3162620000000009</v>
      </c>
      <c r="E265">
        <f t="shared" si="16"/>
        <v>26.443706999999904</v>
      </c>
      <c r="F265">
        <f t="shared" si="14"/>
        <v>1.8359808202215586E-2</v>
      </c>
    </row>
    <row r="266" spans="1:6" x14ac:dyDescent="0.2">
      <c r="A266">
        <v>1093.413065</v>
      </c>
      <c r="B266">
        <v>20.051931</v>
      </c>
      <c r="C266">
        <v>8.1017729999999997</v>
      </c>
      <c r="D266">
        <f t="shared" si="15"/>
        <v>1.3212669999999997</v>
      </c>
      <c r="E266">
        <f t="shared" si="16"/>
        <v>25.618619999999964</v>
      </c>
      <c r="F266">
        <f t="shared" si="14"/>
        <v>1.7732945723659126E-2</v>
      </c>
    </row>
    <row r="267" spans="1:6" x14ac:dyDescent="0.2">
      <c r="A267">
        <v>1092.4289080000001</v>
      </c>
      <c r="B267">
        <v>20.073698</v>
      </c>
      <c r="C267">
        <v>8.1067780000000003</v>
      </c>
      <c r="D267">
        <f t="shared" si="15"/>
        <v>1.3262720000000003</v>
      </c>
      <c r="E267">
        <f t="shared" si="16"/>
        <v>24.634463000000096</v>
      </c>
      <c r="F267">
        <f t="shared" si="14"/>
        <v>1.7002677394840904E-2</v>
      </c>
    </row>
    <row r="268" spans="1:6" x14ac:dyDescent="0.2">
      <c r="A268">
        <v>1091.6070790000001</v>
      </c>
      <c r="B268">
        <v>20.061349</v>
      </c>
      <c r="C268">
        <v>8.1117819999999998</v>
      </c>
      <c r="D268">
        <f t="shared" si="15"/>
        <v>1.3312759999999999</v>
      </c>
      <c r="E268">
        <f t="shared" si="16"/>
        <v>23.812634000000116</v>
      </c>
      <c r="F268">
        <f t="shared" si="14"/>
        <v>1.6386001521268831E-2</v>
      </c>
    </row>
    <row r="269" spans="1:6" x14ac:dyDescent="0.2">
      <c r="A269">
        <v>1091.0079989999999</v>
      </c>
      <c r="B269">
        <v>20.025928</v>
      </c>
      <c r="C269">
        <v>8.1167870000000004</v>
      </c>
      <c r="D269">
        <f t="shared" si="15"/>
        <v>1.3362810000000005</v>
      </c>
      <c r="E269">
        <f t="shared" si="16"/>
        <v>23.213553999999931</v>
      </c>
      <c r="F269">
        <f t="shared" si="14"/>
        <v>1.5922670498802905E-2</v>
      </c>
    </row>
    <row r="270" spans="1:6" x14ac:dyDescent="0.2">
      <c r="A270">
        <v>1090.4701620000001</v>
      </c>
      <c r="B270">
        <v>20.026982</v>
      </c>
      <c r="C270">
        <v>8.1217919999999992</v>
      </c>
      <c r="D270">
        <f t="shared" si="15"/>
        <v>1.3412859999999993</v>
      </c>
      <c r="E270">
        <f t="shared" si="16"/>
        <v>22.675717000000077</v>
      </c>
      <c r="F270">
        <f t="shared" si="14"/>
        <v>1.5503360648683583E-2</v>
      </c>
    </row>
    <row r="271" spans="1:6" x14ac:dyDescent="0.2">
      <c r="A271">
        <v>1090.1083610000001</v>
      </c>
      <c r="B271">
        <v>20.023847</v>
      </c>
      <c r="C271">
        <v>8.1267969999999998</v>
      </c>
      <c r="D271">
        <f t="shared" si="15"/>
        <v>1.3462909999999999</v>
      </c>
      <c r="E271">
        <f t="shared" si="16"/>
        <v>22.313916000000063</v>
      </c>
      <c r="F271">
        <f t="shared" si="14"/>
        <v>1.5204326274203662E-2</v>
      </c>
    </row>
    <row r="272" spans="1:6" x14ac:dyDescent="0.2">
      <c r="A272">
        <v>1090.3335709999999</v>
      </c>
      <c r="B272">
        <v>19.957214</v>
      </c>
      <c r="C272">
        <v>8.1318020000000004</v>
      </c>
      <c r="D272">
        <f t="shared" si="15"/>
        <v>1.3512960000000005</v>
      </c>
      <c r="E272">
        <f t="shared" si="16"/>
        <v>22.539125999999897</v>
      </c>
      <c r="F272">
        <f t="shared" si="14"/>
        <v>1.5297737207715873E-2</v>
      </c>
    </row>
    <row r="273" spans="1:6" x14ac:dyDescent="0.2">
      <c r="A273">
        <v>1091.229801</v>
      </c>
      <c r="B273">
        <v>19.932186999999999</v>
      </c>
      <c r="C273">
        <v>8.136806</v>
      </c>
      <c r="D273">
        <f t="shared" si="15"/>
        <v>1.3563000000000001</v>
      </c>
      <c r="E273">
        <f t="shared" si="16"/>
        <v>23.435355999999956</v>
      </c>
      <c r="F273">
        <f t="shared" si="14"/>
        <v>1.583432576323935E-2</v>
      </c>
    </row>
    <row r="274" spans="1:6" x14ac:dyDescent="0.2">
      <c r="A274">
        <v>1092.468239</v>
      </c>
      <c r="B274">
        <v>19.907330000000002</v>
      </c>
      <c r="C274">
        <v>8.1418110000000006</v>
      </c>
      <c r="D274">
        <f t="shared" si="15"/>
        <v>1.3613050000000007</v>
      </c>
      <c r="E274">
        <f t="shared" si="16"/>
        <v>24.673794000000044</v>
      </c>
      <c r="F274">
        <f t="shared" si="14"/>
        <v>1.6590966069502961E-2</v>
      </c>
    </row>
    <row r="275" spans="1:6" x14ac:dyDescent="0.2">
      <c r="A275">
        <v>1093.591713</v>
      </c>
      <c r="B275">
        <v>19.911709999999999</v>
      </c>
      <c r="C275">
        <v>8.1468159999999994</v>
      </c>
      <c r="D275">
        <f t="shared" si="15"/>
        <v>1.3663099999999995</v>
      </c>
      <c r="E275">
        <f t="shared" si="16"/>
        <v>25.797268000000031</v>
      </c>
      <c r="F275">
        <f t="shared" si="14"/>
        <v>1.7265106352029526E-2</v>
      </c>
    </row>
    <row r="276" spans="1:6" x14ac:dyDescent="0.2">
      <c r="A276">
        <v>1094.877117</v>
      </c>
      <c r="B276">
        <v>19.923655</v>
      </c>
      <c r="C276">
        <v>8.151821</v>
      </c>
      <c r="D276">
        <f t="shared" si="15"/>
        <v>1.3713150000000001</v>
      </c>
      <c r="E276">
        <f t="shared" si="16"/>
        <v>27.082672000000002</v>
      </c>
      <c r="F276">
        <f t="shared" si="14"/>
        <v>1.803802167259622E-2</v>
      </c>
    </row>
    <row r="277" spans="1:6" x14ac:dyDescent="0.2">
      <c r="A277">
        <v>1096.1272759999999</v>
      </c>
      <c r="B277">
        <v>19.896363999999998</v>
      </c>
      <c r="C277">
        <v>8.1568260000000006</v>
      </c>
      <c r="D277">
        <f t="shared" si="15"/>
        <v>1.3763200000000007</v>
      </c>
      <c r="E277">
        <f t="shared" si="16"/>
        <v>28.332830999999942</v>
      </c>
      <c r="F277">
        <f t="shared" si="14"/>
        <v>1.8780604431616253E-2</v>
      </c>
    </row>
    <row r="278" spans="1:6" x14ac:dyDescent="0.2">
      <c r="A278">
        <v>1097.374523</v>
      </c>
      <c r="B278">
        <v>19.931232000000001</v>
      </c>
      <c r="C278">
        <v>8.1618300000000001</v>
      </c>
      <c r="D278">
        <f t="shared" si="15"/>
        <v>1.3813240000000002</v>
      </c>
      <c r="E278">
        <f t="shared" si="16"/>
        <v>29.580077999999958</v>
      </c>
      <c r="F278">
        <f t="shared" si="14"/>
        <v>1.9514116077623371E-2</v>
      </c>
    </row>
    <row r="279" spans="1:6" x14ac:dyDescent="0.2">
      <c r="A279">
        <v>1098.371901</v>
      </c>
      <c r="B279">
        <v>19.928989999999999</v>
      </c>
      <c r="C279">
        <v>8.1668350000000007</v>
      </c>
      <c r="D279">
        <f t="shared" si="15"/>
        <v>1.3863290000000008</v>
      </c>
      <c r="E279">
        <f t="shared" si="16"/>
        <v>30.577455999999984</v>
      </c>
      <c r="F279">
        <f t="shared" si="14"/>
        <v>2.008101348049909E-2</v>
      </c>
    </row>
    <row r="280" spans="1:6" x14ac:dyDescent="0.2">
      <c r="A280">
        <v>1098.964146</v>
      </c>
      <c r="B280">
        <v>19.973267</v>
      </c>
      <c r="C280">
        <v>8.1718399999999995</v>
      </c>
      <c r="D280">
        <f t="shared" si="15"/>
        <v>1.3913339999999996</v>
      </c>
      <c r="E280">
        <f t="shared" si="16"/>
        <v>31.169701000000032</v>
      </c>
      <c r="F280">
        <f t="shared" si="14"/>
        <v>2.0385328508473771E-2</v>
      </c>
    </row>
    <row r="281" spans="1:6" x14ac:dyDescent="0.2">
      <c r="A281">
        <v>1099.5996130000001</v>
      </c>
      <c r="B281">
        <v>19.937512999999999</v>
      </c>
      <c r="C281">
        <v>8.1768450000000001</v>
      </c>
      <c r="D281">
        <f t="shared" si="15"/>
        <v>1.3963390000000002</v>
      </c>
      <c r="E281">
        <f t="shared" si="16"/>
        <v>31.805168000000094</v>
      </c>
      <c r="F281">
        <f t="shared" si="14"/>
        <v>2.0714394713989458E-2</v>
      </c>
    </row>
    <row r="282" spans="1:6" x14ac:dyDescent="0.2">
      <c r="A282">
        <v>1099.6980570000001</v>
      </c>
      <c r="B282">
        <v>20.014030999999999</v>
      </c>
      <c r="C282">
        <v>8.1818500000000007</v>
      </c>
      <c r="D282">
        <f t="shared" si="15"/>
        <v>1.4013440000000008</v>
      </c>
      <c r="E282">
        <f t="shared" si="16"/>
        <v>31.903612000000066</v>
      </c>
      <c r="F282">
        <f t="shared" si="14"/>
        <v>2.0702444966445695E-2</v>
      </c>
    </row>
    <row r="283" spans="1:6" x14ac:dyDescent="0.2">
      <c r="A283">
        <v>1099.2408579999999</v>
      </c>
      <c r="B283">
        <v>20.050795000000001</v>
      </c>
      <c r="C283">
        <v>8.1868540000000003</v>
      </c>
      <c r="D283">
        <f t="shared" si="15"/>
        <v>1.4063480000000004</v>
      </c>
      <c r="E283">
        <f t="shared" si="16"/>
        <v>31.446412999999893</v>
      </c>
      <c r="F283">
        <f t="shared" si="14"/>
        <v>2.0341615997281345E-2</v>
      </c>
    </row>
    <row r="284" spans="1:6" x14ac:dyDescent="0.2">
      <c r="A284">
        <v>1098.49891</v>
      </c>
      <c r="B284">
        <v>20.062424</v>
      </c>
      <c r="C284">
        <v>8.1918589999999991</v>
      </c>
      <c r="D284">
        <f t="shared" si="15"/>
        <v>1.4113529999999992</v>
      </c>
      <c r="E284">
        <f t="shared" si="16"/>
        <v>30.704465000000027</v>
      </c>
      <c r="F284">
        <f t="shared" si="14"/>
        <v>1.9804608129127172E-2</v>
      </c>
    </row>
    <row r="285" spans="1:6" x14ac:dyDescent="0.2">
      <c r="A285">
        <v>1097.723047</v>
      </c>
      <c r="B285">
        <v>20.054107999999999</v>
      </c>
      <c r="C285">
        <v>8.1968639999999997</v>
      </c>
      <c r="D285">
        <f t="shared" si="15"/>
        <v>1.4163579999999998</v>
      </c>
      <c r="E285">
        <f t="shared" si="16"/>
        <v>29.928601999999955</v>
      </c>
      <c r="F285">
        <f t="shared" si="14"/>
        <v>1.9249551204336149E-2</v>
      </c>
    </row>
    <row r="286" spans="1:6" x14ac:dyDescent="0.2">
      <c r="A286">
        <v>1096.7327769999999</v>
      </c>
      <c r="B286">
        <v>20.079346000000001</v>
      </c>
      <c r="C286">
        <v>8.2018690000000003</v>
      </c>
      <c r="D286">
        <f t="shared" si="15"/>
        <v>1.4213630000000004</v>
      </c>
      <c r="E286">
        <f t="shared" si="16"/>
        <v>28.938331999999946</v>
      </c>
      <c r="F286">
        <f t="shared" si="14"/>
        <v>1.8563833556019683E-2</v>
      </c>
    </row>
    <row r="287" spans="1:6" x14ac:dyDescent="0.2">
      <c r="A287">
        <v>1095.2147130000001</v>
      </c>
      <c r="B287">
        <v>20.109148000000001</v>
      </c>
      <c r="C287">
        <v>8.2068739999999991</v>
      </c>
      <c r="D287">
        <f t="shared" si="15"/>
        <v>1.4263679999999992</v>
      </c>
      <c r="E287">
        <f t="shared" si="16"/>
        <v>27.420268000000078</v>
      </c>
      <c r="F287">
        <f t="shared" si="14"/>
        <v>1.7552575052397885E-2</v>
      </c>
    </row>
    <row r="288" spans="1:6" x14ac:dyDescent="0.2">
      <c r="A288">
        <v>1093.5254279999999</v>
      </c>
      <c r="B288">
        <v>20.107241999999999</v>
      </c>
      <c r="C288">
        <v>8.2118780000000005</v>
      </c>
      <c r="D288">
        <f t="shared" si="15"/>
        <v>1.4313720000000005</v>
      </c>
      <c r="E288">
        <f t="shared" si="16"/>
        <v>25.730982999999924</v>
      </c>
      <c r="F288">
        <f t="shared" si="14"/>
        <v>1.6438984053654508E-2</v>
      </c>
    </row>
    <row r="289" spans="1:6" x14ac:dyDescent="0.2">
      <c r="A289">
        <v>1092.226641</v>
      </c>
      <c r="B289">
        <v>20.084738999999999</v>
      </c>
      <c r="C289">
        <v>8.2168829999999993</v>
      </c>
      <c r="D289">
        <f t="shared" si="15"/>
        <v>1.4363769999999993</v>
      </c>
      <c r="E289">
        <f t="shared" si="16"/>
        <v>24.432195999999976</v>
      </c>
      <c r="F289">
        <f t="shared" si="14"/>
        <v>1.5573323169839903E-2</v>
      </c>
    </row>
    <row r="290" spans="1:6" x14ac:dyDescent="0.2">
      <c r="A290">
        <v>1090.9661080000001</v>
      </c>
      <c r="B290">
        <v>20.079386</v>
      </c>
      <c r="C290">
        <v>8.2218879999999999</v>
      </c>
      <c r="D290">
        <f t="shared" si="15"/>
        <v>1.4413819999999999</v>
      </c>
      <c r="E290">
        <f t="shared" si="16"/>
        <v>23.171663000000081</v>
      </c>
      <c r="F290">
        <f t="shared" si="14"/>
        <v>1.4735566964533786E-2</v>
      </c>
    </row>
    <row r="291" spans="1:6" x14ac:dyDescent="0.2">
      <c r="A291">
        <v>1089.9732739999999</v>
      </c>
      <c r="B291">
        <v>20.067311</v>
      </c>
      <c r="C291">
        <v>8.2268930000000005</v>
      </c>
      <c r="D291">
        <f t="shared" si="15"/>
        <v>1.4463870000000005</v>
      </c>
      <c r="E291">
        <f t="shared" si="16"/>
        <v>22.178828999999951</v>
      </c>
      <c r="F291">
        <f t="shared" si="14"/>
        <v>1.406819092020203E-2</v>
      </c>
    </row>
    <row r="292" spans="1:6" x14ac:dyDescent="0.2">
      <c r="A292">
        <v>1089.273848</v>
      </c>
      <c r="B292">
        <v>20.003544999999999</v>
      </c>
      <c r="C292">
        <v>8.2318979999999993</v>
      </c>
      <c r="D292">
        <f t="shared" si="15"/>
        <v>1.4513919999999993</v>
      </c>
      <c r="E292">
        <f t="shared" si="16"/>
        <v>21.479403000000048</v>
      </c>
      <c r="F292">
        <f t="shared" si="14"/>
        <v>1.3586275112798965E-2</v>
      </c>
    </row>
    <row r="293" spans="1:6" x14ac:dyDescent="0.2">
      <c r="A293">
        <v>1090.6045240000001</v>
      </c>
      <c r="B293">
        <v>19.863389999999999</v>
      </c>
      <c r="C293">
        <v>8.2369020000000006</v>
      </c>
      <c r="D293">
        <f t="shared" si="15"/>
        <v>1.4563960000000007</v>
      </c>
      <c r="E293">
        <f t="shared" si="16"/>
        <v>22.810079000000087</v>
      </c>
      <c r="F293">
        <f t="shared" si="14"/>
        <v>1.4360845736566036E-2</v>
      </c>
    </row>
    <row r="294" spans="1:6" x14ac:dyDescent="0.2">
      <c r="A294">
        <v>1092.8324500000001</v>
      </c>
      <c r="B294">
        <v>19.846153999999999</v>
      </c>
      <c r="C294">
        <v>8.2419069999999994</v>
      </c>
      <c r="D294">
        <f t="shared" si="15"/>
        <v>1.4614009999999995</v>
      </c>
      <c r="E294">
        <f t="shared" si="16"/>
        <v>25.038005000000112</v>
      </c>
      <c r="F294">
        <f t="shared" si="14"/>
        <v>1.5677497471096473E-2</v>
      </c>
    </row>
    <row r="295" spans="1:6" x14ac:dyDescent="0.2">
      <c r="A295">
        <v>1095.0269430000001</v>
      </c>
      <c r="B295">
        <v>19.851918000000001</v>
      </c>
      <c r="C295">
        <v>8.246912</v>
      </c>
      <c r="D295">
        <f t="shared" si="15"/>
        <v>1.4664060000000001</v>
      </c>
      <c r="E295">
        <f t="shared" si="16"/>
        <v>27.232498000000078</v>
      </c>
      <c r="F295">
        <f t="shared" si="14"/>
        <v>1.6959320452461898E-2</v>
      </c>
    </row>
    <row r="296" spans="1:6" x14ac:dyDescent="0.2">
      <c r="A296">
        <v>1096.96045</v>
      </c>
      <c r="B296">
        <v>19.857783999999999</v>
      </c>
      <c r="C296">
        <v>8.2519170000000006</v>
      </c>
      <c r="D296">
        <f t="shared" si="15"/>
        <v>1.4714110000000007</v>
      </c>
      <c r="E296">
        <f t="shared" si="16"/>
        <v>29.166005000000041</v>
      </c>
      <c r="F296">
        <f t="shared" si="14"/>
        <v>1.8069743082324414E-2</v>
      </c>
    </row>
    <row r="297" spans="1:6" x14ac:dyDescent="0.2">
      <c r="A297">
        <v>1098.4953410000001</v>
      </c>
      <c r="B297">
        <v>19.941199000000001</v>
      </c>
      <c r="C297">
        <v>8.2569219999999994</v>
      </c>
      <c r="D297">
        <f t="shared" si="15"/>
        <v>1.4764159999999995</v>
      </c>
      <c r="E297">
        <f t="shared" si="16"/>
        <v>30.700896000000057</v>
      </c>
      <c r="F297">
        <f t="shared" si="14"/>
        <v>1.8929715554880367E-2</v>
      </c>
    </row>
    <row r="298" spans="1:6" x14ac:dyDescent="0.2">
      <c r="A298">
        <v>1097.9141970000001</v>
      </c>
      <c r="B298">
        <v>20.055911999999999</v>
      </c>
      <c r="C298">
        <v>8.2619260000000008</v>
      </c>
      <c r="D298">
        <f t="shared" si="15"/>
        <v>1.4814200000000008</v>
      </c>
      <c r="E298">
        <f t="shared" si="16"/>
        <v>30.119752000000062</v>
      </c>
      <c r="F298">
        <f t="shared" si="14"/>
        <v>1.8518456560744481E-2</v>
      </c>
    </row>
    <row r="299" spans="1:6" x14ac:dyDescent="0.2">
      <c r="A299">
        <v>1097.5236629999999</v>
      </c>
      <c r="B299">
        <v>20.007747999999999</v>
      </c>
      <c r="C299">
        <v>8.2669309999999996</v>
      </c>
      <c r="D299">
        <f t="shared" si="15"/>
        <v>1.4864249999999997</v>
      </c>
      <c r="E299">
        <f t="shared" si="16"/>
        <v>29.729217999999946</v>
      </c>
      <c r="F299">
        <f t="shared" si="14"/>
        <v>1.8223281841133299E-2</v>
      </c>
    </row>
    <row r="300" spans="1:6" x14ac:dyDescent="0.2">
      <c r="A300">
        <v>1097.8528100000001</v>
      </c>
      <c r="B300">
        <v>19.950894000000002</v>
      </c>
      <c r="C300">
        <v>8.2719360000000002</v>
      </c>
      <c r="D300">
        <f t="shared" si="15"/>
        <v>1.4914300000000003</v>
      </c>
      <c r="E300">
        <f t="shared" si="16"/>
        <v>30.058365000000094</v>
      </c>
      <c r="F300">
        <f t="shared" si="14"/>
        <v>1.8357703930067998E-2</v>
      </c>
    </row>
    <row r="301" spans="1:6" x14ac:dyDescent="0.2">
      <c r="A301">
        <v>1099.654702</v>
      </c>
      <c r="B301">
        <v>19.873487000000001</v>
      </c>
      <c r="C301">
        <v>8.2769410000000008</v>
      </c>
      <c r="D301">
        <f t="shared" si="15"/>
        <v>1.4964350000000008</v>
      </c>
      <c r="E301">
        <f t="shared" si="16"/>
        <v>31.860257000000047</v>
      </c>
      <c r="F301">
        <f t="shared" si="14"/>
        <v>1.9361325299375429E-2</v>
      </c>
    </row>
    <row r="302" spans="1:6" x14ac:dyDescent="0.2">
      <c r="A302">
        <v>1099.952579</v>
      </c>
      <c r="B302">
        <v>19.999192000000001</v>
      </c>
      <c r="C302">
        <v>8.2819459999999996</v>
      </c>
      <c r="D302">
        <f t="shared" si="15"/>
        <v>1.5014399999999997</v>
      </c>
      <c r="E302">
        <f t="shared" si="16"/>
        <v>32.158134000000018</v>
      </c>
      <c r="F302">
        <f t="shared" si="14"/>
        <v>1.9471925374019327E-2</v>
      </c>
    </row>
    <row r="303" spans="1:6" x14ac:dyDescent="0.2">
      <c r="A303">
        <v>1100.509904</v>
      </c>
      <c r="B303">
        <v>19.913447999999999</v>
      </c>
      <c r="C303">
        <v>8.2869499999999992</v>
      </c>
      <c r="D303">
        <f t="shared" si="15"/>
        <v>1.5064439999999992</v>
      </c>
      <c r="E303">
        <f t="shared" si="16"/>
        <v>32.71545900000001</v>
      </c>
      <c r="F303">
        <f t="shared" si="14"/>
        <v>1.973358862767326E-2</v>
      </c>
    </row>
    <row r="304" spans="1:6" x14ac:dyDescent="0.2">
      <c r="A304">
        <v>1101.763625</v>
      </c>
      <c r="B304">
        <v>19.957379</v>
      </c>
      <c r="C304">
        <v>8.2919549999999997</v>
      </c>
      <c r="D304">
        <f t="shared" si="15"/>
        <v>1.5114489999999998</v>
      </c>
      <c r="E304">
        <f t="shared" si="16"/>
        <v>33.969180000000051</v>
      </c>
      <c r="F304">
        <f t="shared" si="14"/>
        <v>2.0398730290076491E-2</v>
      </c>
    </row>
    <row r="305" spans="1:6" x14ac:dyDescent="0.2">
      <c r="A305">
        <v>1101.256717</v>
      </c>
      <c r="B305">
        <v>20.070014</v>
      </c>
      <c r="C305">
        <v>8.2969600000000003</v>
      </c>
      <c r="D305">
        <f t="shared" si="15"/>
        <v>1.5164540000000004</v>
      </c>
      <c r="E305">
        <f t="shared" si="16"/>
        <v>33.462271999999984</v>
      </c>
      <c r="F305">
        <f t="shared" si="14"/>
        <v>2.0037226789054223E-2</v>
      </c>
    </row>
    <row r="306" spans="1:6" x14ac:dyDescent="0.2">
      <c r="A306">
        <v>1100.0982610000001</v>
      </c>
      <c r="B306">
        <v>20.070291999999998</v>
      </c>
      <c r="C306">
        <v>8.3019649999999992</v>
      </c>
      <c r="D306">
        <f t="shared" si="15"/>
        <v>1.5214589999999992</v>
      </c>
      <c r="E306">
        <f t="shared" si="16"/>
        <v>32.303816000000097</v>
      </c>
      <c r="F306">
        <f t="shared" si="14"/>
        <v>1.9300212742324727E-2</v>
      </c>
    </row>
    <row r="307" spans="1:6" x14ac:dyDescent="0.2">
      <c r="A307">
        <v>1100.1412789999999</v>
      </c>
      <c r="B307">
        <v>19.950057999999999</v>
      </c>
      <c r="C307">
        <v>8.3069699999999997</v>
      </c>
      <c r="D307">
        <f t="shared" si="15"/>
        <v>1.5264639999999998</v>
      </c>
      <c r="E307">
        <f t="shared" si="16"/>
        <v>32.346833999999944</v>
      </c>
      <c r="F307">
        <f t="shared" si="14"/>
        <v>1.9261794848740202E-2</v>
      </c>
    </row>
    <row r="308" spans="1:6" x14ac:dyDescent="0.2">
      <c r="A308">
        <v>1100.868444</v>
      </c>
      <c r="B308">
        <v>19.936525</v>
      </c>
      <c r="C308">
        <v>8.3119739999999993</v>
      </c>
      <c r="D308">
        <f t="shared" si="15"/>
        <v>1.5314679999999994</v>
      </c>
      <c r="E308">
        <f t="shared" si="16"/>
        <v>33.073998999999958</v>
      </c>
      <c r="F308">
        <f t="shared" si="14"/>
        <v>1.9617486357717019E-2</v>
      </c>
    </row>
    <row r="309" spans="1:6" x14ac:dyDescent="0.2">
      <c r="A309">
        <v>1101.578276</v>
      </c>
      <c r="B309">
        <v>19.964686</v>
      </c>
      <c r="C309">
        <v>8.3169789999999999</v>
      </c>
      <c r="D309">
        <f t="shared" si="15"/>
        <v>1.536473</v>
      </c>
      <c r="E309">
        <f t="shared" si="16"/>
        <v>33.783830999999964</v>
      </c>
      <c r="F309">
        <f t="shared" si="14"/>
        <v>1.9960370590929182E-2</v>
      </c>
    </row>
    <row r="310" spans="1:6" x14ac:dyDescent="0.2">
      <c r="A310">
        <v>1101.3312739999999</v>
      </c>
      <c r="B310">
        <v>20.037147000000001</v>
      </c>
      <c r="C310">
        <v>8.3219840000000005</v>
      </c>
      <c r="D310">
        <f t="shared" si="15"/>
        <v>1.5414780000000006</v>
      </c>
      <c r="E310">
        <f t="shared" si="16"/>
        <v>33.536828999999898</v>
      </c>
      <c r="F310">
        <f t="shared" si="14"/>
        <v>1.9754529652298701E-2</v>
      </c>
    </row>
    <row r="311" spans="1:6" x14ac:dyDescent="0.2">
      <c r="A311">
        <v>1101.0658100000001</v>
      </c>
      <c r="B311">
        <v>20.012460999999998</v>
      </c>
      <c r="C311">
        <v>8.3269889999999993</v>
      </c>
      <c r="D311">
        <f t="shared" si="15"/>
        <v>1.5464829999999994</v>
      </c>
      <c r="E311">
        <f t="shared" si="16"/>
        <v>33.27136500000006</v>
      </c>
      <c r="F311">
        <f t="shared" si="14"/>
        <v>1.9539443530620659E-2</v>
      </c>
    </row>
    <row r="312" spans="1:6" x14ac:dyDescent="0.2">
      <c r="A312">
        <v>1100.327734</v>
      </c>
      <c r="B312">
        <v>20.089946999999999</v>
      </c>
      <c r="C312">
        <v>8.3319939999999999</v>
      </c>
      <c r="D312">
        <f t="shared" si="15"/>
        <v>1.551488</v>
      </c>
      <c r="E312">
        <f t="shared" si="16"/>
        <v>32.533288999999968</v>
      </c>
      <c r="F312">
        <f t="shared" si="14"/>
        <v>1.9057129741335742E-2</v>
      </c>
    </row>
    <row r="313" spans="1:6" x14ac:dyDescent="0.2">
      <c r="A313">
        <v>1098.4854330000001</v>
      </c>
      <c r="B313">
        <v>20.098768</v>
      </c>
      <c r="C313">
        <v>8.3369979999999995</v>
      </c>
      <c r="D313">
        <f t="shared" si="15"/>
        <v>1.5564919999999995</v>
      </c>
      <c r="E313">
        <f t="shared" si="16"/>
        <v>30.690988000000061</v>
      </c>
      <c r="F313">
        <f t="shared" si="14"/>
        <v>1.7950215813819816E-2</v>
      </c>
    </row>
    <row r="314" spans="1:6" x14ac:dyDescent="0.2">
      <c r="A314">
        <v>1098.1277259999999</v>
      </c>
      <c r="B314">
        <v>20.032986999999999</v>
      </c>
      <c r="C314">
        <v>8.3420030000000001</v>
      </c>
      <c r="D314">
        <f t="shared" si="15"/>
        <v>1.5614970000000001</v>
      </c>
      <c r="E314">
        <f t="shared" si="16"/>
        <v>30.333280999999943</v>
      </c>
      <c r="F314">
        <f t="shared" si="14"/>
        <v>1.7689899972565561E-2</v>
      </c>
    </row>
    <row r="315" spans="1:6" x14ac:dyDescent="0.2">
      <c r="A315">
        <v>1097.474213</v>
      </c>
      <c r="B315">
        <v>20.033290999999998</v>
      </c>
      <c r="C315">
        <v>8.3470080000000006</v>
      </c>
      <c r="D315">
        <f t="shared" si="15"/>
        <v>1.5665020000000007</v>
      </c>
      <c r="E315">
        <f t="shared" si="16"/>
        <v>29.679767999999967</v>
      </c>
      <c r="F315">
        <f t="shared" si="14"/>
        <v>1.7263753391336026E-2</v>
      </c>
    </row>
    <row r="316" spans="1:6" x14ac:dyDescent="0.2">
      <c r="A316">
        <v>1098.0859519999999</v>
      </c>
      <c r="B316">
        <v>19.919654999999999</v>
      </c>
      <c r="C316">
        <v>8.3520129999999995</v>
      </c>
      <c r="D316">
        <f t="shared" si="15"/>
        <v>1.5715069999999995</v>
      </c>
      <c r="E316">
        <f t="shared" si="16"/>
        <v>30.29150699999991</v>
      </c>
      <c r="F316">
        <f t="shared" si="14"/>
        <v>1.7553681922698901E-2</v>
      </c>
    </row>
    <row r="317" spans="1:6" x14ac:dyDescent="0.2">
      <c r="A317">
        <v>1098.1470409999999</v>
      </c>
      <c r="B317">
        <v>20.013238999999999</v>
      </c>
      <c r="C317">
        <v>8.3570180000000001</v>
      </c>
      <c r="D317">
        <f t="shared" si="15"/>
        <v>1.5765120000000001</v>
      </c>
      <c r="E317">
        <f t="shared" si="16"/>
        <v>30.352595999999949</v>
      </c>
      <c r="F317">
        <f t="shared" si="14"/>
        <v>1.753226655321612E-2</v>
      </c>
    </row>
    <row r="318" spans="1:6" x14ac:dyDescent="0.2">
      <c r="A318">
        <v>1098.900288</v>
      </c>
      <c r="B318">
        <v>19.924035</v>
      </c>
      <c r="C318">
        <v>8.3620219999999996</v>
      </c>
      <c r="D318">
        <f t="shared" si="15"/>
        <v>1.5815159999999997</v>
      </c>
      <c r="E318">
        <f t="shared" si="16"/>
        <v>31.10584300000005</v>
      </c>
      <c r="F318">
        <f t="shared" si="14"/>
        <v>1.7898230569790632E-2</v>
      </c>
    </row>
    <row r="319" spans="1:6" x14ac:dyDescent="0.2">
      <c r="A319">
        <v>1098.770882</v>
      </c>
      <c r="B319">
        <v>20.055664</v>
      </c>
      <c r="C319">
        <v>8.3670270000000002</v>
      </c>
      <c r="D319">
        <f t="shared" si="15"/>
        <v>1.5865210000000003</v>
      </c>
      <c r="E319">
        <f t="shared" si="16"/>
        <v>30.976437000000033</v>
      </c>
      <c r="F319">
        <f t="shared" si="14"/>
        <v>1.7769634524907062E-2</v>
      </c>
    </row>
    <row r="320" spans="1:6" x14ac:dyDescent="0.2">
      <c r="A320">
        <v>1097.8778990000001</v>
      </c>
      <c r="B320">
        <v>20.034040999999998</v>
      </c>
      <c r="C320">
        <v>8.3720320000000008</v>
      </c>
      <c r="D320">
        <f t="shared" si="15"/>
        <v>1.5915260000000009</v>
      </c>
      <c r="E320">
        <f t="shared" si="16"/>
        <v>30.083454000000074</v>
      </c>
      <c r="F320">
        <f t="shared" si="14"/>
        <v>1.7217096649963362E-2</v>
      </c>
    </row>
    <row r="321" spans="1:6" x14ac:dyDescent="0.2">
      <c r="A321">
        <v>1097.830751</v>
      </c>
      <c r="B321">
        <v>19.987003999999999</v>
      </c>
      <c r="C321">
        <v>8.3770369999999996</v>
      </c>
      <c r="D321">
        <f t="shared" si="15"/>
        <v>1.5965309999999997</v>
      </c>
      <c r="E321">
        <f t="shared" si="16"/>
        <v>30.036305999999968</v>
      </c>
      <c r="F321">
        <f t="shared" si="14"/>
        <v>1.7136959601334385E-2</v>
      </c>
    </row>
    <row r="322" spans="1:6" x14ac:dyDescent="0.2">
      <c r="A322">
        <v>1098.316693</v>
      </c>
      <c r="B322">
        <v>19.983153000000001</v>
      </c>
      <c r="C322">
        <v>8.3820420000000002</v>
      </c>
      <c r="D322">
        <f t="shared" si="15"/>
        <v>1.6015360000000003</v>
      </c>
      <c r="E322">
        <f t="shared" si="16"/>
        <v>30.52224799999999</v>
      </c>
      <c r="F322">
        <f t="shared" si="14"/>
        <v>1.7352107399093718E-2</v>
      </c>
    </row>
    <row r="323" spans="1:6" x14ac:dyDescent="0.2">
      <c r="A323">
        <v>1098.3640069999999</v>
      </c>
      <c r="B323">
        <v>19.994906</v>
      </c>
      <c r="C323">
        <v>8.3870459999999998</v>
      </c>
      <c r="D323">
        <f t="shared" si="15"/>
        <v>1.6065399999999999</v>
      </c>
      <c r="E323">
        <f t="shared" si="16"/>
        <v>30.569561999999905</v>
      </c>
      <c r="F323">
        <f t="shared" ref="F323:F386" si="17">(1/A323)*(E323/D323)</f>
        <v>1.7324127855072254E-2</v>
      </c>
    </row>
    <row r="324" spans="1:6" x14ac:dyDescent="0.2">
      <c r="A324">
        <v>1098.649273</v>
      </c>
      <c r="B324">
        <v>19.966866</v>
      </c>
      <c r="C324">
        <v>8.3920510000000004</v>
      </c>
      <c r="D324">
        <f t="shared" si="15"/>
        <v>1.6115450000000004</v>
      </c>
      <c r="E324">
        <f t="shared" si="16"/>
        <v>30.854827999999998</v>
      </c>
      <c r="F324">
        <f t="shared" si="17"/>
        <v>1.7426959426513948E-2</v>
      </c>
    </row>
    <row r="325" spans="1:6" x14ac:dyDescent="0.2">
      <c r="A325">
        <v>1098.427981</v>
      </c>
      <c r="B325">
        <v>20.033207000000001</v>
      </c>
      <c r="C325">
        <v>8.3970559999999992</v>
      </c>
      <c r="D325">
        <f t="shared" si="15"/>
        <v>1.6165499999999993</v>
      </c>
      <c r="E325">
        <f t="shared" si="16"/>
        <v>30.633536000000049</v>
      </c>
      <c r="F325">
        <f t="shared" si="17"/>
        <v>1.7251878883977487E-2</v>
      </c>
    </row>
    <row r="326" spans="1:6" x14ac:dyDescent="0.2">
      <c r="A326">
        <v>1097.7691259999999</v>
      </c>
      <c r="B326">
        <v>20.04401</v>
      </c>
      <c r="C326">
        <v>8.4020609999999998</v>
      </c>
      <c r="D326">
        <f t="shared" si="15"/>
        <v>1.6215549999999999</v>
      </c>
      <c r="E326">
        <f t="shared" si="16"/>
        <v>29.974680999999919</v>
      </c>
      <c r="F326">
        <f t="shared" si="17"/>
        <v>1.6838828502527433E-2</v>
      </c>
    </row>
    <row r="327" spans="1:6" x14ac:dyDescent="0.2">
      <c r="A327">
        <v>1097.056405</v>
      </c>
      <c r="B327">
        <v>20.060661</v>
      </c>
      <c r="C327">
        <v>8.4070660000000004</v>
      </c>
      <c r="D327">
        <f t="shared" ref="D327:D390" si="18">C327-$C$2</f>
        <v>1.6265600000000004</v>
      </c>
      <c r="E327">
        <f t="shared" ref="E327:E390" si="19">A327-$A$2</f>
        <v>29.261960000000045</v>
      </c>
      <c r="F327">
        <f t="shared" si="17"/>
        <v>1.6398509166961672E-2</v>
      </c>
    </row>
    <row r="328" spans="1:6" x14ac:dyDescent="0.2">
      <c r="A328">
        <v>1096.3087479999999</v>
      </c>
      <c r="B328">
        <v>20.032278999999999</v>
      </c>
      <c r="C328">
        <v>8.4120699999999999</v>
      </c>
      <c r="D328">
        <f t="shared" si="18"/>
        <v>1.631564</v>
      </c>
      <c r="E328">
        <f t="shared" si="19"/>
        <v>28.514302999999927</v>
      </c>
      <c r="F328">
        <f t="shared" si="17"/>
        <v>1.5941374572663369E-2</v>
      </c>
    </row>
    <row r="329" spans="1:6" x14ac:dyDescent="0.2">
      <c r="A329">
        <v>1096.336767</v>
      </c>
      <c r="B329">
        <v>20.004432000000001</v>
      </c>
      <c r="C329">
        <v>8.4170750000000005</v>
      </c>
      <c r="D329">
        <f t="shared" si="18"/>
        <v>1.6365690000000006</v>
      </c>
      <c r="E329">
        <f t="shared" si="19"/>
        <v>28.542322000000013</v>
      </c>
      <c r="F329">
        <f t="shared" si="17"/>
        <v>1.5907832222023712E-2</v>
      </c>
    </row>
    <row r="330" spans="1:6" x14ac:dyDescent="0.2">
      <c r="A330">
        <v>1096.109144</v>
      </c>
      <c r="B330">
        <v>20.004349000000001</v>
      </c>
      <c r="C330">
        <v>8.4220799999999993</v>
      </c>
      <c r="D330">
        <f t="shared" si="18"/>
        <v>1.6415739999999994</v>
      </c>
      <c r="E330">
        <f t="shared" si="19"/>
        <v>28.314699000000019</v>
      </c>
      <c r="F330">
        <f t="shared" si="17"/>
        <v>1.5736120897682795E-2</v>
      </c>
    </row>
    <row r="331" spans="1:6" x14ac:dyDescent="0.2">
      <c r="A331">
        <v>1097.140776</v>
      </c>
      <c r="B331">
        <v>19.886835000000001</v>
      </c>
      <c r="C331">
        <v>8.4270849999999999</v>
      </c>
      <c r="D331">
        <f t="shared" si="18"/>
        <v>1.646579</v>
      </c>
      <c r="E331">
        <f t="shared" si="19"/>
        <v>29.346330999999964</v>
      </c>
      <c r="F331">
        <f t="shared" si="17"/>
        <v>1.6244594811629001E-2</v>
      </c>
    </row>
    <row r="332" spans="1:6" x14ac:dyDescent="0.2">
      <c r="A332">
        <v>1098.4298960000001</v>
      </c>
      <c r="B332">
        <v>19.947779000000001</v>
      </c>
      <c r="C332">
        <v>8.4320900000000005</v>
      </c>
      <c r="D332">
        <f t="shared" si="18"/>
        <v>1.6515840000000006</v>
      </c>
      <c r="E332">
        <f t="shared" si="19"/>
        <v>30.635451000000103</v>
      </c>
      <c r="F332">
        <f t="shared" si="17"/>
        <v>1.6886951912023409E-2</v>
      </c>
    </row>
    <row r="333" spans="1:6" x14ac:dyDescent="0.2">
      <c r="A333">
        <v>1098.777517</v>
      </c>
      <c r="B333">
        <v>19.983573</v>
      </c>
      <c r="C333">
        <v>8.4370940000000001</v>
      </c>
      <c r="D333">
        <f t="shared" si="18"/>
        <v>1.6565880000000002</v>
      </c>
      <c r="E333">
        <f t="shared" si="19"/>
        <v>30.983071999999993</v>
      </c>
      <c r="F333">
        <f t="shared" si="17"/>
        <v>1.7021592953457336E-2</v>
      </c>
    </row>
    <row r="334" spans="1:6" x14ac:dyDescent="0.2">
      <c r="A334">
        <v>1098.9150990000001</v>
      </c>
      <c r="B334">
        <v>19.999243</v>
      </c>
      <c r="C334">
        <v>8.4420990000000007</v>
      </c>
      <c r="D334">
        <f t="shared" si="18"/>
        <v>1.6615930000000008</v>
      </c>
      <c r="E334">
        <f t="shared" si="19"/>
        <v>31.120654000000059</v>
      </c>
      <c r="F334">
        <f t="shared" si="17"/>
        <v>1.704354456708574E-2</v>
      </c>
    </row>
    <row r="335" spans="1:6" x14ac:dyDescent="0.2">
      <c r="A335">
        <v>1098.08394</v>
      </c>
      <c r="B335">
        <v>20.056833999999998</v>
      </c>
      <c r="C335">
        <v>8.4471039999999995</v>
      </c>
      <c r="D335">
        <f t="shared" si="18"/>
        <v>1.6665979999999996</v>
      </c>
      <c r="E335">
        <f t="shared" si="19"/>
        <v>30.289494999999988</v>
      </c>
      <c r="F335">
        <f t="shared" si="17"/>
        <v>1.655105327117928E-2</v>
      </c>
    </row>
    <row r="336" spans="1:6" x14ac:dyDescent="0.2">
      <c r="A336">
        <v>1097.4236579999999</v>
      </c>
      <c r="B336">
        <v>20.047757000000001</v>
      </c>
      <c r="C336">
        <v>8.4521090000000001</v>
      </c>
      <c r="D336">
        <f t="shared" si="18"/>
        <v>1.6716030000000002</v>
      </c>
      <c r="E336">
        <f t="shared" si="19"/>
        <v>29.629212999999936</v>
      </c>
      <c r="F336">
        <f t="shared" si="17"/>
        <v>1.615149234072592E-2</v>
      </c>
    </row>
    <row r="337" spans="1:6" x14ac:dyDescent="0.2">
      <c r="A337">
        <v>1097.2349360000001</v>
      </c>
      <c r="B337">
        <v>20.002531000000001</v>
      </c>
      <c r="C337">
        <v>8.4571140000000007</v>
      </c>
      <c r="D337">
        <f t="shared" si="18"/>
        <v>1.6766080000000008</v>
      </c>
      <c r="E337">
        <f t="shared" si="19"/>
        <v>29.440491000000065</v>
      </c>
      <c r="F337">
        <f t="shared" si="17"/>
        <v>1.6003459959247839E-2</v>
      </c>
    </row>
    <row r="338" spans="1:6" x14ac:dyDescent="0.2">
      <c r="A338">
        <v>1097.501497</v>
      </c>
      <c r="B338">
        <v>19.935134999999999</v>
      </c>
      <c r="C338">
        <v>8.4621180000000003</v>
      </c>
      <c r="D338">
        <f t="shared" si="18"/>
        <v>1.6816120000000003</v>
      </c>
      <c r="E338">
        <f t="shared" si="19"/>
        <v>29.707051999999976</v>
      </c>
      <c r="F338">
        <f t="shared" si="17"/>
        <v>1.6096395606438111E-2</v>
      </c>
    </row>
    <row r="339" spans="1:6" x14ac:dyDescent="0.2">
      <c r="A339">
        <v>1098.853284</v>
      </c>
      <c r="B339">
        <v>19.896021000000001</v>
      </c>
      <c r="C339">
        <v>8.4671230000000008</v>
      </c>
      <c r="D339">
        <f t="shared" si="18"/>
        <v>1.6866170000000009</v>
      </c>
      <c r="E339">
        <f t="shared" si="19"/>
        <v>31.058839000000035</v>
      </c>
      <c r="F339">
        <f t="shared" si="17"/>
        <v>1.6758264226188185E-2</v>
      </c>
    </row>
    <row r="340" spans="1:6" x14ac:dyDescent="0.2">
      <c r="A340">
        <v>1098.7118620000001</v>
      </c>
      <c r="B340">
        <v>20.069324999999999</v>
      </c>
      <c r="C340">
        <v>8.4721279999999997</v>
      </c>
      <c r="D340">
        <f t="shared" si="18"/>
        <v>1.6916219999999997</v>
      </c>
      <c r="E340">
        <f t="shared" si="19"/>
        <v>30.917417000000114</v>
      </c>
      <c r="F340">
        <f t="shared" si="17"/>
        <v>1.6634741852817745E-2</v>
      </c>
    </row>
    <row r="341" spans="1:6" x14ac:dyDescent="0.2">
      <c r="A341">
        <v>1097.5713949999999</v>
      </c>
      <c r="B341">
        <v>20.080680000000001</v>
      </c>
      <c r="C341">
        <v>8.4771330000000003</v>
      </c>
      <c r="D341">
        <f t="shared" si="18"/>
        <v>1.6966270000000003</v>
      </c>
      <c r="E341">
        <f t="shared" si="19"/>
        <v>29.776949999999943</v>
      </c>
      <c r="F341">
        <f t="shared" si="17"/>
        <v>1.5990463696665076E-2</v>
      </c>
    </row>
    <row r="342" spans="1:6" x14ac:dyDescent="0.2">
      <c r="A342">
        <v>1097.793379</v>
      </c>
      <c r="B342">
        <v>19.965757</v>
      </c>
      <c r="C342">
        <v>8.4821380000000008</v>
      </c>
      <c r="D342">
        <f t="shared" si="18"/>
        <v>1.7016320000000009</v>
      </c>
      <c r="E342">
        <f t="shared" si="19"/>
        <v>29.998933999999963</v>
      </c>
      <c r="F342">
        <f t="shared" si="17"/>
        <v>1.6059039683428252E-2</v>
      </c>
    </row>
    <row r="343" spans="1:6" x14ac:dyDescent="0.2">
      <c r="A343">
        <v>1097.5369410000001</v>
      </c>
      <c r="B343">
        <v>20.032101000000001</v>
      </c>
      <c r="C343">
        <v>8.4871420000000004</v>
      </c>
      <c r="D343">
        <f t="shared" si="18"/>
        <v>1.7066360000000005</v>
      </c>
      <c r="E343">
        <f t="shared" si="19"/>
        <v>29.742496000000074</v>
      </c>
      <c r="F343">
        <f t="shared" si="17"/>
        <v>1.587878844928383E-2</v>
      </c>
    </row>
    <row r="344" spans="1:6" x14ac:dyDescent="0.2">
      <c r="A344">
        <v>1096.978509</v>
      </c>
      <c r="B344">
        <v>20.040353</v>
      </c>
      <c r="C344">
        <v>8.4921469999999992</v>
      </c>
      <c r="D344">
        <f t="shared" si="18"/>
        <v>1.7116409999999993</v>
      </c>
      <c r="E344">
        <f t="shared" si="19"/>
        <v>29.184064000000035</v>
      </c>
      <c r="F344">
        <f t="shared" si="17"/>
        <v>1.5543004359864982E-2</v>
      </c>
    </row>
    <row r="345" spans="1:6" x14ac:dyDescent="0.2">
      <c r="A345">
        <v>1096.365256</v>
      </c>
      <c r="B345">
        <v>20.043064000000001</v>
      </c>
      <c r="C345">
        <v>8.4971519999999998</v>
      </c>
      <c r="D345">
        <f t="shared" si="18"/>
        <v>1.7166459999999999</v>
      </c>
      <c r="E345">
        <f t="shared" si="19"/>
        <v>28.570811000000049</v>
      </c>
      <c r="F345">
        <f t="shared" si="17"/>
        <v>1.5180516848507845E-2</v>
      </c>
    </row>
    <row r="346" spans="1:6" x14ac:dyDescent="0.2">
      <c r="A346">
        <v>1095.10374</v>
      </c>
      <c r="B346">
        <v>20.076740999999998</v>
      </c>
      <c r="C346">
        <v>8.5021570000000004</v>
      </c>
      <c r="D346">
        <f t="shared" si="18"/>
        <v>1.7216510000000005</v>
      </c>
      <c r="E346">
        <f t="shared" si="19"/>
        <v>27.30929500000002</v>
      </c>
      <c r="F346">
        <f t="shared" si="17"/>
        <v>1.4484720102556239E-2</v>
      </c>
    </row>
    <row r="347" spans="1:6" x14ac:dyDescent="0.2">
      <c r="A347">
        <v>1094.28961</v>
      </c>
      <c r="B347">
        <v>20.056394000000001</v>
      </c>
      <c r="C347">
        <v>8.5071619999999992</v>
      </c>
      <c r="D347">
        <f t="shared" si="18"/>
        <v>1.7266559999999993</v>
      </c>
      <c r="E347">
        <f t="shared" si="19"/>
        <v>26.495165000000043</v>
      </c>
      <c r="F347">
        <f t="shared" si="17"/>
        <v>1.4022599509537952E-2</v>
      </c>
    </row>
    <row r="348" spans="1:6" x14ac:dyDescent="0.2">
      <c r="A348">
        <v>1094.3373979999999</v>
      </c>
      <c r="B348">
        <v>19.9575</v>
      </c>
      <c r="C348">
        <v>8.5121660000000006</v>
      </c>
      <c r="D348">
        <f t="shared" si="18"/>
        <v>1.7316600000000006</v>
      </c>
      <c r="E348">
        <f t="shared" si="19"/>
        <v>26.542952999999898</v>
      </c>
      <c r="F348">
        <f t="shared" si="17"/>
        <v>1.4006685321164945E-2</v>
      </c>
    </row>
    <row r="349" spans="1:6" x14ac:dyDescent="0.2">
      <c r="A349">
        <v>1095.8206680000001</v>
      </c>
      <c r="B349">
        <v>19.896764000000001</v>
      </c>
      <c r="C349">
        <v>8.5171709999999994</v>
      </c>
      <c r="D349">
        <f t="shared" si="18"/>
        <v>1.7366649999999995</v>
      </c>
      <c r="E349">
        <f t="shared" si="19"/>
        <v>28.026223000000073</v>
      </c>
      <c r="F349">
        <f t="shared" si="17"/>
        <v>1.4726821884129077E-2</v>
      </c>
    </row>
    <row r="350" spans="1:6" x14ac:dyDescent="0.2">
      <c r="A350">
        <v>1097.0440840000001</v>
      </c>
      <c r="B350">
        <v>19.894811000000001</v>
      </c>
      <c r="C350">
        <v>8.522176</v>
      </c>
      <c r="D350">
        <f t="shared" si="18"/>
        <v>1.7416700000000001</v>
      </c>
      <c r="E350">
        <f t="shared" si="19"/>
        <v>29.249639000000116</v>
      </c>
      <c r="F350">
        <f t="shared" si="17"/>
        <v>1.5308426711150703E-2</v>
      </c>
    </row>
    <row r="351" spans="1:6" x14ac:dyDescent="0.2">
      <c r="A351">
        <v>1098.354971</v>
      </c>
      <c r="B351">
        <v>19.912977000000001</v>
      </c>
      <c r="C351">
        <v>8.5271810000000006</v>
      </c>
      <c r="D351">
        <f t="shared" si="18"/>
        <v>1.7466750000000006</v>
      </c>
      <c r="E351">
        <f t="shared" si="19"/>
        <v>30.560525999999982</v>
      </c>
      <c r="F351">
        <f t="shared" si="17"/>
        <v>1.5929641452817719E-2</v>
      </c>
    </row>
    <row r="352" spans="1:6" x14ac:dyDescent="0.2">
      <c r="A352">
        <v>1099.2271410000001</v>
      </c>
      <c r="B352">
        <v>19.942785000000001</v>
      </c>
      <c r="C352">
        <v>8.5321859999999994</v>
      </c>
      <c r="D352">
        <f t="shared" si="18"/>
        <v>1.7516799999999995</v>
      </c>
      <c r="E352">
        <f t="shared" si="19"/>
        <v>31.432696000000078</v>
      </c>
      <c r="F352">
        <f t="shared" si="17"/>
        <v>1.6324482320947221E-2</v>
      </c>
    </row>
    <row r="353" spans="1:6" x14ac:dyDescent="0.2">
      <c r="A353">
        <v>1099.259014</v>
      </c>
      <c r="B353">
        <v>20.0274</v>
      </c>
      <c r="C353">
        <v>8.5371900000000007</v>
      </c>
      <c r="D353">
        <f t="shared" si="18"/>
        <v>1.7566840000000008</v>
      </c>
      <c r="E353">
        <f t="shared" si="19"/>
        <v>31.464568999999983</v>
      </c>
      <c r="F353">
        <f t="shared" si="17"/>
        <v>1.6294014779421412E-2</v>
      </c>
    </row>
    <row r="354" spans="1:6" x14ac:dyDescent="0.2">
      <c r="A354">
        <v>1099.237836</v>
      </c>
      <c r="B354">
        <v>19.988581</v>
      </c>
      <c r="C354">
        <v>8.5421949999999995</v>
      </c>
      <c r="D354">
        <f t="shared" si="18"/>
        <v>1.7616889999999996</v>
      </c>
      <c r="E354">
        <f t="shared" si="19"/>
        <v>31.44339100000002</v>
      </c>
      <c r="F354">
        <f t="shared" si="17"/>
        <v>1.6237099989711491E-2</v>
      </c>
    </row>
    <row r="355" spans="1:6" x14ac:dyDescent="0.2">
      <c r="A355">
        <v>1099.645358</v>
      </c>
      <c r="B355">
        <v>19.967175999999998</v>
      </c>
      <c r="C355">
        <v>8.5472000000000001</v>
      </c>
      <c r="D355">
        <f t="shared" si="18"/>
        <v>1.7666940000000002</v>
      </c>
      <c r="E355">
        <f t="shared" si="19"/>
        <v>31.850912999999991</v>
      </c>
      <c r="F355">
        <f t="shared" si="17"/>
        <v>1.6394867323325606E-2</v>
      </c>
    </row>
    <row r="356" spans="1:6" x14ac:dyDescent="0.2">
      <c r="A356">
        <v>1099.3209469999999</v>
      </c>
      <c r="B356">
        <v>20.011524999999999</v>
      </c>
      <c r="C356">
        <v>8.5522050000000007</v>
      </c>
      <c r="D356">
        <f t="shared" si="18"/>
        <v>1.7716990000000008</v>
      </c>
      <c r="E356">
        <f t="shared" si="19"/>
        <v>31.526501999999937</v>
      </c>
      <c r="F356">
        <f t="shared" si="17"/>
        <v>1.618681276640855E-2</v>
      </c>
    </row>
    <row r="357" spans="1:6" x14ac:dyDescent="0.2">
      <c r="A357">
        <v>1100.1147490000001</v>
      </c>
      <c r="B357">
        <v>19.924671</v>
      </c>
      <c r="C357">
        <v>8.5572099999999995</v>
      </c>
      <c r="D357">
        <f t="shared" si="18"/>
        <v>1.7767039999999996</v>
      </c>
      <c r="E357">
        <f t="shared" si="19"/>
        <v>32.320304000000078</v>
      </c>
      <c r="F357">
        <f t="shared" si="17"/>
        <v>1.6535691823280619E-2</v>
      </c>
    </row>
    <row r="358" spans="1:6" x14ac:dyDescent="0.2">
      <c r="A358">
        <v>1101.2606860000001</v>
      </c>
      <c r="B358">
        <v>19.922547000000002</v>
      </c>
      <c r="C358">
        <v>8.5622140000000009</v>
      </c>
      <c r="D358">
        <f t="shared" si="18"/>
        <v>1.781708000000001</v>
      </c>
      <c r="E358">
        <f t="shared" si="19"/>
        <v>33.466241000000082</v>
      </c>
      <c r="F358">
        <f t="shared" si="17"/>
        <v>1.7056121010538012E-2</v>
      </c>
    </row>
    <row r="359" spans="1:6" x14ac:dyDescent="0.2">
      <c r="A359">
        <v>1102.2835050000001</v>
      </c>
      <c r="B359">
        <v>19.943249000000002</v>
      </c>
      <c r="C359">
        <v>8.5672189999999997</v>
      </c>
      <c r="D359">
        <f t="shared" si="18"/>
        <v>1.7867129999999998</v>
      </c>
      <c r="E359">
        <f t="shared" si="19"/>
        <v>34.489060000000109</v>
      </c>
      <c r="F359">
        <f t="shared" si="17"/>
        <v>1.7511899331798718E-2</v>
      </c>
    </row>
    <row r="360" spans="1:6" x14ac:dyDescent="0.2">
      <c r="A360">
        <v>1103.2173069999999</v>
      </c>
      <c r="B360">
        <v>19.932773000000001</v>
      </c>
      <c r="C360">
        <v>8.5722240000000003</v>
      </c>
      <c r="D360">
        <f t="shared" si="18"/>
        <v>1.7917180000000004</v>
      </c>
      <c r="E360">
        <f t="shared" si="19"/>
        <v>35.422861999999895</v>
      </c>
      <c r="F360">
        <f t="shared" si="17"/>
        <v>1.7920615596264389E-2</v>
      </c>
    </row>
    <row r="361" spans="1:6" x14ac:dyDescent="0.2">
      <c r="A361">
        <v>1104.0040610000001</v>
      </c>
      <c r="B361">
        <v>19.947399999999998</v>
      </c>
      <c r="C361">
        <v>8.5772290000000009</v>
      </c>
      <c r="D361">
        <f t="shared" si="18"/>
        <v>1.796723000000001</v>
      </c>
      <c r="E361">
        <f t="shared" si="19"/>
        <v>36.209616000000096</v>
      </c>
      <c r="F361">
        <f t="shared" si="17"/>
        <v>1.8254591592702034E-2</v>
      </c>
    </row>
    <row r="362" spans="1:6" x14ac:dyDescent="0.2">
      <c r="A362">
        <v>1104.2025369999999</v>
      </c>
      <c r="B362">
        <v>20.020917000000001</v>
      </c>
      <c r="C362">
        <v>8.5822339999999997</v>
      </c>
      <c r="D362">
        <f t="shared" si="18"/>
        <v>1.8017279999999998</v>
      </c>
      <c r="E362">
        <f t="shared" si="19"/>
        <v>36.408091999999897</v>
      </c>
      <c r="F362">
        <f t="shared" si="17"/>
        <v>1.8300373413990826E-2</v>
      </c>
    </row>
    <row r="363" spans="1:6" x14ac:dyDescent="0.2">
      <c r="A363">
        <v>1103.683552</v>
      </c>
      <c r="B363">
        <v>20.002454</v>
      </c>
      <c r="C363">
        <v>8.5872379999999993</v>
      </c>
      <c r="D363">
        <f t="shared" si="18"/>
        <v>1.8067319999999993</v>
      </c>
      <c r="E363">
        <f t="shared" si="19"/>
        <v>35.889106999999967</v>
      </c>
      <c r="F363">
        <f t="shared" si="17"/>
        <v>1.7998004050973286E-2</v>
      </c>
    </row>
    <row r="364" spans="1:6" x14ac:dyDescent="0.2">
      <c r="A364">
        <v>1104.2443490000001</v>
      </c>
      <c r="B364">
        <v>19.945561000000001</v>
      </c>
      <c r="C364">
        <v>8.5922429999999999</v>
      </c>
      <c r="D364">
        <f t="shared" si="18"/>
        <v>1.8117369999999999</v>
      </c>
      <c r="E364">
        <f t="shared" si="19"/>
        <v>36.44990400000006</v>
      </c>
      <c r="F364">
        <f t="shared" si="17"/>
        <v>1.8219483020211341E-2</v>
      </c>
    </row>
    <row r="365" spans="1:6" x14ac:dyDescent="0.2">
      <c r="A365">
        <v>1104.146978</v>
      </c>
      <c r="B365">
        <v>20.061692000000001</v>
      </c>
      <c r="C365">
        <v>8.5972480000000004</v>
      </c>
      <c r="D365">
        <f t="shared" si="18"/>
        <v>1.8167420000000005</v>
      </c>
      <c r="E365">
        <f t="shared" si="19"/>
        <v>36.352532999999994</v>
      </c>
      <c r="F365">
        <f t="shared" si="17"/>
        <v>1.81223507928715E-2</v>
      </c>
    </row>
    <row r="366" spans="1:6" x14ac:dyDescent="0.2">
      <c r="A366">
        <v>1102.831324</v>
      </c>
      <c r="B366">
        <v>20.091635</v>
      </c>
      <c r="C366">
        <v>8.6022529999999993</v>
      </c>
      <c r="D366">
        <f t="shared" si="18"/>
        <v>1.8217469999999993</v>
      </c>
      <c r="E366">
        <f t="shared" si="19"/>
        <v>35.036878999999999</v>
      </c>
      <c r="F366">
        <f t="shared" si="17"/>
        <v>1.7439268221800763E-2</v>
      </c>
    </row>
    <row r="367" spans="1:6" x14ac:dyDescent="0.2">
      <c r="A367">
        <v>1102.586988</v>
      </c>
      <c r="B367">
        <v>19.963892000000001</v>
      </c>
      <c r="C367">
        <v>8.6072579999999999</v>
      </c>
      <c r="D367">
        <f t="shared" si="18"/>
        <v>1.8267519999999999</v>
      </c>
      <c r="E367">
        <f t="shared" si="19"/>
        <v>34.792543000000023</v>
      </c>
      <c r="F367">
        <f t="shared" si="17"/>
        <v>1.7274031938200363E-2</v>
      </c>
    </row>
    <row r="368" spans="1:6" x14ac:dyDescent="0.2">
      <c r="A368">
        <v>1102.9379759999999</v>
      </c>
      <c r="B368">
        <v>19.992114999999998</v>
      </c>
      <c r="C368">
        <v>8.6122619999999994</v>
      </c>
      <c r="D368">
        <f t="shared" si="18"/>
        <v>1.8317559999999995</v>
      </c>
      <c r="E368">
        <f t="shared" si="19"/>
        <v>35.143530999999939</v>
      </c>
      <c r="F368">
        <f t="shared" si="17"/>
        <v>1.7395090048604799E-2</v>
      </c>
    </row>
    <row r="369" spans="1:6" x14ac:dyDescent="0.2">
      <c r="A369">
        <v>1102.3189749999999</v>
      </c>
      <c r="B369">
        <v>20.049157000000001</v>
      </c>
      <c r="C369">
        <v>8.617267</v>
      </c>
      <c r="D369">
        <f t="shared" si="18"/>
        <v>1.8367610000000001</v>
      </c>
      <c r="E369">
        <f t="shared" si="19"/>
        <v>34.524529999999913</v>
      </c>
      <c r="F369">
        <f t="shared" si="17"/>
        <v>1.705170624415733E-2</v>
      </c>
    </row>
    <row r="370" spans="1:6" x14ac:dyDescent="0.2">
      <c r="A370">
        <v>1102.670165</v>
      </c>
      <c r="B370">
        <v>19.956706000000001</v>
      </c>
      <c r="C370">
        <v>8.6222720000000006</v>
      </c>
      <c r="D370">
        <f t="shared" si="18"/>
        <v>1.8417660000000007</v>
      </c>
      <c r="E370">
        <f t="shared" si="19"/>
        <v>34.875720000000001</v>
      </c>
      <c r="F370">
        <f t="shared" si="17"/>
        <v>1.7172878880203878E-2</v>
      </c>
    </row>
    <row r="371" spans="1:6" x14ac:dyDescent="0.2">
      <c r="A371">
        <v>1102.4257419999999</v>
      </c>
      <c r="B371">
        <v>20.061059</v>
      </c>
      <c r="C371">
        <v>8.6272769999999994</v>
      </c>
      <c r="D371">
        <f t="shared" si="18"/>
        <v>1.8467709999999995</v>
      </c>
      <c r="E371">
        <f t="shared" si="19"/>
        <v>34.631296999999904</v>
      </c>
      <c r="F371">
        <f t="shared" si="17"/>
        <v>1.7010080352283859E-2</v>
      </c>
    </row>
    <row r="372" spans="1:6" x14ac:dyDescent="0.2">
      <c r="A372">
        <v>1101.7055600000001</v>
      </c>
      <c r="B372">
        <v>19.990093000000002</v>
      </c>
      <c r="C372">
        <v>8.632282</v>
      </c>
      <c r="D372">
        <f t="shared" si="18"/>
        <v>1.8517760000000001</v>
      </c>
      <c r="E372">
        <f t="shared" si="19"/>
        <v>33.911115000000109</v>
      </c>
      <c r="F372">
        <f t="shared" si="17"/>
        <v>1.6622183689741724E-2</v>
      </c>
    </row>
    <row r="373" spans="1:6" x14ac:dyDescent="0.2">
      <c r="A373">
        <v>1102.8035560000001</v>
      </c>
      <c r="B373">
        <v>19.908207000000001</v>
      </c>
      <c r="C373">
        <v>8.6372859999999996</v>
      </c>
      <c r="D373">
        <f t="shared" si="18"/>
        <v>1.8567799999999997</v>
      </c>
      <c r="E373">
        <f t="shared" si="19"/>
        <v>35.009111000000075</v>
      </c>
      <c r="F373">
        <f t="shared" si="17"/>
        <v>1.7097100923816794E-2</v>
      </c>
    </row>
    <row r="374" spans="1:6" x14ac:dyDescent="0.2">
      <c r="A374">
        <v>1103.9050219999999</v>
      </c>
      <c r="B374">
        <v>19.934255</v>
      </c>
      <c r="C374">
        <v>8.6422910000000002</v>
      </c>
      <c r="D374">
        <f t="shared" si="18"/>
        <v>1.8617850000000002</v>
      </c>
      <c r="E374">
        <f t="shared" si="19"/>
        <v>36.110576999999921</v>
      </c>
      <c r="F374">
        <f t="shared" si="17"/>
        <v>1.7570057868831097E-2</v>
      </c>
    </row>
    <row r="375" spans="1:6" x14ac:dyDescent="0.2">
      <c r="A375">
        <v>1103.951499</v>
      </c>
      <c r="B375">
        <v>20.044747999999998</v>
      </c>
      <c r="C375">
        <v>8.6472960000000008</v>
      </c>
      <c r="D375">
        <f t="shared" si="18"/>
        <v>1.8667900000000008</v>
      </c>
      <c r="E375">
        <f t="shared" si="19"/>
        <v>36.157054000000016</v>
      </c>
      <c r="F375">
        <f t="shared" si="17"/>
        <v>1.7544765929984715E-2</v>
      </c>
    </row>
    <row r="376" spans="1:6" x14ac:dyDescent="0.2">
      <c r="A376">
        <v>1102.7797639999999</v>
      </c>
      <c r="B376">
        <v>20.079878000000001</v>
      </c>
      <c r="C376">
        <v>8.6523009999999996</v>
      </c>
      <c r="D376">
        <f t="shared" si="18"/>
        <v>1.8717949999999997</v>
      </c>
      <c r="E376">
        <f t="shared" si="19"/>
        <v>34.98531899999989</v>
      </c>
      <c r="F376">
        <f t="shared" si="17"/>
        <v>1.6948792671918175E-2</v>
      </c>
    </row>
    <row r="377" spans="1:6" x14ac:dyDescent="0.2">
      <c r="A377">
        <v>1101.8418810000001</v>
      </c>
      <c r="B377">
        <v>20.060986</v>
      </c>
      <c r="C377">
        <v>8.6573060000000002</v>
      </c>
      <c r="D377">
        <f t="shared" si="18"/>
        <v>1.8768000000000002</v>
      </c>
      <c r="E377">
        <f t="shared" si="19"/>
        <v>34.047436000000062</v>
      </c>
      <c r="F377">
        <f t="shared" si="17"/>
        <v>1.6464446739474517E-2</v>
      </c>
    </row>
    <row r="378" spans="1:6" x14ac:dyDescent="0.2">
      <c r="A378">
        <v>1101.1083000000001</v>
      </c>
      <c r="B378">
        <v>20.033811</v>
      </c>
      <c r="C378">
        <v>8.6623099999999997</v>
      </c>
      <c r="D378">
        <f t="shared" si="18"/>
        <v>1.8818039999999998</v>
      </c>
      <c r="E378">
        <f t="shared" si="19"/>
        <v>33.313855000000103</v>
      </c>
      <c r="F378">
        <f t="shared" si="17"/>
        <v>1.6077572160094609E-2</v>
      </c>
    </row>
    <row r="379" spans="1:6" x14ac:dyDescent="0.2">
      <c r="A379">
        <v>1100.2335989999999</v>
      </c>
      <c r="B379">
        <v>20.062892999999999</v>
      </c>
      <c r="C379">
        <v>8.6673150000000003</v>
      </c>
      <c r="D379">
        <f t="shared" si="18"/>
        <v>1.8868090000000004</v>
      </c>
      <c r="E379">
        <f t="shared" si="19"/>
        <v>32.439153999999917</v>
      </c>
      <c r="F379">
        <f t="shared" si="17"/>
        <v>1.5626318680430136E-2</v>
      </c>
    </row>
    <row r="380" spans="1:6" x14ac:dyDescent="0.2">
      <c r="A380">
        <v>1099.4970149999999</v>
      </c>
      <c r="B380">
        <v>20.055624000000002</v>
      </c>
      <c r="C380">
        <v>8.6723199999999991</v>
      </c>
      <c r="D380">
        <f t="shared" si="18"/>
        <v>1.8918139999999992</v>
      </c>
      <c r="E380">
        <f t="shared" si="19"/>
        <v>31.702569999999923</v>
      </c>
      <c r="F380">
        <f t="shared" si="17"/>
        <v>1.5241298909132429E-2</v>
      </c>
    </row>
    <row r="381" spans="1:6" x14ac:dyDescent="0.2">
      <c r="A381">
        <v>1099.0481789999999</v>
      </c>
      <c r="B381">
        <v>20.015342</v>
      </c>
      <c r="C381">
        <v>8.6773249999999997</v>
      </c>
      <c r="D381">
        <f t="shared" si="18"/>
        <v>1.8968189999999998</v>
      </c>
      <c r="E381">
        <f t="shared" si="19"/>
        <v>31.253733999999895</v>
      </c>
      <c r="F381">
        <f t="shared" si="17"/>
        <v>1.4991990188544711E-2</v>
      </c>
    </row>
    <row r="382" spans="1:6" x14ac:dyDescent="0.2">
      <c r="A382">
        <v>1098.900081</v>
      </c>
      <c r="B382">
        <v>19.984528000000001</v>
      </c>
      <c r="C382">
        <v>8.6823300000000003</v>
      </c>
      <c r="D382">
        <f t="shared" si="18"/>
        <v>1.9018240000000004</v>
      </c>
      <c r="E382">
        <f t="shared" si="19"/>
        <v>31.105636000000004</v>
      </c>
      <c r="F382">
        <f t="shared" si="17"/>
        <v>1.4883687964663554E-2</v>
      </c>
    </row>
    <row r="383" spans="1:6" x14ac:dyDescent="0.2">
      <c r="A383">
        <v>1099.5350370000001</v>
      </c>
      <c r="B383">
        <v>19.956111</v>
      </c>
      <c r="C383">
        <v>8.6873339999999999</v>
      </c>
      <c r="D383">
        <f t="shared" si="18"/>
        <v>1.906828</v>
      </c>
      <c r="E383">
        <f t="shared" si="19"/>
        <v>31.740592000000106</v>
      </c>
      <c r="F383">
        <f t="shared" si="17"/>
        <v>1.5138903799560788E-2</v>
      </c>
    </row>
    <row r="384" spans="1:6" x14ac:dyDescent="0.2">
      <c r="A384">
        <v>1100.262109</v>
      </c>
      <c r="B384">
        <v>19.940567000000001</v>
      </c>
      <c r="C384">
        <v>8.6923390000000005</v>
      </c>
      <c r="D384">
        <f t="shared" si="18"/>
        <v>1.9118330000000006</v>
      </c>
      <c r="E384">
        <f t="shared" si="19"/>
        <v>32.467664000000013</v>
      </c>
      <c r="F384">
        <f t="shared" si="17"/>
        <v>1.5434939528765963E-2</v>
      </c>
    </row>
    <row r="385" spans="1:6" x14ac:dyDescent="0.2">
      <c r="A385">
        <v>1100.4412159999999</v>
      </c>
      <c r="B385">
        <v>20.003793000000002</v>
      </c>
      <c r="C385">
        <v>8.6973439999999993</v>
      </c>
      <c r="D385">
        <f t="shared" si="18"/>
        <v>1.9168379999999994</v>
      </c>
      <c r="E385">
        <f t="shared" si="19"/>
        <v>32.646770999999944</v>
      </c>
      <c r="F385">
        <f t="shared" si="17"/>
        <v>1.547704247229861E-2</v>
      </c>
    </row>
    <row r="386" spans="1:6" x14ac:dyDescent="0.2">
      <c r="A386">
        <v>1100.2377739999999</v>
      </c>
      <c r="B386">
        <v>20.018747999999999</v>
      </c>
      <c r="C386">
        <v>8.7023489999999999</v>
      </c>
      <c r="D386">
        <f t="shared" si="18"/>
        <v>1.921843</v>
      </c>
      <c r="E386">
        <f t="shared" si="19"/>
        <v>32.443328999999949</v>
      </c>
      <c r="F386">
        <f t="shared" si="17"/>
        <v>1.5343376892321755E-2</v>
      </c>
    </row>
    <row r="387" spans="1:6" x14ac:dyDescent="0.2">
      <c r="A387">
        <v>1100.3172830000001</v>
      </c>
      <c r="B387">
        <v>19.990279000000001</v>
      </c>
      <c r="C387">
        <v>8.7073540000000005</v>
      </c>
      <c r="D387">
        <f t="shared" si="18"/>
        <v>1.9268480000000006</v>
      </c>
      <c r="E387">
        <f t="shared" si="19"/>
        <v>32.522838000000093</v>
      </c>
      <c r="F387">
        <f t="shared" ref="F387:F413" si="20">(1/A387)*(E387/D387)</f>
        <v>1.533991823443329E-2</v>
      </c>
    </row>
    <row r="388" spans="1:6" x14ac:dyDescent="0.2">
      <c r="A388">
        <v>1100.518857</v>
      </c>
      <c r="B388">
        <v>19.966343999999999</v>
      </c>
      <c r="C388">
        <v>8.712358</v>
      </c>
      <c r="D388">
        <f t="shared" si="18"/>
        <v>1.9318520000000001</v>
      </c>
      <c r="E388">
        <f t="shared" si="19"/>
        <v>32.724412000000029</v>
      </c>
      <c r="F388">
        <f t="shared" si="20"/>
        <v>1.5392193397374855E-2</v>
      </c>
    </row>
    <row r="389" spans="1:6" x14ac:dyDescent="0.2">
      <c r="A389">
        <v>1100.858508</v>
      </c>
      <c r="B389">
        <v>20.000342</v>
      </c>
      <c r="C389">
        <v>8.7173630000000006</v>
      </c>
      <c r="D389">
        <f t="shared" si="18"/>
        <v>1.9368570000000007</v>
      </c>
      <c r="E389">
        <f t="shared" si="19"/>
        <v>33.064063000000033</v>
      </c>
      <c r="F389">
        <f t="shared" si="20"/>
        <v>1.5506977581614229E-2</v>
      </c>
    </row>
    <row r="390" spans="1:6" x14ac:dyDescent="0.2">
      <c r="A390">
        <v>1100.6537740000001</v>
      </c>
      <c r="B390">
        <v>20.020022000000001</v>
      </c>
      <c r="C390">
        <v>8.7223679999999995</v>
      </c>
      <c r="D390">
        <f t="shared" si="18"/>
        <v>1.9418619999999995</v>
      </c>
      <c r="E390">
        <f t="shared" si="19"/>
        <v>32.859329000000116</v>
      </c>
      <c r="F390">
        <f t="shared" si="20"/>
        <v>1.5374096421016279E-2</v>
      </c>
    </row>
    <row r="391" spans="1:6" x14ac:dyDescent="0.2">
      <c r="A391">
        <v>1100.0792839999999</v>
      </c>
      <c r="B391">
        <v>20.032726</v>
      </c>
      <c r="C391">
        <v>8.727373</v>
      </c>
      <c r="D391">
        <f t="shared" ref="D391:D409" si="21">C391-$C$2</f>
        <v>1.9468670000000001</v>
      </c>
      <c r="E391">
        <f t="shared" ref="E391:E409" si="22">A391-$A$2</f>
        <v>32.28483899999992</v>
      </c>
      <c r="F391">
        <f t="shared" si="20"/>
        <v>1.5074341677218711E-2</v>
      </c>
    </row>
    <row r="392" spans="1:6" x14ac:dyDescent="0.2">
      <c r="A392">
        <v>1100.4307369999999</v>
      </c>
      <c r="B392">
        <v>19.953395</v>
      </c>
      <c r="C392">
        <v>8.7323780000000006</v>
      </c>
      <c r="D392">
        <f t="shared" si="21"/>
        <v>1.9518720000000007</v>
      </c>
      <c r="E392">
        <f t="shared" si="22"/>
        <v>32.636291999999912</v>
      </c>
      <c r="F392">
        <f t="shared" si="20"/>
        <v>1.5194512248543644E-2</v>
      </c>
    </row>
    <row r="393" spans="1:6" x14ac:dyDescent="0.2">
      <c r="A393">
        <v>1100.908144</v>
      </c>
      <c r="B393">
        <v>19.977139000000001</v>
      </c>
      <c r="C393">
        <v>8.7373820000000002</v>
      </c>
      <c r="D393">
        <f t="shared" si="21"/>
        <v>1.9568760000000003</v>
      </c>
      <c r="E393">
        <f t="shared" si="22"/>
        <v>33.113698999999997</v>
      </c>
      <c r="F393">
        <f t="shared" si="20"/>
        <v>1.5370687938396736E-2</v>
      </c>
    </row>
    <row r="394" spans="1:6" x14ac:dyDescent="0.2">
      <c r="A394">
        <v>1101.1312250000001</v>
      </c>
      <c r="B394">
        <v>19.974276</v>
      </c>
      <c r="C394">
        <v>8.7423870000000008</v>
      </c>
      <c r="D394">
        <f t="shared" si="21"/>
        <v>1.9618810000000009</v>
      </c>
      <c r="E394">
        <f t="shared" si="22"/>
        <v>33.33678000000009</v>
      </c>
      <c r="F394">
        <f t="shared" si="20"/>
        <v>1.5431633829557605E-2</v>
      </c>
    </row>
    <row r="395" spans="1:6" x14ac:dyDescent="0.2">
      <c r="A395">
        <v>1101.6332379999999</v>
      </c>
      <c r="B395">
        <v>19.96087</v>
      </c>
      <c r="C395">
        <v>8.7473919999999996</v>
      </c>
      <c r="D395">
        <f t="shared" si="21"/>
        <v>1.9668859999999997</v>
      </c>
      <c r="E395">
        <f t="shared" si="22"/>
        <v>33.838792999999896</v>
      </c>
      <c r="F395">
        <f t="shared" si="20"/>
        <v>1.5617037166086358E-2</v>
      </c>
    </row>
    <row r="396" spans="1:6" x14ac:dyDescent="0.2">
      <c r="A396">
        <v>1102.0572239999999</v>
      </c>
      <c r="B396">
        <v>19.970061999999999</v>
      </c>
      <c r="C396">
        <v>8.7523970000000002</v>
      </c>
      <c r="D396">
        <f t="shared" si="21"/>
        <v>1.9718910000000003</v>
      </c>
      <c r="E396">
        <f t="shared" si="22"/>
        <v>34.26277899999991</v>
      </c>
      <c r="F396">
        <f t="shared" si="20"/>
        <v>1.5766508688187186E-2</v>
      </c>
    </row>
    <row r="397" spans="1:6" x14ac:dyDescent="0.2">
      <c r="A397">
        <v>1102.5918650000001</v>
      </c>
      <c r="B397">
        <v>19.979306000000001</v>
      </c>
      <c r="C397">
        <v>8.7574020000000008</v>
      </c>
      <c r="D397">
        <f t="shared" si="21"/>
        <v>1.9768960000000009</v>
      </c>
      <c r="E397">
        <f t="shared" si="22"/>
        <v>34.797420000000102</v>
      </c>
      <c r="F397">
        <f t="shared" si="20"/>
        <v>1.5964246995899333E-2</v>
      </c>
    </row>
    <row r="398" spans="1:6" x14ac:dyDescent="0.2">
      <c r="A398">
        <v>1102.6209550000001</v>
      </c>
      <c r="B398">
        <v>19.995733999999999</v>
      </c>
      <c r="C398">
        <v>8.7624060000000004</v>
      </c>
      <c r="D398">
        <f t="shared" si="21"/>
        <v>1.9819000000000004</v>
      </c>
      <c r="E398">
        <f t="shared" si="22"/>
        <v>34.826510000000098</v>
      </c>
      <c r="F398">
        <f t="shared" si="20"/>
        <v>1.5936831321833912E-2</v>
      </c>
    </row>
    <row r="399" spans="1:6" x14ac:dyDescent="0.2">
      <c r="A399">
        <v>1102.604016</v>
      </c>
      <c r="B399">
        <v>19.994016999999999</v>
      </c>
      <c r="C399">
        <v>8.7674109999999992</v>
      </c>
      <c r="D399">
        <f t="shared" si="21"/>
        <v>1.9869049999999993</v>
      </c>
      <c r="E399">
        <f t="shared" si="22"/>
        <v>34.809571000000005</v>
      </c>
      <c r="F399">
        <f t="shared" si="20"/>
        <v>1.5889198783324007E-2</v>
      </c>
    </row>
    <row r="400" spans="1:6" x14ac:dyDescent="0.2">
      <c r="A400">
        <v>1102.658081</v>
      </c>
      <c r="B400">
        <v>19.983284000000001</v>
      </c>
      <c r="C400">
        <v>8.7724159999999998</v>
      </c>
      <c r="D400">
        <f t="shared" si="21"/>
        <v>1.9919099999999998</v>
      </c>
      <c r="E400">
        <f t="shared" si="22"/>
        <v>34.863636000000042</v>
      </c>
      <c r="F400">
        <f t="shared" si="20"/>
        <v>1.5873112784135956E-2</v>
      </c>
    </row>
    <row r="401" spans="1:7" x14ac:dyDescent="0.2">
      <c r="A401">
        <v>1102.77333</v>
      </c>
      <c r="B401">
        <v>19.992784</v>
      </c>
      <c r="C401">
        <v>8.7774210000000004</v>
      </c>
      <c r="D401">
        <f t="shared" si="21"/>
        <v>1.9969150000000004</v>
      </c>
      <c r="E401">
        <f t="shared" si="22"/>
        <v>34.978884999999991</v>
      </c>
      <c r="F401">
        <f t="shared" si="20"/>
        <v>1.588400913003845E-2</v>
      </c>
    </row>
    <row r="402" spans="1:7" x14ac:dyDescent="0.2">
      <c r="A402">
        <v>1102.576002</v>
      </c>
      <c r="B402">
        <v>20.042859</v>
      </c>
      <c r="C402">
        <v>8.7824259999999992</v>
      </c>
      <c r="D402">
        <f t="shared" si="21"/>
        <v>2.0019199999999993</v>
      </c>
      <c r="E402">
        <f t="shared" si="22"/>
        <v>34.781557000000021</v>
      </c>
      <c r="F402">
        <f t="shared" si="20"/>
        <v>1.5757734009351303E-2</v>
      </c>
    </row>
    <row r="403" spans="1:7" x14ac:dyDescent="0.2">
      <c r="A403">
        <v>1101.8947370000001</v>
      </c>
      <c r="B403">
        <v>20.039097000000002</v>
      </c>
      <c r="C403">
        <v>8.7874300000000005</v>
      </c>
      <c r="D403">
        <f t="shared" si="21"/>
        <v>2.0069240000000006</v>
      </c>
      <c r="E403">
        <f t="shared" si="22"/>
        <v>34.100292000000081</v>
      </c>
      <c r="F403">
        <f t="shared" si="20"/>
        <v>1.5420095470595634E-2</v>
      </c>
    </row>
    <row r="404" spans="1:7" x14ac:dyDescent="0.2">
      <c r="A404">
        <v>1101.235001</v>
      </c>
      <c r="B404">
        <v>20.008351000000001</v>
      </c>
      <c r="C404">
        <v>8.7924349999999993</v>
      </c>
      <c r="D404">
        <f t="shared" si="21"/>
        <v>2.0119289999999994</v>
      </c>
      <c r="E404">
        <f t="shared" si="22"/>
        <v>33.440556000000015</v>
      </c>
      <c r="F404">
        <f t="shared" si="20"/>
        <v>1.5093182824919102E-2</v>
      </c>
    </row>
    <row r="405" spans="1:7" x14ac:dyDescent="0.2">
      <c r="A405">
        <v>1100.872175</v>
      </c>
      <c r="B405">
        <v>19.98217</v>
      </c>
      <c r="C405">
        <v>8.7974399999999999</v>
      </c>
      <c r="D405">
        <f t="shared" si="21"/>
        <v>2.016934</v>
      </c>
      <c r="E405">
        <f t="shared" si="22"/>
        <v>33.077729999999974</v>
      </c>
      <c r="F405">
        <f t="shared" si="20"/>
        <v>1.4897284644282461E-2</v>
      </c>
    </row>
    <row r="406" spans="1:7" x14ac:dyDescent="0.2">
      <c r="A406">
        <v>1100.5873329999999</v>
      </c>
      <c r="B406">
        <v>19.950617999999999</v>
      </c>
      <c r="C406">
        <v>8.8024450000000005</v>
      </c>
      <c r="D406">
        <f t="shared" si="21"/>
        <v>2.0219390000000006</v>
      </c>
      <c r="E406">
        <f t="shared" si="22"/>
        <v>32.792887999999948</v>
      </c>
      <c r="F406">
        <f t="shared" si="20"/>
        <v>1.4736254267521296E-2</v>
      </c>
    </row>
    <row r="407" spans="1:7" x14ac:dyDescent="0.2">
      <c r="A407">
        <v>1099.592954</v>
      </c>
      <c r="B407">
        <v>20.005407000000002</v>
      </c>
      <c r="C407">
        <v>8.8074499999999993</v>
      </c>
      <c r="D407">
        <f t="shared" si="21"/>
        <v>2.0269439999999994</v>
      </c>
      <c r="E407">
        <f t="shared" si="22"/>
        <v>31.798508999999967</v>
      </c>
      <c r="F407">
        <f t="shared" si="20"/>
        <v>1.4267013042965888E-2</v>
      </c>
    </row>
    <row r="408" spans="1:7" x14ac:dyDescent="0.2">
      <c r="A408">
        <v>1097.9603119999999</v>
      </c>
      <c r="B408">
        <v>20.028455999999998</v>
      </c>
      <c r="C408">
        <v>8.8124540000000007</v>
      </c>
      <c r="D408">
        <f t="shared" si="21"/>
        <v>2.0319480000000008</v>
      </c>
      <c r="E408">
        <f t="shared" si="22"/>
        <v>30.165866999999935</v>
      </c>
      <c r="F408">
        <f t="shared" si="20"/>
        <v>1.3521241831606778E-2</v>
      </c>
    </row>
    <row r="409" spans="1:7" s="1" customFormat="1" x14ac:dyDescent="0.2">
      <c r="A409">
        <v>1096.6014279999999</v>
      </c>
      <c r="B409">
        <v>19.944628999999999</v>
      </c>
      <c r="C409">
        <v>8.8174589999999995</v>
      </c>
      <c r="D409">
        <f t="shared" si="21"/>
        <v>2.0369529999999996</v>
      </c>
      <c r="E409">
        <f t="shared" si="22"/>
        <v>28.806982999999946</v>
      </c>
      <c r="F409">
        <f t="shared" si="20"/>
        <v>1.2896384141967884E-2</v>
      </c>
      <c r="G409"/>
    </row>
    <row r="410" spans="1:7" s="1" customFormat="1" x14ac:dyDescent="0.2">
      <c r="A410">
        <v>1095.9025509999999</v>
      </c>
      <c r="B410">
        <v>19.897599</v>
      </c>
      <c r="C410">
        <v>8.8224640000000001</v>
      </c>
      <c r="D410">
        <f t="shared" ref="D410:D413" si="23">C410-$C$2</f>
        <v>2.0419580000000002</v>
      </c>
      <c r="E410">
        <f t="shared" ref="E410:E413" si="24">A410-$A$2</f>
        <v>28.108105999999907</v>
      </c>
      <c r="F410">
        <f t="shared" si="20"/>
        <v>1.2560670982404796E-2</v>
      </c>
      <c r="G410"/>
    </row>
    <row r="411" spans="1:7" s="1" customFormat="1" x14ac:dyDescent="0.2">
      <c r="A411">
        <v>1095.152675</v>
      </c>
      <c r="B411">
        <v>19.890661999999999</v>
      </c>
      <c r="C411">
        <v>8.8274690000000007</v>
      </c>
      <c r="D411">
        <f t="shared" si="23"/>
        <v>2.0469630000000008</v>
      </c>
      <c r="E411">
        <f t="shared" si="24"/>
        <v>27.358230000000049</v>
      </c>
      <c r="F411">
        <f t="shared" si="20"/>
        <v>1.2204031935080729E-2</v>
      </c>
      <c r="G411"/>
    </row>
    <row r="412" spans="1:7" x14ac:dyDescent="0.2">
      <c r="A412">
        <v>1094.4779590000001</v>
      </c>
      <c r="B412">
        <v>19.866060000000001</v>
      </c>
      <c r="C412">
        <v>8.8324739999999995</v>
      </c>
      <c r="D412">
        <f t="shared" si="23"/>
        <v>2.0519679999999996</v>
      </c>
      <c r="E412">
        <f t="shared" si="24"/>
        <v>26.683514000000059</v>
      </c>
      <c r="F412">
        <f t="shared" si="20"/>
        <v>1.1881339844033882E-2</v>
      </c>
    </row>
    <row r="413" spans="1:7" x14ac:dyDescent="0.2">
      <c r="A413" s="1">
        <v>1093.9286549999999</v>
      </c>
      <c r="B413" s="1">
        <v>19.807072999999999</v>
      </c>
      <c r="C413" s="1">
        <v>8.8374780000000008</v>
      </c>
      <c r="D413">
        <f t="shared" si="23"/>
        <v>2.0569720000000009</v>
      </c>
      <c r="E413">
        <f t="shared" si="24"/>
        <v>26.134209999999939</v>
      </c>
      <c r="F413">
        <f t="shared" si="20"/>
        <v>1.16142721367124E-2</v>
      </c>
    </row>
    <row r="414" spans="1:7" s="1" customFormat="1" ht="15" x14ac:dyDescent="0.25">
      <c r="A414" s="1">
        <f>MAX(A2:A413)</f>
        <v>1104.2443490000001</v>
      </c>
      <c r="B414" s="9" t="s">
        <v>16</v>
      </c>
      <c r="D414"/>
      <c r="E414"/>
      <c r="F414"/>
      <c r="G414"/>
    </row>
    <row r="415" spans="1:7" s="1" customFormat="1" ht="15" x14ac:dyDescent="0.25">
      <c r="A415" s="1">
        <f>MIN(A2:A413)</f>
        <v>1067.794445</v>
      </c>
      <c r="B415" s="9" t="s">
        <v>17</v>
      </c>
      <c r="D415"/>
      <c r="E415"/>
      <c r="F415"/>
      <c r="G415"/>
    </row>
    <row r="417" spans="1:3" x14ac:dyDescent="0.2">
      <c r="A417" t="s">
        <v>20</v>
      </c>
      <c r="C417" s="14">
        <f>E413/A415</f>
        <v>2.4474944707171556E-2</v>
      </c>
    </row>
  </sheetData>
  <pageMargins left="0.7" right="0.7" top="0.75" bottom="0.75" header="0.3" footer="0.3"/>
  <pageSetup paperSize="9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01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0">
        <v>567.42588699999999</v>
      </c>
      <c r="B2" s="10">
        <v>19.962394</v>
      </c>
      <c r="C2" s="10">
        <v>9.644698</v>
      </c>
      <c r="D2">
        <f>C2-$C$2</f>
        <v>0</v>
      </c>
      <c r="E2">
        <f>A2-$A$2</f>
        <v>0</v>
      </c>
      <c r="G2" s="3">
        <f>(A387-A388)/A387</f>
        <v>2.7073803883995318E-2</v>
      </c>
    </row>
    <row r="3" spans="1:7" x14ac:dyDescent="0.2">
      <c r="A3" s="5">
        <v>568.24588900000003</v>
      </c>
      <c r="B3" s="5">
        <v>19.887049000000001</v>
      </c>
      <c r="C3" s="5">
        <v>9.6497019999999996</v>
      </c>
      <c r="D3">
        <f t="shared" ref="D3:D66" si="0">C3-$C$2</f>
        <v>5.0039999999995644E-3</v>
      </c>
      <c r="E3">
        <f t="shared" ref="E3:E66" si="1">A3-$A$2</f>
        <v>0.82000200000004497</v>
      </c>
      <c r="F3">
        <f t="shared" ref="F3:F51" si="2">(1/A3)*(E3/D3)</f>
        <v>0.28837745723907587</v>
      </c>
      <c r="G3" s="4">
        <f>G2*100</f>
        <v>2.7073803883995318</v>
      </c>
    </row>
    <row r="4" spans="1:7" x14ac:dyDescent="0.2">
      <c r="A4" s="5">
        <v>569.49434199999996</v>
      </c>
      <c r="B4" s="5">
        <v>19.869430000000001</v>
      </c>
      <c r="C4" s="5">
        <v>9.6547070000000001</v>
      </c>
      <c r="D4">
        <f t="shared" si="0"/>
        <v>1.0009000000000157E-2</v>
      </c>
      <c r="E4">
        <f t="shared" si="1"/>
        <v>2.0684549999999717</v>
      </c>
      <c r="F4">
        <f t="shared" si="2"/>
        <v>0.36288245765257165</v>
      </c>
    </row>
    <row r="5" spans="1:7" x14ac:dyDescent="0.2">
      <c r="A5" s="5">
        <v>570.75857599999995</v>
      </c>
      <c r="B5" s="5">
        <v>19.879622999999999</v>
      </c>
      <c r="C5" s="5">
        <v>9.6597120000000007</v>
      </c>
      <c r="D5">
        <f t="shared" si="0"/>
        <v>1.5014000000000749E-2</v>
      </c>
      <c r="E5">
        <f t="shared" si="1"/>
        <v>3.3326889999999594</v>
      </c>
      <c r="F5">
        <f t="shared" si="2"/>
        <v>0.38890715277391413</v>
      </c>
    </row>
    <row r="6" spans="1:7" x14ac:dyDescent="0.2">
      <c r="A6" s="5">
        <v>571.22092799999996</v>
      </c>
      <c r="B6" s="5">
        <v>19.975394999999999</v>
      </c>
      <c r="C6" s="5">
        <v>9.6647169999999996</v>
      </c>
      <c r="D6">
        <f t="shared" si="0"/>
        <v>2.0018999999999565E-2</v>
      </c>
      <c r="E6">
        <f t="shared" si="1"/>
        <v>3.7950409999999692</v>
      </c>
      <c r="F6">
        <f t="shared" si="2"/>
        <v>0.33187151826691036</v>
      </c>
    </row>
    <row r="7" spans="1:7" x14ac:dyDescent="0.2">
      <c r="A7" s="5">
        <v>571.43248400000004</v>
      </c>
      <c r="B7" s="5">
        <v>19.952696</v>
      </c>
      <c r="C7" s="5">
        <v>9.6697220000000002</v>
      </c>
      <c r="D7">
        <f t="shared" si="0"/>
        <v>2.5024000000000157E-2</v>
      </c>
      <c r="E7">
        <f t="shared" si="1"/>
        <v>4.0065970000000561</v>
      </c>
      <c r="F7">
        <f t="shared" si="2"/>
        <v>0.28019088644029166</v>
      </c>
    </row>
    <row r="8" spans="1:7" x14ac:dyDescent="0.2">
      <c r="A8" s="5">
        <v>572.62094200000001</v>
      </c>
      <c r="B8" s="5">
        <v>19.872216999999999</v>
      </c>
      <c r="C8" s="5">
        <v>9.6747259999999997</v>
      </c>
      <c r="D8">
        <f t="shared" si="0"/>
        <v>3.0027999999999722E-2</v>
      </c>
      <c r="E8">
        <f t="shared" si="1"/>
        <v>5.1950550000000248</v>
      </c>
      <c r="F8">
        <f t="shared" si="2"/>
        <v>0.30213185387657798</v>
      </c>
    </row>
    <row r="9" spans="1:7" x14ac:dyDescent="0.2">
      <c r="A9" s="5">
        <v>573.526791</v>
      </c>
      <c r="B9" s="5">
        <v>19.934353000000002</v>
      </c>
      <c r="C9" s="5">
        <v>9.6797310000000003</v>
      </c>
      <c r="D9">
        <f t="shared" si="0"/>
        <v>3.5033000000000314E-2</v>
      </c>
      <c r="E9">
        <f t="shared" si="1"/>
        <v>6.1009040000000141</v>
      </c>
      <c r="F9">
        <f t="shared" si="2"/>
        <v>0.30364291523970616</v>
      </c>
    </row>
    <row r="10" spans="1:7" x14ac:dyDescent="0.2">
      <c r="A10" s="5">
        <v>573.54871300000002</v>
      </c>
      <c r="B10" s="5">
        <v>20.018782000000002</v>
      </c>
      <c r="C10" s="5">
        <v>9.6847359999999991</v>
      </c>
      <c r="D10">
        <f t="shared" si="0"/>
        <v>4.003799999999913E-2</v>
      </c>
      <c r="E10">
        <f t="shared" si="1"/>
        <v>6.1228260000000319</v>
      </c>
      <c r="F10">
        <f t="shared" si="2"/>
        <v>0.2666301352116387</v>
      </c>
    </row>
    <row r="11" spans="1:7" x14ac:dyDescent="0.2">
      <c r="A11" s="5">
        <v>572.89515500000005</v>
      </c>
      <c r="B11" s="5">
        <v>20.073651999999999</v>
      </c>
      <c r="C11" s="5">
        <v>9.6897409999999997</v>
      </c>
      <c r="D11">
        <f t="shared" si="0"/>
        <v>4.5042999999999722E-2</v>
      </c>
      <c r="E11">
        <f t="shared" si="1"/>
        <v>5.4692680000000564</v>
      </c>
      <c r="F11">
        <f t="shared" si="2"/>
        <v>0.21194674305825922</v>
      </c>
    </row>
    <row r="12" spans="1:7" x14ac:dyDescent="0.2">
      <c r="A12" s="5">
        <v>572.43927299999996</v>
      </c>
      <c r="B12" s="5">
        <v>20.013423</v>
      </c>
      <c r="C12" s="5">
        <v>9.6947460000000003</v>
      </c>
      <c r="D12">
        <f t="shared" si="0"/>
        <v>5.0048000000000314E-2</v>
      </c>
      <c r="E12">
        <f t="shared" si="1"/>
        <v>5.0133859999999686</v>
      </c>
      <c r="F12">
        <f t="shared" si="2"/>
        <v>0.17499071086079052</v>
      </c>
    </row>
    <row r="13" spans="1:7" x14ac:dyDescent="0.2">
      <c r="A13" s="5">
        <v>572.29039499999999</v>
      </c>
      <c r="B13" s="5">
        <v>20.01585</v>
      </c>
      <c r="C13" s="5">
        <v>9.6997499999999999</v>
      </c>
      <c r="D13">
        <f t="shared" si="0"/>
        <v>5.5051999999999879E-2</v>
      </c>
      <c r="E13">
        <f t="shared" si="1"/>
        <v>4.8645080000000007</v>
      </c>
      <c r="F13">
        <f t="shared" si="2"/>
        <v>0.15440073512138994</v>
      </c>
    </row>
    <row r="14" spans="1:7" x14ac:dyDescent="0.2">
      <c r="A14" s="5">
        <v>571.74033899999995</v>
      </c>
      <c r="B14" s="5">
        <v>20.077192</v>
      </c>
      <c r="C14" s="5">
        <v>9.7047550000000005</v>
      </c>
      <c r="D14">
        <f t="shared" si="0"/>
        <v>6.0057000000000471E-2</v>
      </c>
      <c r="E14">
        <f t="shared" si="1"/>
        <v>4.3144519999999602</v>
      </c>
      <c r="F14">
        <f t="shared" si="2"/>
        <v>0.12565019662119919</v>
      </c>
    </row>
    <row r="15" spans="1:7" x14ac:dyDescent="0.2">
      <c r="A15" s="5">
        <v>571.03950199999997</v>
      </c>
      <c r="B15" s="5">
        <v>20.062297999999998</v>
      </c>
      <c r="C15" s="5">
        <v>9.7097599999999993</v>
      </c>
      <c r="D15">
        <f t="shared" si="0"/>
        <v>6.5061999999999287E-2</v>
      </c>
      <c r="E15">
        <f t="shared" si="1"/>
        <v>3.6136149999999816</v>
      </c>
      <c r="F15">
        <f t="shared" si="2"/>
        <v>9.7263147408615719E-2</v>
      </c>
    </row>
    <row r="16" spans="1:7" x14ac:dyDescent="0.2">
      <c r="A16" s="5">
        <v>570.81460200000004</v>
      </c>
      <c r="B16" s="5">
        <v>20.013591999999999</v>
      </c>
      <c r="C16" s="5">
        <v>9.7147649999999999</v>
      </c>
      <c r="D16">
        <f t="shared" si="0"/>
        <v>7.0066999999999879E-2</v>
      </c>
      <c r="E16">
        <f t="shared" si="1"/>
        <v>3.3887150000000474</v>
      </c>
      <c r="F16">
        <f t="shared" si="2"/>
        <v>8.4727901025514391E-2</v>
      </c>
    </row>
    <row r="17" spans="1:6" x14ac:dyDescent="0.2">
      <c r="A17" s="5">
        <v>570.92770399999995</v>
      </c>
      <c r="B17" s="5">
        <v>19.992778999999999</v>
      </c>
      <c r="C17" s="5">
        <v>9.7197700000000005</v>
      </c>
      <c r="D17">
        <f t="shared" si="0"/>
        <v>7.5072000000000472E-2</v>
      </c>
      <c r="E17">
        <f t="shared" si="1"/>
        <v>3.50181699999996</v>
      </c>
      <c r="F17">
        <f t="shared" si="2"/>
        <v>8.1702311409975498E-2</v>
      </c>
    </row>
    <row r="18" spans="1:6" x14ac:dyDescent="0.2">
      <c r="A18" s="5">
        <v>570.794713</v>
      </c>
      <c r="B18" s="5">
        <v>20.019523</v>
      </c>
      <c r="C18" s="5">
        <v>9.724774</v>
      </c>
      <c r="D18">
        <f t="shared" si="0"/>
        <v>8.0076000000000036E-2</v>
      </c>
      <c r="E18">
        <f t="shared" si="1"/>
        <v>3.3688260000000128</v>
      </c>
      <c r="F18">
        <f t="shared" si="2"/>
        <v>7.3704884088070341E-2</v>
      </c>
    </row>
    <row r="19" spans="1:6" x14ac:dyDescent="0.2">
      <c r="A19" s="5">
        <v>570.47818600000005</v>
      </c>
      <c r="B19" s="5">
        <v>20.018177000000001</v>
      </c>
      <c r="C19" s="5">
        <v>9.7297790000000006</v>
      </c>
      <c r="D19">
        <f t="shared" si="0"/>
        <v>8.5081000000000628E-2</v>
      </c>
      <c r="E19">
        <f t="shared" si="1"/>
        <v>3.0522990000000618</v>
      </c>
      <c r="F19">
        <f t="shared" si="2"/>
        <v>6.2886213553286219E-2</v>
      </c>
    </row>
    <row r="20" spans="1:6" x14ac:dyDescent="0.2">
      <c r="A20" s="5">
        <v>570.18604600000003</v>
      </c>
      <c r="B20" s="5">
        <v>20.028130999999998</v>
      </c>
      <c r="C20" s="5">
        <v>9.7347839999999994</v>
      </c>
      <c r="D20">
        <f t="shared" si="0"/>
        <v>9.0085999999999444E-2</v>
      </c>
      <c r="E20">
        <f t="shared" si="1"/>
        <v>2.7601590000000442</v>
      </c>
      <c r="F20">
        <f t="shared" si="2"/>
        <v>5.3735366083791078E-2</v>
      </c>
    </row>
    <row r="21" spans="1:6" x14ac:dyDescent="0.2">
      <c r="A21" s="5">
        <v>570.11682199999996</v>
      </c>
      <c r="B21" s="5">
        <v>20.027117000000001</v>
      </c>
      <c r="C21" s="5">
        <v>9.739789</v>
      </c>
      <c r="D21">
        <f t="shared" si="0"/>
        <v>9.5091000000000037E-2</v>
      </c>
      <c r="E21">
        <f t="shared" si="1"/>
        <v>2.6909349999999677</v>
      </c>
      <c r="F21">
        <f t="shared" si="2"/>
        <v>4.9636361319645238E-2</v>
      </c>
    </row>
    <row r="22" spans="1:6" x14ac:dyDescent="0.2">
      <c r="A22" s="5">
        <v>569.71762200000001</v>
      </c>
      <c r="B22" s="5">
        <v>20.035672999999999</v>
      </c>
      <c r="C22" s="5">
        <v>9.7447940000000006</v>
      </c>
      <c r="D22">
        <f t="shared" si="0"/>
        <v>0.10009600000000063</v>
      </c>
      <c r="E22">
        <f t="shared" si="1"/>
        <v>2.291735000000017</v>
      </c>
      <c r="F22">
        <f t="shared" si="2"/>
        <v>4.018722532049996E-2</v>
      </c>
    </row>
    <row r="23" spans="1:6" x14ac:dyDescent="0.2">
      <c r="A23" s="5">
        <v>569.40300100000002</v>
      </c>
      <c r="B23" s="5">
        <v>20.020467</v>
      </c>
      <c r="C23" s="5">
        <v>9.7497980000000002</v>
      </c>
      <c r="D23">
        <f t="shared" si="0"/>
        <v>0.10510000000000019</v>
      </c>
      <c r="E23">
        <f t="shared" si="1"/>
        <v>1.9771140000000287</v>
      </c>
      <c r="F23">
        <f t="shared" si="2"/>
        <v>3.3037657275814862E-2</v>
      </c>
    </row>
    <row r="24" spans="1:6" x14ac:dyDescent="0.2">
      <c r="A24" s="5">
        <v>569.45891300000005</v>
      </c>
      <c r="B24" s="5">
        <v>19.995967</v>
      </c>
      <c r="C24" s="5">
        <v>9.7548030000000008</v>
      </c>
      <c r="D24">
        <f t="shared" si="0"/>
        <v>0.11010500000000079</v>
      </c>
      <c r="E24">
        <f t="shared" si="1"/>
        <v>2.0330260000000635</v>
      </c>
      <c r="F24">
        <f t="shared" si="2"/>
        <v>3.2424515600289722E-2</v>
      </c>
    </row>
    <row r="25" spans="1:6" x14ac:dyDescent="0.2">
      <c r="A25" s="5">
        <v>569.42414099999996</v>
      </c>
      <c r="B25" s="5">
        <v>19.996793</v>
      </c>
      <c r="C25" s="5">
        <v>9.7598079999999996</v>
      </c>
      <c r="D25">
        <f t="shared" si="0"/>
        <v>0.1151099999999996</v>
      </c>
      <c r="E25">
        <f t="shared" si="1"/>
        <v>1.9982539999999744</v>
      </c>
      <c r="F25">
        <f t="shared" si="2"/>
        <v>3.0486092411305947E-2</v>
      </c>
    </row>
    <row r="26" spans="1:6" x14ac:dyDescent="0.2">
      <c r="A26" s="5">
        <v>569.51288</v>
      </c>
      <c r="B26" s="5">
        <v>19.974775999999999</v>
      </c>
      <c r="C26" s="5">
        <v>9.7648130000000002</v>
      </c>
      <c r="D26">
        <f t="shared" si="0"/>
        <v>0.12011500000000019</v>
      </c>
      <c r="E26">
        <f t="shared" si="1"/>
        <v>2.0869930000000068</v>
      </c>
      <c r="F26">
        <f t="shared" si="2"/>
        <v>3.0508453702673639E-2</v>
      </c>
    </row>
    <row r="27" spans="1:6" x14ac:dyDescent="0.2">
      <c r="A27" s="5">
        <v>569.70189800000003</v>
      </c>
      <c r="B27" s="5">
        <v>19.96894</v>
      </c>
      <c r="C27" s="5">
        <v>9.7698180000000008</v>
      </c>
      <c r="D27">
        <f t="shared" si="0"/>
        <v>0.12512000000000079</v>
      </c>
      <c r="E27">
        <f t="shared" si="1"/>
        <v>2.2760110000000395</v>
      </c>
      <c r="F27">
        <f t="shared" si="2"/>
        <v>3.1930076174680751E-2</v>
      </c>
    </row>
    <row r="28" spans="1:6" x14ac:dyDescent="0.2">
      <c r="A28" s="5">
        <v>570.43424400000004</v>
      </c>
      <c r="B28" s="5">
        <v>19.927693000000001</v>
      </c>
      <c r="C28" s="5">
        <v>9.7748220000000003</v>
      </c>
      <c r="D28">
        <f t="shared" si="0"/>
        <v>0.13012400000000035</v>
      </c>
      <c r="E28">
        <f t="shared" si="1"/>
        <v>3.0083570000000464</v>
      </c>
      <c r="F28">
        <f t="shared" si="2"/>
        <v>4.0529045753927254E-2</v>
      </c>
    </row>
    <row r="29" spans="1:6" x14ac:dyDescent="0.2">
      <c r="A29" s="5">
        <v>570.79764</v>
      </c>
      <c r="B29" s="5">
        <v>19.990355000000001</v>
      </c>
      <c r="C29" s="5">
        <v>9.7798269999999992</v>
      </c>
      <c r="D29">
        <f t="shared" si="0"/>
        <v>0.13512899999999917</v>
      </c>
      <c r="E29">
        <f t="shared" si="1"/>
        <v>3.3717530000000124</v>
      </c>
      <c r="F29">
        <f t="shared" si="2"/>
        <v>4.3714450230677916E-2</v>
      </c>
    </row>
    <row r="30" spans="1:6" x14ac:dyDescent="0.2">
      <c r="A30" s="5">
        <v>570.59489099999996</v>
      </c>
      <c r="B30" s="5">
        <v>20.020275999999999</v>
      </c>
      <c r="C30" s="5">
        <v>9.7848319999999998</v>
      </c>
      <c r="D30">
        <f t="shared" si="0"/>
        <v>0.14013399999999976</v>
      </c>
      <c r="E30">
        <f t="shared" si="1"/>
        <v>3.1690039999999726</v>
      </c>
      <c r="F30">
        <f t="shared" si="2"/>
        <v>3.9632492844794233E-2</v>
      </c>
    </row>
    <row r="31" spans="1:6" x14ac:dyDescent="0.2">
      <c r="A31" s="5">
        <v>570.65581399999996</v>
      </c>
      <c r="B31" s="5">
        <v>19.980405999999999</v>
      </c>
      <c r="C31" s="5">
        <v>9.7898370000000003</v>
      </c>
      <c r="D31">
        <f t="shared" si="0"/>
        <v>0.14513900000000035</v>
      </c>
      <c r="E31">
        <f t="shared" si="1"/>
        <v>3.2299269999999751</v>
      </c>
      <c r="F31">
        <f t="shared" si="2"/>
        <v>3.8997281558343234E-2</v>
      </c>
    </row>
    <row r="32" spans="1:6" x14ac:dyDescent="0.2">
      <c r="A32" s="5">
        <v>571.02656100000002</v>
      </c>
      <c r="B32" s="5">
        <v>19.938182000000001</v>
      </c>
      <c r="C32" s="5">
        <v>9.7948419999999992</v>
      </c>
      <c r="D32">
        <f t="shared" si="0"/>
        <v>0.15014399999999917</v>
      </c>
      <c r="E32">
        <f t="shared" si="1"/>
        <v>3.6006740000000264</v>
      </c>
      <c r="F32">
        <f t="shared" si="2"/>
        <v>4.1997120202360301E-2</v>
      </c>
    </row>
    <row r="33" spans="1:6" x14ac:dyDescent="0.2">
      <c r="A33" s="5">
        <v>571.478115</v>
      </c>
      <c r="B33" s="5">
        <v>19.962592000000001</v>
      </c>
      <c r="C33" s="5">
        <v>9.7998460000000005</v>
      </c>
      <c r="D33">
        <f t="shared" si="0"/>
        <v>0.15514800000000051</v>
      </c>
      <c r="E33">
        <f t="shared" si="1"/>
        <v>4.0522280000000137</v>
      </c>
      <c r="F33">
        <f t="shared" si="2"/>
        <v>4.5703355635552084E-2</v>
      </c>
    </row>
    <row r="34" spans="1:6" x14ac:dyDescent="0.2">
      <c r="A34" s="5">
        <v>571.60860100000002</v>
      </c>
      <c r="B34" s="5">
        <v>19.997765000000001</v>
      </c>
      <c r="C34" s="5">
        <v>9.8048509999999993</v>
      </c>
      <c r="D34">
        <f t="shared" si="0"/>
        <v>0.16015299999999932</v>
      </c>
      <c r="E34">
        <f t="shared" si="1"/>
        <v>4.1827140000000327</v>
      </c>
      <c r="F34">
        <f t="shared" si="2"/>
        <v>4.5690334407863305E-2</v>
      </c>
    </row>
    <row r="35" spans="1:6" x14ac:dyDescent="0.2">
      <c r="A35" s="5">
        <v>571.60300800000005</v>
      </c>
      <c r="B35" s="5">
        <v>19.982976000000001</v>
      </c>
      <c r="C35" s="5">
        <v>9.8098559999999999</v>
      </c>
      <c r="D35">
        <f t="shared" si="0"/>
        <v>0.16515799999999992</v>
      </c>
      <c r="E35">
        <f t="shared" si="1"/>
        <v>4.1771210000000565</v>
      </c>
      <c r="F35">
        <f t="shared" si="2"/>
        <v>4.4246908795307939E-2</v>
      </c>
    </row>
    <row r="36" spans="1:6" x14ac:dyDescent="0.2">
      <c r="A36" s="5">
        <v>572.28952600000002</v>
      </c>
      <c r="B36" s="5">
        <v>19.922388999999999</v>
      </c>
      <c r="C36" s="5">
        <v>9.8148610000000005</v>
      </c>
      <c r="D36">
        <f t="shared" si="0"/>
        <v>0.17016300000000051</v>
      </c>
      <c r="E36">
        <f t="shared" si="1"/>
        <v>4.8636390000000347</v>
      </c>
      <c r="F36">
        <f t="shared" si="2"/>
        <v>4.9943664102999115E-2</v>
      </c>
    </row>
    <row r="37" spans="1:6" x14ac:dyDescent="0.2">
      <c r="A37" s="5">
        <v>572.93080299999997</v>
      </c>
      <c r="B37" s="5">
        <v>19.961241999999999</v>
      </c>
      <c r="C37" s="5">
        <v>9.8198659999999993</v>
      </c>
      <c r="D37">
        <f t="shared" si="0"/>
        <v>0.17516799999999932</v>
      </c>
      <c r="E37">
        <f t="shared" si="1"/>
        <v>5.5049159999999802</v>
      </c>
      <c r="F37">
        <f t="shared" si="2"/>
        <v>5.4852162353463733E-2</v>
      </c>
    </row>
    <row r="38" spans="1:6" x14ac:dyDescent="0.2">
      <c r="A38" s="5">
        <v>572.76571999999999</v>
      </c>
      <c r="B38" s="5">
        <v>20.007344</v>
      </c>
      <c r="C38" s="5">
        <v>9.8248700000000007</v>
      </c>
      <c r="D38">
        <f t="shared" si="0"/>
        <v>0.18017200000000066</v>
      </c>
      <c r="E38">
        <f t="shared" si="1"/>
        <v>5.3398329999999987</v>
      </c>
      <c r="F38">
        <f t="shared" si="2"/>
        <v>5.1744400291289003E-2</v>
      </c>
    </row>
    <row r="39" spans="1:6" x14ac:dyDescent="0.2">
      <c r="A39" s="5">
        <v>572.919983</v>
      </c>
      <c r="B39" s="5">
        <v>19.982603999999998</v>
      </c>
      <c r="C39" s="5">
        <v>9.8298749999999995</v>
      </c>
      <c r="D39">
        <f t="shared" si="0"/>
        <v>0.18517699999999948</v>
      </c>
      <c r="E39">
        <f t="shared" si="1"/>
        <v>5.4940960000000132</v>
      </c>
      <c r="F39">
        <f t="shared" si="2"/>
        <v>5.1786341320192386E-2</v>
      </c>
    </row>
    <row r="40" spans="1:6" x14ac:dyDescent="0.2">
      <c r="A40" s="5">
        <v>573.39416600000004</v>
      </c>
      <c r="B40" s="5">
        <v>19.953517000000002</v>
      </c>
      <c r="C40" s="5">
        <v>9.8348800000000001</v>
      </c>
      <c r="D40">
        <f t="shared" si="0"/>
        <v>0.19018200000000007</v>
      </c>
      <c r="E40">
        <f t="shared" si="1"/>
        <v>5.9682790000000523</v>
      </c>
      <c r="F40">
        <f t="shared" si="2"/>
        <v>5.4730124595112728E-2</v>
      </c>
    </row>
    <row r="41" spans="1:6" x14ac:dyDescent="0.2">
      <c r="A41" s="5">
        <v>573.85738900000001</v>
      </c>
      <c r="B41" s="5">
        <v>19.957456000000001</v>
      </c>
      <c r="C41" s="5">
        <v>9.8398850000000007</v>
      </c>
      <c r="D41">
        <f t="shared" si="0"/>
        <v>0.19518700000000067</v>
      </c>
      <c r="E41">
        <f t="shared" si="1"/>
        <v>6.4315020000000231</v>
      </c>
      <c r="F41">
        <f t="shared" si="2"/>
        <v>5.7419253495809286E-2</v>
      </c>
    </row>
    <row r="42" spans="1:6" x14ac:dyDescent="0.2">
      <c r="A42" s="5">
        <v>573.544219</v>
      </c>
      <c r="B42" s="5">
        <v>20.070126999999999</v>
      </c>
      <c r="C42" s="5">
        <v>9.8448899999999995</v>
      </c>
      <c r="D42">
        <f t="shared" si="0"/>
        <v>0.20019199999999948</v>
      </c>
      <c r="E42">
        <f t="shared" si="1"/>
        <v>6.1183320000000094</v>
      </c>
      <c r="F42">
        <f t="shared" si="2"/>
        <v>5.3286772249088607E-2</v>
      </c>
    </row>
    <row r="43" spans="1:6" x14ac:dyDescent="0.2">
      <c r="A43" s="5">
        <v>572.72178499999995</v>
      </c>
      <c r="B43" s="5">
        <v>20.060890000000001</v>
      </c>
      <c r="C43" s="5">
        <v>9.8498940000000008</v>
      </c>
      <c r="D43">
        <f t="shared" si="0"/>
        <v>0.20519600000000082</v>
      </c>
      <c r="E43">
        <f t="shared" si="1"/>
        <v>5.2958979999999656</v>
      </c>
      <c r="F43">
        <f t="shared" si="2"/>
        <v>4.5063717777841149E-2</v>
      </c>
    </row>
    <row r="44" spans="1:6" x14ac:dyDescent="0.2">
      <c r="A44" s="5">
        <v>572.61164199999996</v>
      </c>
      <c r="B44" s="5">
        <v>19.986236000000002</v>
      </c>
      <c r="C44" s="5">
        <v>9.8548989999999996</v>
      </c>
      <c r="D44">
        <f t="shared" si="0"/>
        <v>0.21020099999999964</v>
      </c>
      <c r="E44">
        <f t="shared" si="1"/>
        <v>5.1857549999999719</v>
      </c>
      <c r="F44">
        <f t="shared" si="2"/>
        <v>4.3084101799750626E-2</v>
      </c>
    </row>
    <row r="45" spans="1:6" x14ac:dyDescent="0.2">
      <c r="A45" s="5">
        <v>572.52803800000004</v>
      </c>
      <c r="B45" s="5">
        <v>20.026776999999999</v>
      </c>
      <c r="C45" s="5">
        <v>9.8599040000000002</v>
      </c>
      <c r="D45">
        <f t="shared" si="0"/>
        <v>0.21520600000000023</v>
      </c>
      <c r="E45">
        <f t="shared" si="1"/>
        <v>5.102151000000049</v>
      </c>
      <c r="F45">
        <f t="shared" si="2"/>
        <v>4.1409708395273574E-2</v>
      </c>
    </row>
    <row r="46" spans="1:6" x14ac:dyDescent="0.2">
      <c r="A46" s="5">
        <v>572.09024199999999</v>
      </c>
      <c r="B46" s="5">
        <v>20.056728</v>
      </c>
      <c r="C46" s="5">
        <v>9.8649090000000008</v>
      </c>
      <c r="D46">
        <f t="shared" si="0"/>
        <v>0.22021100000000082</v>
      </c>
      <c r="E46">
        <f t="shared" si="1"/>
        <v>4.6643550000000005</v>
      </c>
      <c r="F46">
        <f t="shared" si="2"/>
        <v>3.7024401554463834E-2</v>
      </c>
    </row>
    <row r="47" spans="1:6" x14ac:dyDescent="0.2">
      <c r="A47" s="5">
        <v>571.49253099999999</v>
      </c>
      <c r="B47" s="5">
        <v>20.041644999999999</v>
      </c>
      <c r="C47" s="5">
        <v>9.8699139999999996</v>
      </c>
      <c r="D47">
        <f t="shared" si="0"/>
        <v>0.22521599999999964</v>
      </c>
      <c r="E47">
        <f t="shared" si="1"/>
        <v>4.0666439999999966</v>
      </c>
      <c r="F47">
        <f t="shared" si="2"/>
        <v>3.1595581710116546E-2</v>
      </c>
    </row>
    <row r="48" spans="1:6" x14ac:dyDescent="0.2">
      <c r="A48" s="5">
        <v>571.32134599999995</v>
      </c>
      <c r="B48" s="5">
        <v>19.988257999999998</v>
      </c>
      <c r="C48" s="5">
        <v>9.8749179999999992</v>
      </c>
      <c r="D48">
        <f t="shared" si="0"/>
        <v>0.2302199999999992</v>
      </c>
      <c r="E48">
        <f t="shared" si="1"/>
        <v>3.8954589999999598</v>
      </c>
      <c r="F48">
        <f t="shared" si="2"/>
        <v>2.9616595745917566E-2</v>
      </c>
    </row>
    <row r="49" spans="1:6" x14ac:dyDescent="0.2">
      <c r="A49" s="5">
        <v>571.87186899999995</v>
      </c>
      <c r="B49" s="5">
        <v>19.942284999999998</v>
      </c>
      <c r="C49" s="5">
        <v>9.8799229999999998</v>
      </c>
      <c r="D49">
        <f t="shared" si="0"/>
        <v>0.2352249999999998</v>
      </c>
      <c r="E49">
        <f t="shared" si="1"/>
        <v>4.4459819999999581</v>
      </c>
      <c r="F49">
        <f t="shared" si="2"/>
        <v>3.3051067356489314E-2</v>
      </c>
    </row>
    <row r="50" spans="1:6" x14ac:dyDescent="0.2">
      <c r="A50" s="5">
        <v>571.95951600000001</v>
      </c>
      <c r="B50" s="5">
        <v>20.002866000000001</v>
      </c>
      <c r="C50" s="5">
        <v>9.8849280000000004</v>
      </c>
      <c r="D50">
        <f t="shared" si="0"/>
        <v>0.24023000000000039</v>
      </c>
      <c r="E50">
        <f t="shared" si="1"/>
        <v>4.533629000000019</v>
      </c>
      <c r="F50">
        <f t="shared" si="2"/>
        <v>3.2995403704407622E-2</v>
      </c>
    </row>
    <row r="51" spans="1:6" x14ac:dyDescent="0.2">
      <c r="A51" s="5">
        <v>571.58484699999997</v>
      </c>
      <c r="B51" s="5">
        <v>20.044032000000001</v>
      </c>
      <c r="C51" s="5">
        <v>9.8899329999999992</v>
      </c>
      <c r="D51">
        <f t="shared" si="0"/>
        <v>0.2452349999999992</v>
      </c>
      <c r="E51">
        <f t="shared" si="1"/>
        <v>4.1589599999999791</v>
      </c>
      <c r="F51">
        <f t="shared" si="2"/>
        <v>2.9670275821813478E-2</v>
      </c>
    </row>
    <row r="52" spans="1:6" x14ac:dyDescent="0.2">
      <c r="A52" s="5">
        <v>572.13261999999997</v>
      </c>
      <c r="B52" s="5">
        <v>19.916796999999999</v>
      </c>
      <c r="C52" s="5">
        <v>9.8949379999999998</v>
      </c>
      <c r="D52">
        <f t="shared" si="0"/>
        <v>0.2502399999999998</v>
      </c>
      <c r="E52">
        <f t="shared" si="1"/>
        <v>4.7067329999999856</v>
      </c>
      <c r="F52">
        <f t="shared" ref="F52:F115" si="3">(1/A52)*(E52/D52)</f>
        <v>3.2875027261231149E-2</v>
      </c>
    </row>
    <row r="53" spans="1:6" x14ac:dyDescent="0.2">
      <c r="A53" s="5">
        <v>572.86196600000005</v>
      </c>
      <c r="B53" s="5">
        <v>19.953258000000002</v>
      </c>
      <c r="C53" s="5">
        <v>9.8999419999999994</v>
      </c>
      <c r="D53">
        <f t="shared" si="0"/>
        <v>0.25524399999999936</v>
      </c>
      <c r="E53">
        <f t="shared" si="1"/>
        <v>5.4360790000000634</v>
      </c>
      <c r="F53">
        <f t="shared" si="3"/>
        <v>3.7177503950040124E-2</v>
      </c>
    </row>
    <row r="54" spans="1:6" x14ac:dyDescent="0.2">
      <c r="A54" s="5">
        <v>572.75009299999999</v>
      </c>
      <c r="B54" s="5">
        <v>20.019224000000001</v>
      </c>
      <c r="C54" s="5">
        <v>9.9049469999999999</v>
      </c>
      <c r="D54">
        <f t="shared" si="0"/>
        <v>0.26024899999999995</v>
      </c>
      <c r="E54">
        <f t="shared" si="1"/>
        <v>5.3242060000000038</v>
      </c>
      <c r="F54">
        <f t="shared" si="3"/>
        <v>3.5719108644094347E-2</v>
      </c>
    </row>
    <row r="55" spans="1:6" x14ac:dyDescent="0.2">
      <c r="A55" s="5">
        <v>572.48157000000003</v>
      </c>
      <c r="B55" s="5">
        <v>20.013832000000001</v>
      </c>
      <c r="C55" s="5">
        <v>9.9099520000000005</v>
      </c>
      <c r="D55">
        <f t="shared" si="0"/>
        <v>0.26525400000000054</v>
      </c>
      <c r="E55">
        <f t="shared" si="1"/>
        <v>5.0556830000000446</v>
      </c>
      <c r="F55">
        <f t="shared" si="3"/>
        <v>3.3293264684248994E-2</v>
      </c>
    </row>
    <row r="56" spans="1:6" x14ac:dyDescent="0.2">
      <c r="A56" s="5">
        <v>572.69584699999996</v>
      </c>
      <c r="B56" s="5">
        <v>19.966090000000001</v>
      </c>
      <c r="C56" s="5">
        <v>9.9149569999999994</v>
      </c>
      <c r="D56">
        <f t="shared" si="0"/>
        <v>0.27025899999999936</v>
      </c>
      <c r="E56">
        <f t="shared" si="1"/>
        <v>5.2699599999999691</v>
      </c>
      <c r="F56">
        <f t="shared" si="3"/>
        <v>3.4048902638604439E-2</v>
      </c>
    </row>
    <row r="57" spans="1:6" x14ac:dyDescent="0.2">
      <c r="A57" s="5">
        <v>573.438447</v>
      </c>
      <c r="B57" s="5">
        <v>19.918562000000001</v>
      </c>
      <c r="C57" s="5">
        <v>9.9199619999999999</v>
      </c>
      <c r="D57">
        <f t="shared" si="0"/>
        <v>0.27526399999999995</v>
      </c>
      <c r="E57">
        <f t="shared" si="1"/>
        <v>6.0125600000000077</v>
      </c>
      <c r="F57">
        <f t="shared" si="3"/>
        <v>3.8091072354438947E-2</v>
      </c>
    </row>
    <row r="58" spans="1:6" x14ac:dyDescent="0.2">
      <c r="A58" s="5">
        <v>573.72288800000001</v>
      </c>
      <c r="B58" s="5">
        <v>20.000737000000001</v>
      </c>
      <c r="C58" s="5">
        <v>9.9249659999999995</v>
      </c>
      <c r="D58">
        <f t="shared" si="0"/>
        <v>0.28026799999999952</v>
      </c>
      <c r="E58">
        <f t="shared" si="1"/>
        <v>6.2970010000000229</v>
      </c>
      <c r="F58">
        <f t="shared" si="3"/>
        <v>3.9161387625089895E-2</v>
      </c>
    </row>
    <row r="59" spans="1:6" x14ac:dyDescent="0.2">
      <c r="A59" s="5">
        <v>573.44338000000005</v>
      </c>
      <c r="B59" s="5">
        <v>20.037822999999999</v>
      </c>
      <c r="C59" s="5">
        <v>9.9299710000000001</v>
      </c>
      <c r="D59">
        <f t="shared" si="0"/>
        <v>0.28527300000000011</v>
      </c>
      <c r="E59">
        <f t="shared" si="1"/>
        <v>6.0174930000000586</v>
      </c>
      <c r="F59">
        <f t="shared" si="3"/>
        <v>3.6784459664770897E-2</v>
      </c>
    </row>
    <row r="60" spans="1:6" x14ac:dyDescent="0.2">
      <c r="A60" s="5">
        <v>573.19772399999999</v>
      </c>
      <c r="B60" s="5">
        <v>20.002008</v>
      </c>
      <c r="C60" s="5">
        <v>9.9349760000000007</v>
      </c>
      <c r="D60">
        <f t="shared" si="0"/>
        <v>0.2902780000000007</v>
      </c>
      <c r="E60">
        <f t="shared" si="1"/>
        <v>5.771837000000005</v>
      </c>
      <c r="F60">
        <f t="shared" si="3"/>
        <v>3.4689295383015128E-2</v>
      </c>
    </row>
    <row r="61" spans="1:6" x14ac:dyDescent="0.2">
      <c r="A61" s="5">
        <v>573.83140900000001</v>
      </c>
      <c r="B61" s="5">
        <v>19.927412</v>
      </c>
      <c r="C61" s="5">
        <v>9.9399809999999995</v>
      </c>
      <c r="D61">
        <f t="shared" si="0"/>
        <v>0.29528299999999952</v>
      </c>
      <c r="E61">
        <f t="shared" si="1"/>
        <v>6.405522000000019</v>
      </c>
      <c r="F61">
        <f t="shared" si="3"/>
        <v>3.7803478782300684E-2</v>
      </c>
    </row>
    <row r="62" spans="1:6" x14ac:dyDescent="0.2">
      <c r="A62" s="5">
        <v>573.94145700000001</v>
      </c>
      <c r="B62" s="5">
        <v>20.005831000000001</v>
      </c>
      <c r="C62" s="5">
        <v>9.9449860000000001</v>
      </c>
      <c r="D62">
        <f t="shared" si="0"/>
        <v>0.30028800000000011</v>
      </c>
      <c r="E62">
        <f t="shared" si="1"/>
        <v>6.5155700000000252</v>
      </c>
      <c r="F62">
        <f t="shared" si="3"/>
        <v>3.7804791019480255E-2</v>
      </c>
    </row>
    <row r="63" spans="1:6" x14ac:dyDescent="0.2">
      <c r="A63" s="5">
        <v>573.41695200000004</v>
      </c>
      <c r="B63" s="5">
        <v>20.065837999999999</v>
      </c>
      <c r="C63" s="5">
        <v>9.9499899999999997</v>
      </c>
      <c r="D63">
        <f t="shared" si="0"/>
        <v>0.30529199999999967</v>
      </c>
      <c r="E63">
        <f t="shared" si="1"/>
        <v>5.9910650000000487</v>
      </c>
      <c r="F63">
        <f t="shared" si="3"/>
        <v>3.42230001808074E-2</v>
      </c>
    </row>
    <row r="64" spans="1:6" x14ac:dyDescent="0.2">
      <c r="A64" s="5">
        <v>573.09371699999997</v>
      </c>
      <c r="B64" s="5">
        <v>20.010764999999999</v>
      </c>
      <c r="C64" s="5">
        <v>9.9549950000000003</v>
      </c>
      <c r="D64">
        <f t="shared" si="0"/>
        <v>0.31029700000000027</v>
      </c>
      <c r="E64">
        <f t="shared" si="1"/>
        <v>5.6678299999999808</v>
      </c>
      <c r="F64">
        <f t="shared" si="3"/>
        <v>3.1872313728430107E-2</v>
      </c>
    </row>
    <row r="65" spans="1:6" x14ac:dyDescent="0.2">
      <c r="A65" s="5">
        <v>573.07272799999998</v>
      </c>
      <c r="B65" s="5">
        <v>20.011337999999999</v>
      </c>
      <c r="C65" s="5">
        <v>9.9600000000000009</v>
      </c>
      <c r="D65">
        <f t="shared" si="0"/>
        <v>0.31530200000000086</v>
      </c>
      <c r="E65">
        <f t="shared" si="1"/>
        <v>5.6468409999999949</v>
      </c>
      <c r="F65">
        <f t="shared" si="3"/>
        <v>3.1251372287001859E-2</v>
      </c>
    </row>
    <row r="66" spans="1:6" x14ac:dyDescent="0.2">
      <c r="A66" s="5">
        <v>573.02705100000003</v>
      </c>
      <c r="B66" s="5">
        <v>20.003132000000001</v>
      </c>
      <c r="C66" s="5">
        <v>9.9650049999999997</v>
      </c>
      <c r="D66">
        <f t="shared" si="0"/>
        <v>0.32030699999999968</v>
      </c>
      <c r="E66">
        <f t="shared" si="1"/>
        <v>5.6011640000000398</v>
      </c>
      <c r="F66">
        <f t="shared" si="3"/>
        <v>3.0516641425864053E-2</v>
      </c>
    </row>
    <row r="67" spans="1:6" x14ac:dyDescent="0.2">
      <c r="A67" s="5">
        <v>572.36623299999997</v>
      </c>
      <c r="B67" s="5">
        <v>20.067174999999999</v>
      </c>
      <c r="C67" s="5">
        <v>9.9700100000000003</v>
      </c>
      <c r="D67">
        <f t="shared" ref="D67:D130" si="4">C67-$C$2</f>
        <v>0.32531200000000027</v>
      </c>
      <c r="E67">
        <f t="shared" ref="E67:E130" si="5">A67-$A$2</f>
        <v>4.9403459999999768</v>
      </c>
      <c r="F67">
        <f t="shared" si="3"/>
        <v>2.6532811884482504E-2</v>
      </c>
    </row>
    <row r="68" spans="1:6" x14ac:dyDescent="0.2">
      <c r="A68" s="5">
        <v>572.27407600000004</v>
      </c>
      <c r="B68" s="5">
        <v>19.984994</v>
      </c>
      <c r="C68" s="5">
        <v>9.9750139999999998</v>
      </c>
      <c r="D68">
        <f t="shared" si="4"/>
        <v>0.33031599999999983</v>
      </c>
      <c r="E68">
        <f t="shared" si="5"/>
        <v>4.8481890000000476</v>
      </c>
      <c r="F68">
        <f t="shared" si="3"/>
        <v>2.5647548413212252E-2</v>
      </c>
    </row>
    <row r="69" spans="1:6" x14ac:dyDescent="0.2">
      <c r="A69" s="5">
        <v>572.64548600000001</v>
      </c>
      <c r="B69" s="5">
        <v>19.952801999999998</v>
      </c>
      <c r="C69" s="5">
        <v>9.9800190000000004</v>
      </c>
      <c r="D69">
        <f t="shared" si="4"/>
        <v>0.33532100000000042</v>
      </c>
      <c r="E69">
        <f t="shared" si="5"/>
        <v>5.2195990000000165</v>
      </c>
      <c r="F69">
        <f t="shared" si="3"/>
        <v>2.718257186904615E-2</v>
      </c>
    </row>
    <row r="70" spans="1:6" x14ac:dyDescent="0.2">
      <c r="A70" s="5">
        <v>573.23217499999998</v>
      </c>
      <c r="B70" s="5">
        <v>19.971793999999999</v>
      </c>
      <c r="C70" s="5">
        <v>9.9850239999999992</v>
      </c>
      <c r="D70">
        <f t="shared" si="4"/>
        <v>0.34032599999999924</v>
      </c>
      <c r="E70">
        <f t="shared" si="5"/>
        <v>5.806287999999995</v>
      </c>
      <c r="F70">
        <f t="shared" si="3"/>
        <v>2.9762738279555789E-2</v>
      </c>
    </row>
    <row r="71" spans="1:6" x14ac:dyDescent="0.2">
      <c r="A71" s="5">
        <v>572.80696699999999</v>
      </c>
      <c r="B71" s="5">
        <v>20.046709</v>
      </c>
      <c r="C71" s="5">
        <v>9.9900289999999998</v>
      </c>
      <c r="D71">
        <f t="shared" si="4"/>
        <v>0.34533099999999983</v>
      </c>
      <c r="E71">
        <f t="shared" si="5"/>
        <v>5.3810799999999972</v>
      </c>
      <c r="F71">
        <f t="shared" si="3"/>
        <v>2.720355054384577E-2</v>
      </c>
    </row>
    <row r="72" spans="1:6" x14ac:dyDescent="0.2">
      <c r="A72" s="5">
        <v>572.12359500000002</v>
      </c>
      <c r="B72" s="5">
        <v>20.055513999999999</v>
      </c>
      <c r="C72" s="5">
        <v>9.9950340000000004</v>
      </c>
      <c r="D72">
        <f t="shared" si="4"/>
        <v>0.35033600000000042</v>
      </c>
      <c r="E72">
        <f t="shared" si="5"/>
        <v>4.6977080000000342</v>
      </c>
      <c r="F72">
        <f t="shared" si="3"/>
        <v>2.3437505794657514E-2</v>
      </c>
    </row>
    <row r="73" spans="1:6" x14ac:dyDescent="0.2">
      <c r="A73" s="5">
        <v>572.504728</v>
      </c>
      <c r="B73" s="5">
        <v>19.934456000000001</v>
      </c>
      <c r="C73" s="5">
        <v>10.000038</v>
      </c>
      <c r="D73">
        <f t="shared" si="4"/>
        <v>0.35533999999999999</v>
      </c>
      <c r="E73">
        <f t="shared" si="5"/>
        <v>5.0788410000000113</v>
      </c>
      <c r="F73">
        <f t="shared" si="3"/>
        <v>2.4965567422162025E-2</v>
      </c>
    </row>
    <row r="74" spans="1:6" x14ac:dyDescent="0.2">
      <c r="A74" s="5">
        <v>573.24468300000001</v>
      </c>
      <c r="B74" s="5">
        <v>19.941116000000001</v>
      </c>
      <c r="C74" s="5">
        <v>10.005043000000001</v>
      </c>
      <c r="D74">
        <f t="shared" si="4"/>
        <v>0.36034500000000058</v>
      </c>
      <c r="E74">
        <f t="shared" si="5"/>
        <v>5.8187960000000203</v>
      </c>
      <c r="F74">
        <f t="shared" si="3"/>
        <v>2.8169205368777955E-2</v>
      </c>
    </row>
    <row r="75" spans="1:6" x14ac:dyDescent="0.2">
      <c r="A75" s="5">
        <v>573.21534099999997</v>
      </c>
      <c r="B75" s="5">
        <v>20.014175000000002</v>
      </c>
      <c r="C75" s="5">
        <v>10.010047999999999</v>
      </c>
      <c r="D75">
        <f t="shared" si="4"/>
        <v>0.3653499999999994</v>
      </c>
      <c r="E75">
        <f t="shared" si="5"/>
        <v>5.7894539999999779</v>
      </c>
      <c r="F75">
        <f t="shared" si="3"/>
        <v>2.7644624229022786E-2</v>
      </c>
    </row>
    <row r="76" spans="1:6" x14ac:dyDescent="0.2">
      <c r="A76" s="5">
        <v>572.72328800000003</v>
      </c>
      <c r="B76" s="5">
        <v>20.049278999999999</v>
      </c>
      <c r="C76" s="5">
        <v>10.015053</v>
      </c>
      <c r="D76">
        <f t="shared" si="4"/>
        <v>0.37035499999999999</v>
      </c>
      <c r="E76">
        <f t="shared" si="5"/>
        <v>5.2974010000000362</v>
      </c>
      <c r="F76">
        <f t="shared" si="3"/>
        <v>2.4974672059112222E-2</v>
      </c>
    </row>
    <row r="77" spans="1:6" x14ac:dyDescent="0.2">
      <c r="A77" s="5">
        <v>572.68226400000003</v>
      </c>
      <c r="B77" s="5">
        <v>19.990776</v>
      </c>
      <c r="C77" s="5">
        <v>10.020058000000001</v>
      </c>
      <c r="D77">
        <f t="shared" si="4"/>
        <v>0.37536000000000058</v>
      </c>
      <c r="E77">
        <f t="shared" si="5"/>
        <v>5.2563770000000432</v>
      </c>
      <c r="F77">
        <f t="shared" si="3"/>
        <v>2.445258530635425E-2</v>
      </c>
    </row>
    <row r="78" spans="1:6" x14ac:dyDescent="0.2">
      <c r="A78" s="5">
        <v>573.19399399999998</v>
      </c>
      <c r="B78" s="5">
        <v>19.946529000000002</v>
      </c>
      <c r="C78" s="5">
        <v>10.025062</v>
      </c>
      <c r="D78">
        <f t="shared" si="4"/>
        <v>0.38036400000000015</v>
      </c>
      <c r="E78">
        <f t="shared" si="5"/>
        <v>5.7681069999999863</v>
      </c>
      <c r="F78">
        <f t="shared" si="3"/>
        <v>2.6456492770596484E-2</v>
      </c>
    </row>
    <row r="79" spans="1:6" x14ac:dyDescent="0.2">
      <c r="A79" s="5">
        <v>573.38306399999999</v>
      </c>
      <c r="B79" s="5">
        <v>19.998942</v>
      </c>
      <c r="C79" s="5">
        <v>10.030067000000001</v>
      </c>
      <c r="D79">
        <f t="shared" si="4"/>
        <v>0.38536900000000074</v>
      </c>
      <c r="E79">
        <f t="shared" si="5"/>
        <v>5.9571770000000015</v>
      </c>
      <c r="F79">
        <f t="shared" si="3"/>
        <v>2.6959936625770071E-2</v>
      </c>
    </row>
    <row r="80" spans="1:6" x14ac:dyDescent="0.2">
      <c r="A80" s="5">
        <v>573.19933300000002</v>
      </c>
      <c r="B80" s="5">
        <v>20.002099999999999</v>
      </c>
      <c r="C80" s="5">
        <v>10.035072</v>
      </c>
      <c r="D80">
        <f t="shared" si="4"/>
        <v>0.39037399999999955</v>
      </c>
      <c r="E80">
        <f t="shared" si="5"/>
        <v>5.7734460000000354</v>
      </c>
      <c r="F80">
        <f t="shared" si="3"/>
        <v>2.5801713410456565E-2</v>
      </c>
    </row>
    <row r="81" spans="1:6" x14ac:dyDescent="0.2">
      <c r="A81" s="5">
        <v>573.56239100000005</v>
      </c>
      <c r="B81" s="5">
        <v>19.943939</v>
      </c>
      <c r="C81" s="5">
        <v>10.040077</v>
      </c>
      <c r="D81">
        <f t="shared" si="4"/>
        <v>0.39537900000000015</v>
      </c>
      <c r="E81">
        <f t="shared" si="5"/>
        <v>6.136504000000059</v>
      </c>
      <c r="F81">
        <f t="shared" si="3"/>
        <v>2.7059935462603022E-2</v>
      </c>
    </row>
    <row r="82" spans="1:6" x14ac:dyDescent="0.2">
      <c r="A82" s="5">
        <v>574.095686</v>
      </c>
      <c r="B82" s="5">
        <v>19.976683999999999</v>
      </c>
      <c r="C82" s="5">
        <v>10.045082000000001</v>
      </c>
      <c r="D82">
        <f t="shared" si="4"/>
        <v>0.40038400000000074</v>
      </c>
      <c r="E82">
        <f t="shared" si="5"/>
        <v>6.6697990000000118</v>
      </c>
      <c r="F82">
        <f t="shared" si="3"/>
        <v>2.9016949162161992E-2</v>
      </c>
    </row>
    <row r="83" spans="1:6" x14ac:dyDescent="0.2">
      <c r="A83" s="5">
        <v>573.81593899999996</v>
      </c>
      <c r="B83" s="5">
        <v>20.030564999999999</v>
      </c>
      <c r="C83" s="5">
        <v>10.050086</v>
      </c>
      <c r="D83">
        <f t="shared" si="4"/>
        <v>0.4053880000000003</v>
      </c>
      <c r="E83">
        <f t="shared" si="5"/>
        <v>6.3900519999999688</v>
      </c>
      <c r="F83">
        <f t="shared" si="3"/>
        <v>2.7470141460167102E-2</v>
      </c>
    </row>
    <row r="84" spans="1:6" x14ac:dyDescent="0.2">
      <c r="A84" s="5">
        <v>573.30520100000001</v>
      </c>
      <c r="B84" s="5">
        <v>20.057293000000001</v>
      </c>
      <c r="C84" s="5">
        <v>10.055090999999999</v>
      </c>
      <c r="D84">
        <f t="shared" si="4"/>
        <v>0.41039299999999912</v>
      </c>
      <c r="E84">
        <f t="shared" si="5"/>
        <v>5.8793140000000221</v>
      </c>
      <c r="F84">
        <f t="shared" si="3"/>
        <v>2.498853693985667E-2</v>
      </c>
    </row>
    <row r="85" spans="1:6" x14ac:dyDescent="0.2">
      <c r="A85" s="5">
        <v>572.92468399999996</v>
      </c>
      <c r="B85" s="5">
        <v>20.015827000000002</v>
      </c>
      <c r="C85" s="5">
        <v>10.060096</v>
      </c>
      <c r="D85">
        <f t="shared" si="4"/>
        <v>0.41539799999999971</v>
      </c>
      <c r="E85">
        <f t="shared" si="5"/>
        <v>5.4987969999999677</v>
      </c>
      <c r="F85">
        <f t="shared" si="3"/>
        <v>2.3104988247638843E-2</v>
      </c>
    </row>
    <row r="86" spans="1:6" x14ac:dyDescent="0.2">
      <c r="A86" s="5">
        <v>572.93972599999995</v>
      </c>
      <c r="B86" s="5">
        <v>19.997329000000001</v>
      </c>
      <c r="C86" s="5">
        <v>10.065101</v>
      </c>
      <c r="D86">
        <f t="shared" si="4"/>
        <v>0.4204030000000003</v>
      </c>
      <c r="E86">
        <f t="shared" si="5"/>
        <v>5.5138389999999617</v>
      </c>
      <c r="F86">
        <f t="shared" si="3"/>
        <v>2.2891768132580724E-2</v>
      </c>
    </row>
    <row r="87" spans="1:6" x14ac:dyDescent="0.2">
      <c r="A87" s="5">
        <v>572.63779499999998</v>
      </c>
      <c r="B87" s="5">
        <v>20.044985</v>
      </c>
      <c r="C87" s="5">
        <v>10.070105999999999</v>
      </c>
      <c r="D87">
        <f t="shared" si="4"/>
        <v>0.42540799999999912</v>
      </c>
      <c r="E87">
        <f t="shared" si="5"/>
        <v>5.211907999999994</v>
      </c>
      <c r="F87">
        <f t="shared" si="3"/>
        <v>2.1394940324857128E-2</v>
      </c>
    </row>
    <row r="88" spans="1:6" x14ac:dyDescent="0.2">
      <c r="A88" s="5">
        <v>572.012653</v>
      </c>
      <c r="B88" s="5">
        <v>20.054607000000001</v>
      </c>
      <c r="C88" s="5">
        <v>10.07511</v>
      </c>
      <c r="D88">
        <f t="shared" si="4"/>
        <v>0.43041200000000046</v>
      </c>
      <c r="E88">
        <f t="shared" si="5"/>
        <v>4.5867660000000114</v>
      </c>
      <c r="F88">
        <f t="shared" si="3"/>
        <v>1.8630159709448285E-2</v>
      </c>
    </row>
    <row r="89" spans="1:6" x14ac:dyDescent="0.2">
      <c r="A89" s="5">
        <v>571.99694</v>
      </c>
      <c r="B89" s="5">
        <v>19.99277</v>
      </c>
      <c r="C89" s="5">
        <v>10.080114999999999</v>
      </c>
      <c r="D89">
        <f t="shared" si="4"/>
        <v>0.43541699999999928</v>
      </c>
      <c r="E89">
        <f t="shared" si="5"/>
        <v>4.5710530000000063</v>
      </c>
      <c r="F89">
        <f t="shared" si="3"/>
        <v>1.8353427059039796E-2</v>
      </c>
    </row>
    <row r="90" spans="1:6" x14ac:dyDescent="0.2">
      <c r="A90" s="5">
        <v>572.24485000000004</v>
      </c>
      <c r="B90" s="5">
        <v>19.978926000000001</v>
      </c>
      <c r="C90" s="5">
        <v>10.08512</v>
      </c>
      <c r="D90">
        <f t="shared" si="4"/>
        <v>0.44042199999999987</v>
      </c>
      <c r="E90">
        <f t="shared" si="5"/>
        <v>4.8189630000000534</v>
      </c>
      <c r="F90">
        <f t="shared" si="3"/>
        <v>1.9120651861846357E-2</v>
      </c>
    </row>
    <row r="91" spans="1:6" x14ac:dyDescent="0.2">
      <c r="A91" s="5">
        <v>571.79419399999995</v>
      </c>
      <c r="B91" s="5">
        <v>20.053242000000001</v>
      </c>
      <c r="C91" s="5">
        <v>10.090125</v>
      </c>
      <c r="D91">
        <f t="shared" si="4"/>
        <v>0.44542700000000046</v>
      </c>
      <c r="E91">
        <f t="shared" si="5"/>
        <v>4.3683069999999589</v>
      </c>
      <c r="F91">
        <f t="shared" si="3"/>
        <v>1.7151293255099329E-2</v>
      </c>
    </row>
    <row r="92" spans="1:6" x14ac:dyDescent="0.2">
      <c r="A92" s="5">
        <v>571.26174100000003</v>
      </c>
      <c r="B92" s="5">
        <v>20.043565999999998</v>
      </c>
      <c r="C92" s="5">
        <v>10.095129999999999</v>
      </c>
      <c r="D92">
        <f t="shared" si="4"/>
        <v>0.45043199999999928</v>
      </c>
      <c r="E92">
        <f t="shared" si="5"/>
        <v>3.8358540000000403</v>
      </c>
      <c r="F92">
        <f t="shared" si="3"/>
        <v>1.4907255434588491E-2</v>
      </c>
    </row>
    <row r="93" spans="1:6" x14ac:dyDescent="0.2">
      <c r="A93" s="5">
        <v>571.31485299999997</v>
      </c>
      <c r="B93" s="5">
        <v>19.97766</v>
      </c>
      <c r="C93" s="5">
        <v>10.100134000000001</v>
      </c>
      <c r="D93">
        <f t="shared" si="4"/>
        <v>0.45543600000000062</v>
      </c>
      <c r="E93">
        <f t="shared" si="5"/>
        <v>3.8889659999999822</v>
      </c>
      <c r="F93">
        <f t="shared" si="3"/>
        <v>1.4946216705170766E-2</v>
      </c>
    </row>
    <row r="94" spans="1:6" x14ac:dyDescent="0.2">
      <c r="A94" s="5">
        <v>571.72308099999998</v>
      </c>
      <c r="B94" s="5">
        <v>19.966163000000002</v>
      </c>
      <c r="C94" s="5">
        <v>10.105138999999999</v>
      </c>
      <c r="D94">
        <f t="shared" si="4"/>
        <v>0.46044099999999943</v>
      </c>
      <c r="E94">
        <f t="shared" si="5"/>
        <v>4.2971939999999904</v>
      </c>
      <c r="F94">
        <f t="shared" si="3"/>
        <v>1.6323949657903417E-2</v>
      </c>
    </row>
    <row r="95" spans="1:6" x14ac:dyDescent="0.2">
      <c r="A95" s="5">
        <v>571.85605799999996</v>
      </c>
      <c r="B95" s="5">
        <v>19.989612000000001</v>
      </c>
      <c r="C95" s="5">
        <v>10.110144</v>
      </c>
      <c r="D95">
        <f t="shared" si="4"/>
        <v>0.46544600000000003</v>
      </c>
      <c r="E95">
        <f t="shared" si="5"/>
        <v>4.430170999999973</v>
      </c>
      <c r="F95">
        <f t="shared" si="3"/>
        <v>1.66442588504527E-2</v>
      </c>
    </row>
    <row r="96" spans="1:6" x14ac:dyDescent="0.2">
      <c r="A96" s="5">
        <v>571.80099800000005</v>
      </c>
      <c r="B96" s="5">
        <v>19.993266999999999</v>
      </c>
      <c r="C96" s="5">
        <v>10.115149000000001</v>
      </c>
      <c r="D96">
        <f t="shared" si="4"/>
        <v>0.47045100000000062</v>
      </c>
      <c r="E96">
        <f t="shared" si="5"/>
        <v>4.3751110000000608</v>
      </c>
      <c r="F96">
        <f t="shared" si="3"/>
        <v>1.6264090073980227E-2</v>
      </c>
    </row>
    <row r="97" spans="1:6" x14ac:dyDescent="0.2">
      <c r="A97" s="5">
        <v>572.227979</v>
      </c>
      <c r="B97" s="5">
        <v>19.942910999999999</v>
      </c>
      <c r="C97" s="5">
        <v>10.120153999999999</v>
      </c>
      <c r="D97">
        <f t="shared" si="4"/>
        <v>0.47545599999999943</v>
      </c>
      <c r="E97">
        <f t="shared" si="5"/>
        <v>4.802092000000016</v>
      </c>
      <c r="F97">
        <f t="shared" si="3"/>
        <v>1.765025788066377E-2</v>
      </c>
    </row>
    <row r="98" spans="1:6" x14ac:dyDescent="0.2">
      <c r="A98" s="5">
        <v>573.06067700000006</v>
      </c>
      <c r="B98" s="5">
        <v>19.92821</v>
      </c>
      <c r="C98" s="5">
        <v>10.125158000000001</v>
      </c>
      <c r="D98">
        <f t="shared" si="4"/>
        <v>0.48046000000000078</v>
      </c>
      <c r="E98">
        <f t="shared" si="5"/>
        <v>5.6347900000000664</v>
      </c>
      <c r="F98">
        <f t="shared" si="3"/>
        <v>2.0465383615073097E-2</v>
      </c>
    </row>
    <row r="99" spans="1:6" x14ac:dyDescent="0.2">
      <c r="A99" s="5">
        <v>572.99405899999999</v>
      </c>
      <c r="B99" s="5">
        <v>20.046174000000001</v>
      </c>
      <c r="C99" s="5">
        <v>10.130163</v>
      </c>
      <c r="D99">
        <f t="shared" si="4"/>
        <v>0.48546499999999959</v>
      </c>
      <c r="E99">
        <f t="shared" si="5"/>
        <v>5.5681720000000041</v>
      </c>
      <c r="F99">
        <f t="shared" si="3"/>
        <v>2.0017258538982972E-2</v>
      </c>
    </row>
    <row r="100" spans="1:6" x14ac:dyDescent="0.2">
      <c r="A100" s="5">
        <v>572.04628200000002</v>
      </c>
      <c r="B100" s="5">
        <v>20.083114999999999</v>
      </c>
      <c r="C100" s="5">
        <v>10.135168</v>
      </c>
      <c r="D100">
        <f t="shared" si="4"/>
        <v>0.49047000000000018</v>
      </c>
      <c r="E100">
        <f t="shared" si="5"/>
        <v>4.6203950000000304</v>
      </c>
      <c r="F100">
        <f t="shared" si="3"/>
        <v>1.6467796416952861E-2</v>
      </c>
    </row>
    <row r="101" spans="1:6" x14ac:dyDescent="0.2">
      <c r="A101" s="5">
        <v>572.12231199999997</v>
      </c>
      <c r="B101" s="5">
        <v>19.946597000000001</v>
      </c>
      <c r="C101" s="5">
        <v>10.140173000000001</v>
      </c>
      <c r="D101">
        <f t="shared" si="4"/>
        <v>0.49547500000000078</v>
      </c>
      <c r="E101">
        <f t="shared" si="5"/>
        <v>4.6964249999999765</v>
      </c>
      <c r="F101">
        <f t="shared" si="3"/>
        <v>1.6567491631275303E-2</v>
      </c>
    </row>
    <row r="102" spans="1:6" x14ac:dyDescent="0.2">
      <c r="A102" s="5">
        <v>573.47109799999998</v>
      </c>
      <c r="B102" s="5">
        <v>19.864577000000001</v>
      </c>
      <c r="C102" s="5">
        <v>10.145178</v>
      </c>
      <c r="D102">
        <f t="shared" si="4"/>
        <v>0.50047999999999959</v>
      </c>
      <c r="E102">
        <f t="shared" si="5"/>
        <v>6.0452109999999948</v>
      </c>
      <c r="F102">
        <f t="shared" si="3"/>
        <v>2.1062659249701788E-2</v>
      </c>
    </row>
    <row r="103" spans="1:6" x14ac:dyDescent="0.2">
      <c r="A103" s="5">
        <v>573.80151699999999</v>
      </c>
      <c r="B103" s="5">
        <v>20.004525000000001</v>
      </c>
      <c r="C103" s="5">
        <v>10.150181999999999</v>
      </c>
      <c r="D103">
        <f t="shared" si="4"/>
        <v>0.50548399999999916</v>
      </c>
      <c r="E103">
        <f t="shared" si="5"/>
        <v>6.375630000000001</v>
      </c>
      <c r="F103">
        <f t="shared" si="3"/>
        <v>2.1981331703655432E-2</v>
      </c>
    </row>
    <row r="104" spans="1:6" x14ac:dyDescent="0.2">
      <c r="A104" s="5">
        <v>573.35168599999997</v>
      </c>
      <c r="B104" s="5">
        <v>20.044454999999999</v>
      </c>
      <c r="C104" s="5">
        <v>10.155187</v>
      </c>
      <c r="D104">
        <f t="shared" si="4"/>
        <v>0.51048899999999975</v>
      </c>
      <c r="E104">
        <f t="shared" si="5"/>
        <v>5.9257989999999836</v>
      </c>
      <c r="F104">
        <f t="shared" si="3"/>
        <v>2.0246009395675217E-2</v>
      </c>
    </row>
    <row r="105" spans="1:6" x14ac:dyDescent="0.2">
      <c r="A105" s="5">
        <v>573.31629499999997</v>
      </c>
      <c r="B105" s="5">
        <v>19.977591</v>
      </c>
      <c r="C105" s="5">
        <v>10.160192</v>
      </c>
      <c r="D105">
        <f t="shared" si="4"/>
        <v>0.51549400000000034</v>
      </c>
      <c r="E105">
        <f t="shared" si="5"/>
        <v>5.8904079999999794</v>
      </c>
      <c r="F105">
        <f t="shared" si="3"/>
        <v>1.9930926010657012E-2</v>
      </c>
    </row>
    <row r="106" spans="1:6" x14ac:dyDescent="0.2">
      <c r="A106" s="5">
        <v>573.99068899999997</v>
      </c>
      <c r="B106" s="5">
        <v>19.922594</v>
      </c>
      <c r="C106" s="5">
        <v>10.165196999999999</v>
      </c>
      <c r="D106">
        <f t="shared" si="4"/>
        <v>0.52049899999999916</v>
      </c>
      <c r="E106">
        <f t="shared" si="5"/>
        <v>6.564801999999986</v>
      </c>
      <c r="F106">
        <f t="shared" si="3"/>
        <v>2.197338094157357E-2</v>
      </c>
    </row>
    <row r="107" spans="1:6" x14ac:dyDescent="0.2">
      <c r="A107" s="5">
        <v>574.17255599999999</v>
      </c>
      <c r="B107" s="5">
        <v>20.020555999999999</v>
      </c>
      <c r="C107" s="5">
        <v>10.170202</v>
      </c>
      <c r="D107">
        <f t="shared" si="4"/>
        <v>0.52550399999999975</v>
      </c>
      <c r="E107">
        <f t="shared" si="5"/>
        <v>6.7466689999999971</v>
      </c>
      <c r="F107">
        <f t="shared" si="3"/>
        <v>2.2359956126157189E-2</v>
      </c>
    </row>
    <row r="108" spans="1:6" x14ac:dyDescent="0.2">
      <c r="A108" s="5">
        <v>573.06769099999997</v>
      </c>
      <c r="B108" s="5">
        <v>20.141774000000002</v>
      </c>
      <c r="C108" s="5">
        <v>10.175205999999999</v>
      </c>
      <c r="D108">
        <f t="shared" si="4"/>
        <v>0.53050799999999931</v>
      </c>
      <c r="E108">
        <f t="shared" si="5"/>
        <v>5.6418039999999792</v>
      </c>
      <c r="F108">
        <f t="shared" si="3"/>
        <v>1.8557528361554262E-2</v>
      </c>
    </row>
    <row r="109" spans="1:6" x14ac:dyDescent="0.2">
      <c r="A109" s="5">
        <v>571.83387000000005</v>
      </c>
      <c r="B109" s="5">
        <v>20.081122000000001</v>
      </c>
      <c r="C109" s="5">
        <v>10.180211</v>
      </c>
      <c r="D109">
        <f t="shared" si="4"/>
        <v>0.53551299999999991</v>
      </c>
      <c r="E109">
        <f t="shared" si="5"/>
        <v>4.4079830000000584</v>
      </c>
      <c r="F109">
        <f t="shared" si="3"/>
        <v>1.4394613801967538E-2</v>
      </c>
    </row>
    <row r="110" spans="1:6" x14ac:dyDescent="0.2">
      <c r="A110" s="5">
        <v>572.26731800000005</v>
      </c>
      <c r="B110" s="5">
        <v>19.924617999999999</v>
      </c>
      <c r="C110" s="5">
        <v>10.185216</v>
      </c>
      <c r="D110">
        <f t="shared" si="4"/>
        <v>0.5405180000000005</v>
      </c>
      <c r="E110">
        <f t="shared" si="5"/>
        <v>4.8414310000000569</v>
      </c>
      <c r="F110">
        <f t="shared" si="3"/>
        <v>1.5651812668725326E-2</v>
      </c>
    </row>
    <row r="111" spans="1:6" x14ac:dyDescent="0.2">
      <c r="A111" s="5">
        <v>572.65884300000005</v>
      </c>
      <c r="B111" s="5">
        <v>19.998491999999999</v>
      </c>
      <c r="C111" s="5">
        <v>10.190220999999999</v>
      </c>
      <c r="D111">
        <f t="shared" si="4"/>
        <v>0.54552299999999931</v>
      </c>
      <c r="E111">
        <f t="shared" si="5"/>
        <v>5.2329560000000583</v>
      </c>
      <c r="F111">
        <f t="shared" si="3"/>
        <v>1.6750896138335122E-2</v>
      </c>
    </row>
    <row r="112" spans="1:6" x14ac:dyDescent="0.2">
      <c r="A112" s="5">
        <v>571.52175299999999</v>
      </c>
      <c r="B112" s="5">
        <v>20.132484000000002</v>
      </c>
      <c r="C112" s="5">
        <v>10.195226</v>
      </c>
      <c r="D112">
        <f t="shared" si="4"/>
        <v>0.55052799999999991</v>
      </c>
      <c r="E112">
        <f t="shared" si="5"/>
        <v>4.0958660000000009</v>
      </c>
      <c r="F112">
        <f t="shared" si="3"/>
        <v>1.301767913562075E-2</v>
      </c>
    </row>
    <row r="113" spans="1:6" x14ac:dyDescent="0.2">
      <c r="A113" s="5">
        <v>570.41450899999995</v>
      </c>
      <c r="B113" s="5">
        <v>20.082850000000001</v>
      </c>
      <c r="C113" s="5">
        <v>10.200229999999999</v>
      </c>
      <c r="D113">
        <f t="shared" si="4"/>
        <v>0.55553199999999947</v>
      </c>
      <c r="E113">
        <f t="shared" si="5"/>
        <v>2.9886219999999639</v>
      </c>
      <c r="F113">
        <f t="shared" si="3"/>
        <v>9.4312953412313636E-3</v>
      </c>
    </row>
    <row r="114" spans="1:6" x14ac:dyDescent="0.2">
      <c r="A114" s="5">
        <v>571.01252099999999</v>
      </c>
      <c r="B114" s="5">
        <v>19.884129000000001</v>
      </c>
      <c r="C114" s="5">
        <v>10.205235</v>
      </c>
      <c r="D114">
        <f t="shared" si="4"/>
        <v>0.56053700000000006</v>
      </c>
      <c r="E114">
        <f t="shared" si="5"/>
        <v>3.5866340000000037</v>
      </c>
      <c r="F114">
        <f t="shared" si="3"/>
        <v>1.1205652357222247E-2</v>
      </c>
    </row>
    <row r="115" spans="1:6" x14ac:dyDescent="0.2">
      <c r="A115" s="5">
        <v>572.44706599999995</v>
      </c>
      <c r="B115" s="5">
        <v>19.8766</v>
      </c>
      <c r="C115" s="5">
        <v>10.210240000000001</v>
      </c>
      <c r="D115">
        <f t="shared" si="4"/>
        <v>0.56554200000000066</v>
      </c>
      <c r="E115">
        <f t="shared" si="5"/>
        <v>5.021178999999961</v>
      </c>
      <c r="F115">
        <f t="shared" si="3"/>
        <v>1.5509775325136678E-2</v>
      </c>
    </row>
    <row r="116" spans="1:6" x14ac:dyDescent="0.2">
      <c r="A116" s="5">
        <v>572.71855800000003</v>
      </c>
      <c r="B116" s="5">
        <v>20.019079999999999</v>
      </c>
      <c r="C116" s="5">
        <v>10.215244999999999</v>
      </c>
      <c r="D116">
        <f t="shared" si="4"/>
        <v>0.57054699999999947</v>
      </c>
      <c r="E116">
        <f t="shared" si="5"/>
        <v>5.2926710000000412</v>
      </c>
      <c r="F116">
        <f t="shared" ref="F116:F179" si="6">(1/A116)*(E116/D116)</f>
        <v>1.6197284719520789E-2</v>
      </c>
    </row>
    <row r="117" spans="1:6" x14ac:dyDescent="0.2">
      <c r="A117" s="5">
        <v>572.10651800000005</v>
      </c>
      <c r="B117" s="5">
        <v>20.045279000000001</v>
      </c>
      <c r="C117" s="5">
        <v>10.22025</v>
      </c>
      <c r="D117">
        <f t="shared" si="4"/>
        <v>0.57555200000000006</v>
      </c>
      <c r="E117">
        <f t="shared" si="5"/>
        <v>4.6806310000000622</v>
      </c>
      <c r="F117">
        <f t="shared" si="6"/>
        <v>1.4214871612794559E-2</v>
      </c>
    </row>
    <row r="118" spans="1:6" x14ac:dyDescent="0.2">
      <c r="A118" s="5">
        <v>572.06468800000005</v>
      </c>
      <c r="B118" s="5">
        <v>19.955062000000002</v>
      </c>
      <c r="C118" s="5">
        <v>10.225254</v>
      </c>
      <c r="D118">
        <f t="shared" si="4"/>
        <v>0.58055599999999963</v>
      </c>
      <c r="E118">
        <f t="shared" si="5"/>
        <v>4.6388010000000577</v>
      </c>
      <c r="F118">
        <f t="shared" si="6"/>
        <v>1.3967429357384785E-2</v>
      </c>
    </row>
    <row r="119" spans="1:6" x14ac:dyDescent="0.2">
      <c r="A119" s="5">
        <v>573.41402400000004</v>
      </c>
      <c r="B119" s="5">
        <v>19.889309999999998</v>
      </c>
      <c r="C119" s="5">
        <v>10.230259</v>
      </c>
      <c r="D119">
        <f t="shared" si="4"/>
        <v>0.58556100000000022</v>
      </c>
      <c r="E119">
        <f t="shared" si="5"/>
        <v>5.9881370000000516</v>
      </c>
      <c r="F119">
        <f t="shared" si="6"/>
        <v>1.7834103130730208E-2</v>
      </c>
    </row>
    <row r="120" spans="1:6" x14ac:dyDescent="0.2">
      <c r="A120" s="5">
        <v>573.574883</v>
      </c>
      <c r="B120" s="5">
        <v>20.022161000000001</v>
      </c>
      <c r="C120" s="5">
        <v>10.235264000000001</v>
      </c>
      <c r="D120">
        <f t="shared" si="4"/>
        <v>0.59056600000000081</v>
      </c>
      <c r="E120">
        <f t="shared" si="5"/>
        <v>6.148996000000011</v>
      </c>
      <c r="F120">
        <f t="shared" si="6"/>
        <v>1.8152884530296898E-2</v>
      </c>
    </row>
    <row r="121" spans="1:6" x14ac:dyDescent="0.2">
      <c r="A121" s="5">
        <v>573.01102600000002</v>
      </c>
      <c r="B121" s="5">
        <v>20.031763999999999</v>
      </c>
      <c r="C121" s="5">
        <v>10.240269</v>
      </c>
      <c r="D121">
        <f t="shared" si="4"/>
        <v>0.59557099999999963</v>
      </c>
      <c r="E121">
        <f t="shared" si="5"/>
        <v>5.5851390000000265</v>
      </c>
      <c r="F121">
        <f t="shared" si="6"/>
        <v>1.6365808483291097E-2</v>
      </c>
    </row>
    <row r="122" spans="1:6" x14ac:dyDescent="0.2">
      <c r="A122" s="5">
        <v>573.55769899999996</v>
      </c>
      <c r="B122" s="5">
        <v>19.911221000000001</v>
      </c>
      <c r="C122" s="5">
        <v>10.245274</v>
      </c>
      <c r="D122">
        <f t="shared" si="4"/>
        <v>0.60057600000000022</v>
      </c>
      <c r="E122">
        <f t="shared" si="5"/>
        <v>6.1318119999999681</v>
      </c>
      <c r="F122">
        <f t="shared" si="6"/>
        <v>1.7800973109937782E-2</v>
      </c>
    </row>
    <row r="123" spans="1:6" x14ac:dyDescent="0.2">
      <c r="A123" s="5">
        <v>575.03581499999996</v>
      </c>
      <c r="B123" s="5">
        <v>19.841608999999998</v>
      </c>
      <c r="C123" s="5">
        <v>10.250278</v>
      </c>
      <c r="D123">
        <f t="shared" si="4"/>
        <v>0.60557999999999979</v>
      </c>
      <c r="E123">
        <f t="shared" si="5"/>
        <v>7.6099279999999681</v>
      </c>
      <c r="F123">
        <f t="shared" si="6"/>
        <v>2.1853154159842833E-2</v>
      </c>
    </row>
    <row r="124" spans="1:6" x14ac:dyDescent="0.2">
      <c r="A124" s="5">
        <v>575.63196400000004</v>
      </c>
      <c r="B124" s="5">
        <v>19.994717000000001</v>
      </c>
      <c r="C124" s="5">
        <v>10.255283</v>
      </c>
      <c r="D124">
        <f t="shared" si="4"/>
        <v>0.61058500000000038</v>
      </c>
      <c r="E124">
        <f t="shared" si="5"/>
        <v>8.2060770000000502</v>
      </c>
      <c r="F124">
        <f t="shared" si="6"/>
        <v>2.3347724235780409E-2</v>
      </c>
    </row>
    <row r="125" spans="1:6" x14ac:dyDescent="0.2">
      <c r="A125" s="5">
        <v>574.81986099999995</v>
      </c>
      <c r="B125" s="5">
        <v>20.086096999999999</v>
      </c>
      <c r="C125" s="5">
        <v>10.260287999999999</v>
      </c>
      <c r="D125">
        <f t="shared" si="4"/>
        <v>0.61558999999999919</v>
      </c>
      <c r="E125">
        <f t="shared" si="5"/>
        <v>7.3939739999999574</v>
      </c>
      <c r="F125">
        <f t="shared" si="6"/>
        <v>2.0895588039414638E-2</v>
      </c>
    </row>
    <row r="126" spans="1:6" x14ac:dyDescent="0.2">
      <c r="A126" s="5">
        <v>574.27119100000004</v>
      </c>
      <c r="B126" s="5">
        <v>20.045936999999999</v>
      </c>
      <c r="C126" s="5">
        <v>10.265293</v>
      </c>
      <c r="D126">
        <f t="shared" si="4"/>
        <v>0.62059499999999979</v>
      </c>
      <c r="E126">
        <f t="shared" si="5"/>
        <v>6.8453040000000556</v>
      </c>
      <c r="F126">
        <f t="shared" si="6"/>
        <v>1.9207349447237877E-2</v>
      </c>
    </row>
    <row r="127" spans="1:6" x14ac:dyDescent="0.2">
      <c r="A127" s="5">
        <v>574.70165999999995</v>
      </c>
      <c r="B127" s="5">
        <v>19.939088000000002</v>
      </c>
      <c r="C127" s="5">
        <v>10.270298</v>
      </c>
      <c r="D127">
        <f t="shared" si="4"/>
        <v>0.62560000000000038</v>
      </c>
      <c r="E127">
        <f t="shared" si="5"/>
        <v>7.2757729999999583</v>
      </c>
      <c r="F127">
        <f t="shared" si="6"/>
        <v>2.0236711915789869E-2</v>
      </c>
    </row>
    <row r="128" spans="1:6" x14ac:dyDescent="0.2">
      <c r="A128" s="5">
        <v>574.77052200000003</v>
      </c>
      <c r="B128" s="5">
        <v>20.011818000000002</v>
      </c>
      <c r="C128" s="5">
        <v>10.275302</v>
      </c>
      <c r="D128">
        <f t="shared" si="4"/>
        <v>0.63060399999999994</v>
      </c>
      <c r="E128">
        <f t="shared" si="5"/>
        <v>7.3446350000000393</v>
      </c>
      <c r="F128">
        <f t="shared" si="6"/>
        <v>2.026371226876033E-2</v>
      </c>
    </row>
    <row r="129" spans="1:6" x14ac:dyDescent="0.2">
      <c r="A129" s="5">
        <v>574.22995000000003</v>
      </c>
      <c r="B129" s="5">
        <v>20.040247000000001</v>
      </c>
      <c r="C129" s="5">
        <v>10.280307000000001</v>
      </c>
      <c r="D129">
        <f t="shared" si="4"/>
        <v>0.63560900000000053</v>
      </c>
      <c r="E129">
        <f t="shared" si="5"/>
        <v>6.8040630000000419</v>
      </c>
      <c r="F129">
        <f t="shared" si="6"/>
        <v>1.8641997610301726E-2</v>
      </c>
    </row>
    <row r="130" spans="1:6" x14ac:dyDescent="0.2">
      <c r="A130" s="5">
        <v>574.00357799999995</v>
      </c>
      <c r="B130" s="5">
        <v>20.028686</v>
      </c>
      <c r="C130" s="5">
        <v>10.285311999999999</v>
      </c>
      <c r="D130">
        <f t="shared" si="4"/>
        <v>0.64061399999999935</v>
      </c>
      <c r="E130">
        <f t="shared" si="5"/>
        <v>6.5776909999999589</v>
      </c>
      <c r="F130">
        <f t="shared" si="6"/>
        <v>1.7888027041193189E-2</v>
      </c>
    </row>
    <row r="131" spans="1:6" x14ac:dyDescent="0.2">
      <c r="A131" s="5">
        <v>573.98058400000002</v>
      </c>
      <c r="B131" s="5">
        <v>19.984718000000001</v>
      </c>
      <c r="C131" s="5">
        <v>10.290317</v>
      </c>
      <c r="D131">
        <f t="shared" ref="D131:D194" si="7">C131-$C$2</f>
        <v>0.64561899999999994</v>
      </c>
      <c r="E131">
        <f t="shared" ref="E131:E194" si="8">A131-$A$2</f>
        <v>6.5546970000000329</v>
      </c>
      <c r="F131">
        <f t="shared" si="6"/>
        <v>1.7688015739255426E-2</v>
      </c>
    </row>
    <row r="132" spans="1:6" x14ac:dyDescent="0.2">
      <c r="A132" s="5">
        <v>573.97499400000004</v>
      </c>
      <c r="B132" s="5">
        <v>20.027987</v>
      </c>
      <c r="C132" s="5">
        <v>10.295322000000001</v>
      </c>
      <c r="D132">
        <f t="shared" si="7"/>
        <v>0.65062400000000054</v>
      </c>
      <c r="E132">
        <f t="shared" si="8"/>
        <v>6.5491070000000491</v>
      </c>
      <c r="F132">
        <f t="shared" si="6"/>
        <v>1.7537150721636276E-2</v>
      </c>
    </row>
    <row r="133" spans="1:6" x14ac:dyDescent="0.2">
      <c r="A133" s="5">
        <v>573.19190500000002</v>
      </c>
      <c r="B133" s="5">
        <v>20.091203</v>
      </c>
      <c r="C133" s="5">
        <v>10.300326</v>
      </c>
      <c r="D133">
        <f t="shared" si="7"/>
        <v>0.6556280000000001</v>
      </c>
      <c r="E133">
        <f t="shared" si="8"/>
        <v>5.766018000000031</v>
      </c>
      <c r="F133">
        <f t="shared" si="6"/>
        <v>1.5343288553147667E-2</v>
      </c>
    </row>
    <row r="134" spans="1:6" x14ac:dyDescent="0.2">
      <c r="A134" s="5">
        <v>572.59875099999999</v>
      </c>
      <c r="B134" s="5">
        <v>20.025517000000001</v>
      </c>
      <c r="C134" s="5">
        <v>10.305331000000001</v>
      </c>
      <c r="D134">
        <f t="shared" si="7"/>
        <v>0.66063300000000069</v>
      </c>
      <c r="E134">
        <f t="shared" si="8"/>
        <v>5.1728640000000041</v>
      </c>
      <c r="F134">
        <f t="shared" si="6"/>
        <v>1.3674781643435621E-2</v>
      </c>
    </row>
    <row r="135" spans="1:6" x14ac:dyDescent="0.2">
      <c r="A135" s="5">
        <v>572.54062099999999</v>
      </c>
      <c r="B135" s="5">
        <v>19.996964999999999</v>
      </c>
      <c r="C135" s="5">
        <v>10.310336</v>
      </c>
      <c r="D135">
        <f t="shared" si="7"/>
        <v>0.66563799999999951</v>
      </c>
      <c r="E135">
        <f t="shared" si="8"/>
        <v>5.1147339999999986</v>
      </c>
      <c r="F135">
        <f t="shared" si="6"/>
        <v>1.3420807300562115E-2</v>
      </c>
    </row>
    <row r="136" spans="1:6" x14ac:dyDescent="0.2">
      <c r="A136" s="5">
        <v>572.672234</v>
      </c>
      <c r="B136" s="5">
        <v>19.995092</v>
      </c>
      <c r="C136" s="5">
        <v>10.315341</v>
      </c>
      <c r="D136">
        <f t="shared" si="7"/>
        <v>0.6706430000000001</v>
      </c>
      <c r="E136">
        <f t="shared" si="8"/>
        <v>5.2463470000000143</v>
      </c>
      <c r="F136">
        <f t="shared" si="6"/>
        <v>1.366027647377672E-2</v>
      </c>
    </row>
    <row r="137" spans="1:6" x14ac:dyDescent="0.2">
      <c r="A137" s="5">
        <v>572.47568999999999</v>
      </c>
      <c r="B137" s="5">
        <v>20.023693000000002</v>
      </c>
      <c r="C137" s="5">
        <v>10.320346000000001</v>
      </c>
      <c r="D137">
        <f t="shared" si="7"/>
        <v>0.67564800000000069</v>
      </c>
      <c r="E137">
        <f t="shared" si="8"/>
        <v>5.0498029999999972</v>
      </c>
      <c r="F137">
        <f t="shared" si="6"/>
        <v>1.3055601672163592E-2</v>
      </c>
    </row>
    <row r="138" spans="1:6" x14ac:dyDescent="0.2">
      <c r="A138" s="5">
        <v>572.47362899999996</v>
      </c>
      <c r="B138" s="5">
        <v>19.974506999999999</v>
      </c>
      <c r="C138" s="5">
        <v>10.32535</v>
      </c>
      <c r="D138">
        <f t="shared" si="7"/>
        <v>0.68065200000000026</v>
      </c>
      <c r="E138">
        <f t="shared" si="8"/>
        <v>5.0477419999999711</v>
      </c>
      <c r="F138">
        <f t="shared" si="6"/>
        <v>1.2954377199789207E-2</v>
      </c>
    </row>
    <row r="139" spans="1:6" x14ac:dyDescent="0.2">
      <c r="A139" s="5">
        <v>573.11181299999998</v>
      </c>
      <c r="B139" s="5">
        <v>19.931804</v>
      </c>
      <c r="C139" s="5">
        <v>10.330355000000001</v>
      </c>
      <c r="D139">
        <f t="shared" si="7"/>
        <v>0.68565700000000085</v>
      </c>
      <c r="E139">
        <f t="shared" si="8"/>
        <v>5.6859259999999949</v>
      </c>
      <c r="F139">
        <f t="shared" si="6"/>
        <v>1.4469546800266688E-2</v>
      </c>
    </row>
    <row r="140" spans="1:6" x14ac:dyDescent="0.2">
      <c r="A140" s="5">
        <v>574.16541199999995</v>
      </c>
      <c r="B140" s="5">
        <v>19.884346000000001</v>
      </c>
      <c r="C140" s="5">
        <v>10.33536</v>
      </c>
      <c r="D140">
        <f t="shared" si="7"/>
        <v>0.69066199999999967</v>
      </c>
      <c r="E140">
        <f t="shared" si="8"/>
        <v>6.7395249999999578</v>
      </c>
      <c r="F140">
        <f t="shared" si="6"/>
        <v>1.6995216441649967E-2</v>
      </c>
    </row>
    <row r="141" spans="1:6" x14ac:dyDescent="0.2">
      <c r="A141" s="5">
        <v>574.53993100000002</v>
      </c>
      <c r="B141" s="5">
        <v>19.987176000000002</v>
      </c>
      <c r="C141" s="5">
        <v>10.340365</v>
      </c>
      <c r="D141">
        <f t="shared" si="7"/>
        <v>0.69566700000000026</v>
      </c>
      <c r="E141">
        <f t="shared" si="8"/>
        <v>7.1140440000000353</v>
      </c>
      <c r="F141">
        <f t="shared" si="6"/>
        <v>1.7798972276619401E-2</v>
      </c>
    </row>
    <row r="142" spans="1:6" x14ac:dyDescent="0.2">
      <c r="A142" s="5">
        <v>574.84902999999997</v>
      </c>
      <c r="B142" s="5">
        <v>19.952359999999999</v>
      </c>
      <c r="C142" s="5">
        <v>10.345370000000001</v>
      </c>
      <c r="D142">
        <f t="shared" si="7"/>
        <v>0.70067200000000085</v>
      </c>
      <c r="E142">
        <f t="shared" si="8"/>
        <v>7.4231429999999818</v>
      </c>
      <c r="F142">
        <f t="shared" si="6"/>
        <v>1.8429742246107245E-2</v>
      </c>
    </row>
    <row r="143" spans="1:6" x14ac:dyDescent="0.2">
      <c r="A143" s="5">
        <v>575.77195300000005</v>
      </c>
      <c r="B143" s="5">
        <v>19.899415000000001</v>
      </c>
      <c r="C143" s="5">
        <v>10.350374</v>
      </c>
      <c r="D143">
        <f t="shared" si="7"/>
        <v>0.70567600000000041</v>
      </c>
      <c r="E143">
        <f t="shared" si="8"/>
        <v>8.3460660000000644</v>
      </c>
      <c r="F143">
        <f t="shared" si="6"/>
        <v>2.0541207121329223E-2</v>
      </c>
    </row>
    <row r="144" spans="1:6" x14ac:dyDescent="0.2">
      <c r="A144" s="5">
        <v>576.84622999999999</v>
      </c>
      <c r="B144" s="5">
        <v>19.909803</v>
      </c>
      <c r="C144" s="5">
        <v>10.355378999999999</v>
      </c>
      <c r="D144">
        <f t="shared" si="7"/>
        <v>0.71068099999999923</v>
      </c>
      <c r="E144">
        <f t="shared" si="8"/>
        <v>9.4203430000000026</v>
      </c>
      <c r="F144">
        <f t="shared" si="6"/>
        <v>2.2979043781453129E-2</v>
      </c>
    </row>
    <row r="145" spans="1:6" x14ac:dyDescent="0.2">
      <c r="A145" s="5">
        <v>576.88604199999997</v>
      </c>
      <c r="B145" s="5">
        <v>19.985257000000001</v>
      </c>
      <c r="C145" s="5">
        <v>10.360384</v>
      </c>
      <c r="D145">
        <f t="shared" si="7"/>
        <v>0.71568599999999982</v>
      </c>
      <c r="E145">
        <f t="shared" si="8"/>
        <v>9.4601549999999861</v>
      </c>
      <c r="F145">
        <f t="shared" si="6"/>
        <v>2.2913197537820857E-2</v>
      </c>
    </row>
    <row r="146" spans="1:6" x14ac:dyDescent="0.2">
      <c r="A146" s="5">
        <v>577.25914599999999</v>
      </c>
      <c r="B146" s="5">
        <v>19.964963999999998</v>
      </c>
      <c r="C146" s="5">
        <v>10.365389</v>
      </c>
      <c r="D146">
        <f t="shared" si="7"/>
        <v>0.72069100000000041</v>
      </c>
      <c r="E146">
        <f t="shared" si="8"/>
        <v>9.8332589999999982</v>
      </c>
      <c r="F146">
        <f t="shared" si="6"/>
        <v>2.363619461057424E-2</v>
      </c>
    </row>
    <row r="147" spans="1:6" x14ac:dyDescent="0.2">
      <c r="A147" s="5">
        <v>577.80804499999999</v>
      </c>
      <c r="B147" s="5">
        <v>19.938545000000001</v>
      </c>
      <c r="C147" s="5">
        <v>10.370393999999999</v>
      </c>
      <c r="D147">
        <f t="shared" si="7"/>
        <v>0.72569599999999923</v>
      </c>
      <c r="E147">
        <f t="shared" si="8"/>
        <v>10.382158000000004</v>
      </c>
      <c r="F147">
        <f t="shared" si="6"/>
        <v>2.4759924737074394E-2</v>
      </c>
    </row>
    <row r="148" spans="1:6" x14ac:dyDescent="0.2">
      <c r="A148" s="5">
        <v>578.05449899999996</v>
      </c>
      <c r="B148" s="5">
        <v>19.995294000000001</v>
      </c>
      <c r="C148" s="5">
        <v>10.375398000000001</v>
      </c>
      <c r="D148">
        <f t="shared" si="7"/>
        <v>0.73070000000000057</v>
      </c>
      <c r="E148">
        <f t="shared" si="8"/>
        <v>10.628611999999976</v>
      </c>
      <c r="F148">
        <f t="shared" si="6"/>
        <v>2.5163361705250034E-2</v>
      </c>
    </row>
    <row r="149" spans="1:6" x14ac:dyDescent="0.2">
      <c r="A149" s="5">
        <v>577.42847500000005</v>
      </c>
      <c r="B149" s="5">
        <v>20.082235000000001</v>
      </c>
      <c r="C149" s="5">
        <v>10.380402999999999</v>
      </c>
      <c r="D149">
        <f t="shared" si="7"/>
        <v>0.73570499999999939</v>
      </c>
      <c r="E149">
        <f t="shared" si="8"/>
        <v>10.00258800000006</v>
      </c>
      <c r="F149">
        <f t="shared" si="6"/>
        <v>2.3545638754013287E-2</v>
      </c>
    </row>
    <row r="150" spans="1:6" x14ac:dyDescent="0.2">
      <c r="A150" s="5">
        <v>576.89077799999995</v>
      </c>
      <c r="B150" s="5">
        <v>20.023961</v>
      </c>
      <c r="C150" s="5">
        <v>10.385408</v>
      </c>
      <c r="D150">
        <f t="shared" si="7"/>
        <v>0.74070999999999998</v>
      </c>
      <c r="E150">
        <f t="shared" si="8"/>
        <v>9.464890999999966</v>
      </c>
      <c r="F150">
        <f t="shared" si="6"/>
        <v>2.2150004177264506E-2</v>
      </c>
    </row>
    <row r="151" spans="1:6" x14ac:dyDescent="0.2">
      <c r="A151" s="5">
        <v>576.82021799999995</v>
      </c>
      <c r="B151" s="5">
        <v>20.005779</v>
      </c>
      <c r="C151" s="5">
        <v>10.390413000000001</v>
      </c>
      <c r="D151">
        <f t="shared" si="7"/>
        <v>0.74571500000000057</v>
      </c>
      <c r="E151">
        <f t="shared" si="8"/>
        <v>9.3943309999999656</v>
      </c>
      <c r="F151">
        <f t="shared" si="6"/>
        <v>2.1839993497912411E-2</v>
      </c>
    </row>
    <row r="152" spans="1:6" x14ac:dyDescent="0.2">
      <c r="A152" s="5">
        <v>576.44246299999998</v>
      </c>
      <c r="B152" s="5">
        <v>20.060547</v>
      </c>
      <c r="C152" s="5">
        <v>10.395417999999999</v>
      </c>
      <c r="D152">
        <f t="shared" si="7"/>
        <v>0.75071999999999939</v>
      </c>
      <c r="E152">
        <f t="shared" si="8"/>
        <v>9.0165759999999864</v>
      </c>
      <c r="F152">
        <f t="shared" si="6"/>
        <v>2.0835680845732091E-2</v>
      </c>
    </row>
    <row r="153" spans="1:6" x14ac:dyDescent="0.2">
      <c r="A153" s="5">
        <v>575.42090099999996</v>
      </c>
      <c r="B153" s="5">
        <v>20.116402000000001</v>
      </c>
      <c r="C153" s="5">
        <v>10.400422000000001</v>
      </c>
      <c r="D153">
        <f t="shared" si="7"/>
        <v>0.75572400000000073</v>
      </c>
      <c r="E153">
        <f t="shared" si="8"/>
        <v>7.9950139999999692</v>
      </c>
      <c r="F153">
        <f t="shared" si="6"/>
        <v>1.8385285625681078E-2</v>
      </c>
    </row>
    <row r="154" spans="1:6" x14ac:dyDescent="0.2">
      <c r="A154" s="5">
        <v>574.34120900000005</v>
      </c>
      <c r="B154" s="5">
        <v>20.091847000000001</v>
      </c>
      <c r="C154" s="5">
        <v>10.405427</v>
      </c>
      <c r="D154">
        <f t="shared" si="7"/>
        <v>0.76072899999999954</v>
      </c>
      <c r="E154">
        <f t="shared" si="8"/>
        <v>6.9153220000000601</v>
      </c>
      <c r="F154">
        <f t="shared" si="6"/>
        <v>1.5827504898038088E-2</v>
      </c>
    </row>
    <row r="155" spans="1:6" x14ac:dyDescent="0.2">
      <c r="A155" s="5">
        <v>573.86910499999999</v>
      </c>
      <c r="B155" s="5">
        <v>20.042791999999999</v>
      </c>
      <c r="C155" s="5">
        <v>10.410432</v>
      </c>
      <c r="D155">
        <f t="shared" si="7"/>
        <v>0.76573400000000014</v>
      </c>
      <c r="E155">
        <f t="shared" si="8"/>
        <v>6.4432180000000017</v>
      </c>
      <c r="F155">
        <f t="shared" si="6"/>
        <v>1.4662635886040333E-2</v>
      </c>
    </row>
    <row r="156" spans="1:6" x14ac:dyDescent="0.2">
      <c r="A156" s="5">
        <v>573.23120300000005</v>
      </c>
      <c r="B156" s="5">
        <v>20.096354000000002</v>
      </c>
      <c r="C156" s="5">
        <v>10.415437000000001</v>
      </c>
      <c r="D156">
        <f t="shared" si="7"/>
        <v>0.77073900000000073</v>
      </c>
      <c r="E156">
        <f t="shared" si="8"/>
        <v>5.8053160000000616</v>
      </c>
      <c r="F156">
        <f t="shared" si="6"/>
        <v>1.3139798546774396E-2</v>
      </c>
    </row>
    <row r="157" spans="1:6" x14ac:dyDescent="0.2">
      <c r="A157" s="5">
        <v>571.99990500000001</v>
      </c>
      <c r="B157" s="5">
        <v>20.109157</v>
      </c>
      <c r="C157" s="5">
        <v>10.420442</v>
      </c>
      <c r="D157">
        <f t="shared" si="7"/>
        <v>0.77574399999999955</v>
      </c>
      <c r="E157">
        <f t="shared" si="8"/>
        <v>4.5740180000000237</v>
      </c>
      <c r="F157">
        <f t="shared" si="6"/>
        <v>1.0308215459134809E-2</v>
      </c>
    </row>
    <row r="158" spans="1:6" x14ac:dyDescent="0.2">
      <c r="A158" s="5">
        <v>571.30810199999996</v>
      </c>
      <c r="B158" s="5">
        <v>20.044694</v>
      </c>
      <c r="C158" s="5">
        <v>10.425446000000001</v>
      </c>
      <c r="D158">
        <f t="shared" si="7"/>
        <v>0.78074800000000089</v>
      </c>
      <c r="E158">
        <f t="shared" si="8"/>
        <v>3.8822149999999738</v>
      </c>
      <c r="F158">
        <f t="shared" si="6"/>
        <v>8.703587901863442E-3</v>
      </c>
    </row>
    <row r="159" spans="1:6" x14ac:dyDescent="0.2">
      <c r="A159" s="5">
        <v>571.60257200000001</v>
      </c>
      <c r="B159" s="5">
        <v>19.935061000000001</v>
      </c>
      <c r="C159" s="5">
        <v>10.430451</v>
      </c>
      <c r="D159">
        <f t="shared" si="7"/>
        <v>0.7857529999999997</v>
      </c>
      <c r="E159">
        <f t="shared" si="8"/>
        <v>4.1766850000000204</v>
      </c>
      <c r="F159">
        <f t="shared" si="6"/>
        <v>9.2993265939555429E-3</v>
      </c>
    </row>
    <row r="160" spans="1:6" x14ac:dyDescent="0.2">
      <c r="A160" s="5">
        <v>572.29002700000001</v>
      </c>
      <c r="B160" s="5">
        <v>19.952369999999998</v>
      </c>
      <c r="C160" s="5">
        <v>10.435456</v>
      </c>
      <c r="D160">
        <f t="shared" si="7"/>
        <v>0.79075800000000029</v>
      </c>
      <c r="E160">
        <f t="shared" si="8"/>
        <v>4.8641400000000203</v>
      </c>
      <c r="F160">
        <f t="shared" si="6"/>
        <v>1.0748461229739612E-2</v>
      </c>
    </row>
    <row r="161" spans="1:6" x14ac:dyDescent="0.2">
      <c r="A161" s="5">
        <v>572.17492900000002</v>
      </c>
      <c r="B161" s="5">
        <v>20.028578</v>
      </c>
      <c r="C161" s="5">
        <v>10.440461000000001</v>
      </c>
      <c r="D161">
        <f t="shared" si="7"/>
        <v>0.79576300000000089</v>
      </c>
      <c r="E161">
        <f t="shared" si="8"/>
        <v>4.7490420000000313</v>
      </c>
      <c r="F161">
        <f t="shared" si="6"/>
        <v>1.0430219398110471E-2</v>
      </c>
    </row>
    <row r="162" spans="1:6" x14ac:dyDescent="0.2">
      <c r="A162" s="5">
        <v>572.04039699999998</v>
      </c>
      <c r="B162" s="5">
        <v>19.982527999999999</v>
      </c>
      <c r="C162" s="5">
        <v>10.445466</v>
      </c>
      <c r="D162">
        <f t="shared" si="7"/>
        <v>0.8007679999999997</v>
      </c>
      <c r="E162">
        <f t="shared" si="8"/>
        <v>4.6145099999999957</v>
      </c>
      <c r="F162">
        <f t="shared" si="6"/>
        <v>1.0073773511518509E-2</v>
      </c>
    </row>
    <row r="163" spans="1:6" x14ac:dyDescent="0.2">
      <c r="A163" s="5">
        <v>573.355322</v>
      </c>
      <c r="B163" s="5">
        <v>19.839376000000001</v>
      </c>
      <c r="C163" s="5">
        <v>10.450469999999999</v>
      </c>
      <c r="D163">
        <f t="shared" si="7"/>
        <v>0.80577199999999927</v>
      </c>
      <c r="E163">
        <f t="shared" si="8"/>
        <v>5.9294350000000122</v>
      </c>
      <c r="F163">
        <f t="shared" si="6"/>
        <v>1.2834450892695092E-2</v>
      </c>
    </row>
    <row r="164" spans="1:6" x14ac:dyDescent="0.2">
      <c r="A164" s="5">
        <v>575.121397</v>
      </c>
      <c r="B164" s="5">
        <v>19.830162999999999</v>
      </c>
      <c r="C164" s="5">
        <v>10.455475</v>
      </c>
      <c r="D164">
        <f t="shared" si="7"/>
        <v>0.81077699999999986</v>
      </c>
      <c r="E164">
        <f t="shared" si="8"/>
        <v>7.695510000000013</v>
      </c>
      <c r="F164">
        <f t="shared" si="6"/>
        <v>1.6503515337969652E-2</v>
      </c>
    </row>
    <row r="165" spans="1:6" x14ac:dyDescent="0.2">
      <c r="A165" s="5">
        <v>575.708394</v>
      </c>
      <c r="B165" s="5">
        <v>19.981536999999999</v>
      </c>
      <c r="C165" s="5">
        <v>10.46048</v>
      </c>
      <c r="D165">
        <f t="shared" si="7"/>
        <v>0.81578200000000045</v>
      </c>
      <c r="E165">
        <f t="shared" si="8"/>
        <v>8.2825070000000096</v>
      </c>
      <c r="F165">
        <f t="shared" si="6"/>
        <v>1.7635392561735359E-2</v>
      </c>
    </row>
    <row r="166" spans="1:6" x14ac:dyDescent="0.2">
      <c r="A166" s="5">
        <v>575.79425500000002</v>
      </c>
      <c r="B166" s="5">
        <v>19.988477</v>
      </c>
      <c r="C166" s="5">
        <v>10.465484999999999</v>
      </c>
      <c r="D166">
        <f t="shared" si="7"/>
        <v>0.82078699999999927</v>
      </c>
      <c r="E166">
        <f t="shared" si="8"/>
        <v>8.3683680000000322</v>
      </c>
      <c r="F166">
        <f t="shared" si="6"/>
        <v>1.7706917892144639E-2</v>
      </c>
    </row>
    <row r="167" spans="1:6" x14ac:dyDescent="0.2">
      <c r="A167" s="5">
        <v>576.48574299999996</v>
      </c>
      <c r="B167" s="5">
        <v>19.888983</v>
      </c>
      <c r="C167" s="5">
        <v>10.47049</v>
      </c>
      <c r="D167">
        <f t="shared" si="7"/>
        <v>0.82579199999999986</v>
      </c>
      <c r="E167">
        <f t="shared" si="8"/>
        <v>9.0598559999999679</v>
      </c>
      <c r="F167">
        <f t="shared" si="6"/>
        <v>1.903101941837429E-2</v>
      </c>
    </row>
    <row r="168" spans="1:6" x14ac:dyDescent="0.2">
      <c r="A168" s="5">
        <v>577.88537599999995</v>
      </c>
      <c r="B168" s="5">
        <v>19.866579000000002</v>
      </c>
      <c r="C168" s="5">
        <v>10.475493999999999</v>
      </c>
      <c r="D168">
        <f t="shared" si="7"/>
        <v>0.83079599999999942</v>
      </c>
      <c r="E168">
        <f t="shared" si="8"/>
        <v>10.459488999999962</v>
      </c>
      <c r="F168">
        <f t="shared" si="6"/>
        <v>2.1785842837097891E-2</v>
      </c>
    </row>
    <row r="169" spans="1:6" x14ac:dyDescent="0.2">
      <c r="A169" s="5">
        <v>578.64167999999995</v>
      </c>
      <c r="B169" s="5">
        <v>19.929417000000001</v>
      </c>
      <c r="C169" s="5">
        <v>10.480499</v>
      </c>
      <c r="D169">
        <f t="shared" si="7"/>
        <v>0.83580100000000002</v>
      </c>
      <c r="E169">
        <f t="shared" si="8"/>
        <v>11.215792999999962</v>
      </c>
      <c r="F169">
        <f t="shared" si="6"/>
        <v>2.3190888395150329E-2</v>
      </c>
    </row>
    <row r="170" spans="1:6" x14ac:dyDescent="0.2">
      <c r="A170" s="5">
        <v>578.55797199999995</v>
      </c>
      <c r="B170" s="5">
        <v>20.031328999999999</v>
      </c>
      <c r="C170" s="5">
        <v>10.485504000000001</v>
      </c>
      <c r="D170">
        <f t="shared" si="7"/>
        <v>0.84080600000000061</v>
      </c>
      <c r="E170">
        <f t="shared" si="8"/>
        <v>11.132084999999961</v>
      </c>
      <c r="F170">
        <f t="shared" si="6"/>
        <v>2.2884099608229812E-2</v>
      </c>
    </row>
    <row r="171" spans="1:6" x14ac:dyDescent="0.2">
      <c r="A171" s="5">
        <v>578.43553199999997</v>
      </c>
      <c r="B171" s="5">
        <v>19.992370000000001</v>
      </c>
      <c r="C171" s="5">
        <v>10.490508999999999</v>
      </c>
      <c r="D171">
        <f t="shared" si="7"/>
        <v>0.84581099999999942</v>
      </c>
      <c r="E171">
        <f t="shared" si="8"/>
        <v>11.009644999999978</v>
      </c>
      <c r="F171">
        <f t="shared" si="6"/>
        <v>2.2503238538080284E-2</v>
      </c>
    </row>
    <row r="172" spans="1:6" x14ac:dyDescent="0.2">
      <c r="A172" s="5">
        <v>578.95343100000002</v>
      </c>
      <c r="B172" s="5">
        <v>19.961622999999999</v>
      </c>
      <c r="C172" s="5">
        <v>10.495514</v>
      </c>
      <c r="D172">
        <f t="shared" si="7"/>
        <v>0.85081600000000002</v>
      </c>
      <c r="E172">
        <f t="shared" si="8"/>
        <v>11.527544000000034</v>
      </c>
      <c r="F172">
        <f t="shared" si="6"/>
        <v>2.3402244270246755E-2</v>
      </c>
    </row>
    <row r="173" spans="1:6" x14ac:dyDescent="0.2">
      <c r="A173" s="5">
        <v>578.58214199999998</v>
      </c>
      <c r="B173" s="5">
        <v>20.048794999999998</v>
      </c>
      <c r="C173" s="5">
        <v>10.500518</v>
      </c>
      <c r="D173">
        <f t="shared" si="7"/>
        <v>0.85581999999999958</v>
      </c>
      <c r="E173">
        <f t="shared" si="8"/>
        <v>11.156254999999987</v>
      </c>
      <c r="F173">
        <f t="shared" si="6"/>
        <v>2.2530507586621017E-2</v>
      </c>
    </row>
    <row r="174" spans="1:6" x14ac:dyDescent="0.2">
      <c r="A174" s="5">
        <v>577.61374699999999</v>
      </c>
      <c r="B174" s="5">
        <v>20.102637000000001</v>
      </c>
      <c r="C174" s="5">
        <v>10.505523</v>
      </c>
      <c r="D174">
        <f t="shared" si="7"/>
        <v>0.86082500000000017</v>
      </c>
      <c r="E174">
        <f t="shared" si="8"/>
        <v>10.187860000000001</v>
      </c>
      <c r="F174">
        <f t="shared" si="6"/>
        <v>2.048946300182904E-2</v>
      </c>
    </row>
    <row r="175" spans="1:6" x14ac:dyDescent="0.2">
      <c r="A175" s="5">
        <v>576.83694500000001</v>
      </c>
      <c r="B175" s="5">
        <v>20.072935000000001</v>
      </c>
      <c r="C175" s="5">
        <v>10.510528000000001</v>
      </c>
      <c r="D175">
        <f t="shared" si="7"/>
        <v>0.86583000000000077</v>
      </c>
      <c r="E175">
        <f t="shared" si="8"/>
        <v>9.4110580000000255</v>
      </c>
      <c r="F175">
        <f t="shared" si="6"/>
        <v>1.8843117329248441E-2</v>
      </c>
    </row>
    <row r="176" spans="1:6" x14ac:dyDescent="0.2">
      <c r="A176" s="5">
        <v>576.58026900000004</v>
      </c>
      <c r="B176" s="5">
        <v>20.015121000000001</v>
      </c>
      <c r="C176" s="5">
        <v>10.515533</v>
      </c>
      <c r="D176">
        <f t="shared" si="7"/>
        <v>0.87083499999999958</v>
      </c>
      <c r="E176">
        <f t="shared" si="8"/>
        <v>9.1543820000000551</v>
      </c>
      <c r="F176">
        <f t="shared" si="6"/>
        <v>1.8231960823816548E-2</v>
      </c>
    </row>
    <row r="177" spans="1:6" x14ac:dyDescent="0.2">
      <c r="A177" s="5">
        <v>576.08347200000003</v>
      </c>
      <c r="B177" s="5">
        <v>20.057324999999999</v>
      </c>
      <c r="C177" s="5">
        <v>10.520538</v>
      </c>
      <c r="D177">
        <f t="shared" si="7"/>
        <v>0.87584000000000017</v>
      </c>
      <c r="E177">
        <f t="shared" si="8"/>
        <v>8.6575850000000401</v>
      </c>
      <c r="F177">
        <f t="shared" si="6"/>
        <v>1.715878659944919E-2</v>
      </c>
    </row>
    <row r="178" spans="1:6" x14ac:dyDescent="0.2">
      <c r="A178" s="5">
        <v>575.35244599999999</v>
      </c>
      <c r="B178" s="5">
        <v>20.087835999999999</v>
      </c>
      <c r="C178" s="5">
        <v>10.525542</v>
      </c>
      <c r="D178">
        <f t="shared" si="7"/>
        <v>0.88084399999999974</v>
      </c>
      <c r="E178">
        <f t="shared" si="8"/>
        <v>7.9265589999999975</v>
      </c>
      <c r="F178">
        <f t="shared" si="6"/>
        <v>1.5640539607660955E-2</v>
      </c>
    </row>
    <row r="179" spans="1:6" x14ac:dyDescent="0.2">
      <c r="A179" s="5">
        <v>574.22137199999997</v>
      </c>
      <c r="B179" s="5">
        <v>20.118936999999999</v>
      </c>
      <c r="C179" s="5">
        <v>10.530547</v>
      </c>
      <c r="D179">
        <f t="shared" si="7"/>
        <v>0.88584900000000033</v>
      </c>
      <c r="E179">
        <f t="shared" si="8"/>
        <v>6.7954849999999851</v>
      </c>
      <c r="F179">
        <f t="shared" si="6"/>
        <v>1.3359229367487244E-2</v>
      </c>
    </row>
    <row r="180" spans="1:6" x14ac:dyDescent="0.2">
      <c r="A180" s="5">
        <v>573.33300499999996</v>
      </c>
      <c r="B180" s="5">
        <v>20.078703000000001</v>
      </c>
      <c r="C180" s="5">
        <v>10.535551999999999</v>
      </c>
      <c r="D180">
        <f t="shared" si="7"/>
        <v>0.89085399999999915</v>
      </c>
      <c r="E180">
        <f t="shared" si="8"/>
        <v>5.9071179999999686</v>
      </c>
      <c r="F180">
        <f t="shared" ref="F180:F243" si="9">(1/A180)*(E180/D180)</f>
        <v>1.1565440230419504E-2</v>
      </c>
    </row>
    <row r="181" spans="1:6" x14ac:dyDescent="0.2">
      <c r="A181" s="5">
        <v>572.395578</v>
      </c>
      <c r="B181" s="5">
        <v>20.071314999999998</v>
      </c>
      <c r="C181" s="5">
        <v>10.540557</v>
      </c>
      <c r="D181">
        <f t="shared" si="7"/>
        <v>0.89585899999999974</v>
      </c>
      <c r="E181">
        <f t="shared" si="8"/>
        <v>4.9696910000000116</v>
      </c>
      <c r="F181">
        <f t="shared" si="9"/>
        <v>9.6915547921339086E-3</v>
      </c>
    </row>
    <row r="182" spans="1:6" x14ac:dyDescent="0.2">
      <c r="A182" s="5">
        <v>572.82580399999995</v>
      </c>
      <c r="B182" s="5">
        <v>19.963598999999999</v>
      </c>
      <c r="C182" s="5">
        <v>10.545562</v>
      </c>
      <c r="D182">
        <f t="shared" si="7"/>
        <v>0.90086400000000033</v>
      </c>
      <c r="E182">
        <f t="shared" si="8"/>
        <v>5.3999169999999594</v>
      </c>
      <c r="F182">
        <f t="shared" si="9"/>
        <v>1.0464181865876332E-2</v>
      </c>
    </row>
    <row r="183" spans="1:6" x14ac:dyDescent="0.2">
      <c r="A183" s="5">
        <v>572.65006300000005</v>
      </c>
      <c r="B183" s="5">
        <v>19.999656000000002</v>
      </c>
      <c r="C183" s="5">
        <v>10.550566</v>
      </c>
      <c r="D183">
        <f t="shared" si="7"/>
        <v>0.9058679999999999</v>
      </c>
      <c r="E183">
        <f t="shared" si="8"/>
        <v>5.2241760000000568</v>
      </c>
      <c r="F183">
        <f t="shared" si="9"/>
        <v>1.007079066073688E-2</v>
      </c>
    </row>
    <row r="184" spans="1:6" x14ac:dyDescent="0.2">
      <c r="A184" s="5">
        <v>572.75970700000005</v>
      </c>
      <c r="B184" s="5">
        <v>20.003467000000001</v>
      </c>
      <c r="C184" s="5">
        <v>10.555571</v>
      </c>
      <c r="D184">
        <f t="shared" si="7"/>
        <v>0.91087300000000049</v>
      </c>
      <c r="E184">
        <f t="shared" si="8"/>
        <v>5.3338200000000597</v>
      </c>
      <c r="F184">
        <f t="shared" si="9"/>
        <v>1.0223699318555411E-2</v>
      </c>
    </row>
    <row r="185" spans="1:6" x14ac:dyDescent="0.2">
      <c r="A185" s="5">
        <v>572.21180400000003</v>
      </c>
      <c r="B185" s="5">
        <v>20.070103</v>
      </c>
      <c r="C185" s="5">
        <v>10.560575999999999</v>
      </c>
      <c r="D185">
        <f t="shared" si="7"/>
        <v>0.9158779999999993</v>
      </c>
      <c r="E185">
        <f t="shared" si="8"/>
        <v>4.7859170000000404</v>
      </c>
      <c r="F185">
        <f t="shared" si="9"/>
        <v>9.132101354799577E-3</v>
      </c>
    </row>
    <row r="186" spans="1:6" x14ac:dyDescent="0.2">
      <c r="A186" s="5">
        <v>572.083573</v>
      </c>
      <c r="B186" s="5">
        <v>19.984883</v>
      </c>
      <c r="C186" s="5">
        <v>10.565581</v>
      </c>
      <c r="D186">
        <f t="shared" si="7"/>
        <v>0.9208829999999999</v>
      </c>
      <c r="E186">
        <f t="shared" si="8"/>
        <v>4.6576860000000124</v>
      </c>
      <c r="F186">
        <f t="shared" si="9"/>
        <v>8.8410994098149787E-3</v>
      </c>
    </row>
    <row r="187" spans="1:6" x14ac:dyDescent="0.2">
      <c r="A187" s="5">
        <v>573.00270799999998</v>
      </c>
      <c r="B187" s="5">
        <v>19.871755</v>
      </c>
      <c r="C187" s="5">
        <v>10.570586</v>
      </c>
      <c r="D187">
        <f t="shared" si="7"/>
        <v>0.92588800000000049</v>
      </c>
      <c r="E187">
        <f t="shared" si="8"/>
        <v>5.5768209999999954</v>
      </c>
      <c r="F187">
        <f t="shared" si="9"/>
        <v>1.0511666536173648E-2</v>
      </c>
    </row>
    <row r="188" spans="1:6" x14ac:dyDescent="0.2">
      <c r="A188" s="5">
        <v>574.22090600000001</v>
      </c>
      <c r="B188" s="5">
        <v>19.886344999999999</v>
      </c>
      <c r="C188" s="5">
        <v>10.57559</v>
      </c>
      <c r="D188">
        <f t="shared" si="7"/>
        <v>0.93089200000000005</v>
      </c>
      <c r="E188">
        <f t="shared" si="8"/>
        <v>6.7950190000000248</v>
      </c>
      <c r="F188">
        <f t="shared" si="9"/>
        <v>1.271195589337973E-2</v>
      </c>
    </row>
    <row r="189" spans="1:6" x14ac:dyDescent="0.2">
      <c r="A189" s="5">
        <v>574.76667499999996</v>
      </c>
      <c r="B189" s="5">
        <v>19.969732</v>
      </c>
      <c r="C189" s="5">
        <v>10.580595000000001</v>
      </c>
      <c r="D189">
        <f t="shared" si="7"/>
        <v>0.93589700000000065</v>
      </c>
      <c r="E189">
        <f t="shared" si="8"/>
        <v>7.340787999999975</v>
      </c>
      <c r="F189">
        <f t="shared" si="9"/>
        <v>1.3646555538048277E-2</v>
      </c>
    </row>
    <row r="190" spans="1:6" x14ac:dyDescent="0.2">
      <c r="A190" s="5">
        <v>574.88216499999999</v>
      </c>
      <c r="B190" s="5">
        <v>19.978515000000002</v>
      </c>
      <c r="C190" s="5">
        <v>10.585599999999999</v>
      </c>
      <c r="D190">
        <f t="shared" si="7"/>
        <v>0.94090199999999946</v>
      </c>
      <c r="E190">
        <f t="shared" si="8"/>
        <v>7.4562779999999975</v>
      </c>
      <c r="F190">
        <f t="shared" si="9"/>
        <v>1.3784749068251232E-2</v>
      </c>
    </row>
    <row r="191" spans="1:6" x14ac:dyDescent="0.2">
      <c r="A191" s="5">
        <v>576.02635799999996</v>
      </c>
      <c r="B191" s="5">
        <v>19.863513000000001</v>
      </c>
      <c r="C191" s="5">
        <v>10.590605</v>
      </c>
      <c r="D191">
        <f t="shared" si="7"/>
        <v>0.94590700000000005</v>
      </c>
      <c r="E191">
        <f t="shared" si="8"/>
        <v>8.6004709999999704</v>
      </c>
      <c r="F191">
        <f t="shared" si="9"/>
        <v>1.5784522188007889E-2</v>
      </c>
    </row>
    <row r="192" spans="1:6" x14ac:dyDescent="0.2">
      <c r="A192" s="5">
        <v>577.18570199999999</v>
      </c>
      <c r="B192" s="5">
        <v>19.890626000000001</v>
      </c>
      <c r="C192" s="5">
        <v>10.595610000000001</v>
      </c>
      <c r="D192">
        <f t="shared" si="7"/>
        <v>0.95091200000000065</v>
      </c>
      <c r="E192">
        <f t="shared" si="8"/>
        <v>9.7598150000000032</v>
      </c>
      <c r="F192">
        <f t="shared" si="9"/>
        <v>1.7782208303484204E-2</v>
      </c>
    </row>
    <row r="193" spans="1:6" x14ac:dyDescent="0.2">
      <c r="A193" s="5">
        <v>577.56644800000004</v>
      </c>
      <c r="B193" s="5">
        <v>19.983695999999998</v>
      </c>
      <c r="C193" s="5">
        <v>10.600614</v>
      </c>
      <c r="D193">
        <f t="shared" si="7"/>
        <v>0.95591600000000021</v>
      </c>
      <c r="E193">
        <f t="shared" si="8"/>
        <v>10.140561000000048</v>
      </c>
      <c r="F193">
        <f t="shared" si="9"/>
        <v>1.8367087492577358E-2</v>
      </c>
    </row>
    <row r="194" spans="1:6" x14ac:dyDescent="0.2">
      <c r="A194" s="5">
        <v>577.77560500000004</v>
      </c>
      <c r="B194" s="5">
        <v>19.955369999999998</v>
      </c>
      <c r="C194" s="5">
        <v>10.605619000000001</v>
      </c>
      <c r="D194">
        <f t="shared" si="7"/>
        <v>0.9609210000000008</v>
      </c>
      <c r="E194">
        <f t="shared" si="8"/>
        <v>10.349718000000053</v>
      </c>
      <c r="F194">
        <f t="shared" si="9"/>
        <v>1.8641533304929837E-2</v>
      </c>
    </row>
    <row r="195" spans="1:6" x14ac:dyDescent="0.2">
      <c r="A195" s="5">
        <v>578.06273999999996</v>
      </c>
      <c r="B195" s="5">
        <v>19.983944999999999</v>
      </c>
      <c r="C195" s="5">
        <v>10.610624</v>
      </c>
      <c r="D195">
        <f t="shared" ref="D195:D258" si="10">C195-$C$2</f>
        <v>0.96592599999999962</v>
      </c>
      <c r="E195">
        <f t="shared" ref="E195:E258" si="11">A195-$A$2</f>
        <v>10.636852999999974</v>
      </c>
      <c r="F195">
        <f t="shared" si="9"/>
        <v>1.90499712280792E-2</v>
      </c>
    </row>
    <row r="196" spans="1:6" x14ac:dyDescent="0.2">
      <c r="A196" s="5">
        <v>578.53258800000003</v>
      </c>
      <c r="B196" s="5">
        <v>19.936475000000002</v>
      </c>
      <c r="C196" s="5">
        <v>10.615629</v>
      </c>
      <c r="D196">
        <f t="shared" si="10"/>
        <v>0.97093100000000021</v>
      </c>
      <c r="E196">
        <f t="shared" si="11"/>
        <v>11.106701000000044</v>
      </c>
      <c r="F196">
        <f t="shared" si="9"/>
        <v>1.977283242737388E-2</v>
      </c>
    </row>
    <row r="197" spans="1:6" x14ac:dyDescent="0.2">
      <c r="A197" s="5">
        <v>579.35994400000004</v>
      </c>
      <c r="B197" s="5">
        <v>19.931747000000001</v>
      </c>
      <c r="C197" s="5">
        <v>10.620634000000001</v>
      </c>
      <c r="D197">
        <f t="shared" si="10"/>
        <v>0.9759360000000008</v>
      </c>
      <c r="E197">
        <f t="shared" si="11"/>
        <v>11.934057000000053</v>
      </c>
      <c r="F197">
        <f t="shared" si="9"/>
        <v>2.1106601175442104E-2</v>
      </c>
    </row>
    <row r="198" spans="1:6" x14ac:dyDescent="0.2">
      <c r="A198" s="5">
        <v>579.03879099999995</v>
      </c>
      <c r="B198" s="5">
        <v>20.068066999999999</v>
      </c>
      <c r="C198" s="5">
        <v>10.625638</v>
      </c>
      <c r="D198">
        <f t="shared" si="10"/>
        <v>0.98094000000000037</v>
      </c>
      <c r="E198">
        <f t="shared" si="11"/>
        <v>11.612903999999958</v>
      </c>
      <c r="F198">
        <f t="shared" si="9"/>
        <v>2.0445170313475484E-2</v>
      </c>
    </row>
    <row r="199" spans="1:6" x14ac:dyDescent="0.2">
      <c r="A199" s="5">
        <v>577.77279199999998</v>
      </c>
      <c r="B199" s="5">
        <v>20.099544000000002</v>
      </c>
      <c r="C199" s="5">
        <v>10.630642999999999</v>
      </c>
      <c r="D199">
        <f t="shared" si="10"/>
        <v>0.98594499999999918</v>
      </c>
      <c r="E199">
        <f t="shared" si="11"/>
        <v>10.346904999999992</v>
      </c>
      <c r="F199">
        <f t="shared" si="9"/>
        <v>1.8163548009467918E-2</v>
      </c>
    </row>
    <row r="200" spans="1:6" x14ac:dyDescent="0.2">
      <c r="A200" s="5">
        <v>577.95035199999995</v>
      </c>
      <c r="B200" s="5">
        <v>19.931652</v>
      </c>
      <c r="C200" s="5">
        <v>10.635648</v>
      </c>
      <c r="D200">
        <f t="shared" si="10"/>
        <v>0.99094999999999978</v>
      </c>
      <c r="E200">
        <f t="shared" si="11"/>
        <v>10.524464999999964</v>
      </c>
      <c r="F200">
        <f t="shared" si="9"/>
        <v>1.8376286516054666E-2</v>
      </c>
    </row>
    <row r="201" spans="1:6" x14ac:dyDescent="0.2">
      <c r="A201" s="5">
        <v>578.12180999999998</v>
      </c>
      <c r="B201" s="5">
        <v>20.078023999999999</v>
      </c>
      <c r="C201" s="5">
        <v>10.640653</v>
      </c>
      <c r="D201">
        <f t="shared" si="10"/>
        <v>0.99595500000000037</v>
      </c>
      <c r="E201">
        <f t="shared" si="11"/>
        <v>10.695922999999993</v>
      </c>
      <c r="F201">
        <f t="shared" si="9"/>
        <v>1.8576299216721753E-2</v>
      </c>
    </row>
    <row r="202" spans="1:6" x14ac:dyDescent="0.2">
      <c r="A202" s="5">
        <v>576.42892800000004</v>
      </c>
      <c r="B202" s="5">
        <v>20.133523</v>
      </c>
      <c r="C202" s="5">
        <v>10.645657999999999</v>
      </c>
      <c r="D202">
        <f t="shared" si="10"/>
        <v>1.0009599999999992</v>
      </c>
      <c r="E202">
        <f t="shared" si="11"/>
        <v>9.0030410000000529</v>
      </c>
      <c r="F202">
        <f t="shared" si="9"/>
        <v>1.5603669304197324E-2</v>
      </c>
    </row>
    <row r="203" spans="1:6" x14ac:dyDescent="0.2">
      <c r="A203" s="5">
        <v>576.11078099999997</v>
      </c>
      <c r="B203" s="5">
        <v>20.032029000000001</v>
      </c>
      <c r="C203" s="5">
        <v>10.650662000000001</v>
      </c>
      <c r="D203">
        <f t="shared" si="10"/>
        <v>1.0059640000000005</v>
      </c>
      <c r="E203">
        <f t="shared" si="11"/>
        <v>8.6848939999999857</v>
      </c>
      <c r="F203">
        <f t="shared" si="9"/>
        <v>1.4985667099154198E-2</v>
      </c>
    </row>
    <row r="204" spans="1:6" x14ac:dyDescent="0.2">
      <c r="A204" s="5">
        <v>575.88616500000001</v>
      </c>
      <c r="B204" s="5">
        <v>20.007400000000001</v>
      </c>
      <c r="C204" s="5">
        <v>10.655666999999999</v>
      </c>
      <c r="D204">
        <f t="shared" si="10"/>
        <v>1.0109689999999993</v>
      </c>
      <c r="E204">
        <f t="shared" si="11"/>
        <v>8.4602780000000166</v>
      </c>
      <c r="F204">
        <f t="shared" si="9"/>
        <v>1.4531490086985907E-2</v>
      </c>
    </row>
    <row r="205" spans="1:6" x14ac:dyDescent="0.2">
      <c r="A205" s="5">
        <v>575.66490599999997</v>
      </c>
      <c r="B205" s="5">
        <v>20.057514000000001</v>
      </c>
      <c r="C205" s="5">
        <v>10.660672</v>
      </c>
      <c r="D205">
        <f t="shared" si="10"/>
        <v>1.0159739999999999</v>
      </c>
      <c r="E205">
        <f t="shared" si="11"/>
        <v>8.2390189999999848</v>
      </c>
      <c r="F205">
        <f t="shared" si="9"/>
        <v>1.408715054675946E-2</v>
      </c>
    </row>
    <row r="206" spans="1:6" x14ac:dyDescent="0.2">
      <c r="A206" s="5">
        <v>573.84807999999998</v>
      </c>
      <c r="B206" s="5">
        <v>20.210124</v>
      </c>
      <c r="C206" s="5">
        <v>10.665677000000001</v>
      </c>
      <c r="D206">
        <f t="shared" si="10"/>
        <v>1.0209790000000005</v>
      </c>
      <c r="E206">
        <f t="shared" si="11"/>
        <v>6.4221929999999929</v>
      </c>
      <c r="F206">
        <f t="shared" si="9"/>
        <v>1.0961490468676453E-2</v>
      </c>
    </row>
    <row r="207" spans="1:6" x14ac:dyDescent="0.2">
      <c r="A207" s="5">
        <v>572.26633700000002</v>
      </c>
      <c r="B207" s="5">
        <v>20.111702000000001</v>
      </c>
      <c r="C207" s="5">
        <v>10.670681999999999</v>
      </c>
      <c r="D207">
        <f t="shared" si="10"/>
        <v>1.0259839999999993</v>
      </c>
      <c r="E207">
        <f t="shared" si="11"/>
        <v>4.8404500000000326</v>
      </c>
      <c r="F207">
        <f t="shared" si="9"/>
        <v>8.2441702267193016E-3</v>
      </c>
    </row>
    <row r="208" spans="1:6" x14ac:dyDescent="0.2">
      <c r="A208" s="5">
        <v>573.10018600000001</v>
      </c>
      <c r="B208" s="5">
        <v>19.853000999999999</v>
      </c>
      <c r="C208" s="5">
        <v>10.675686000000001</v>
      </c>
      <c r="D208">
        <f t="shared" si="10"/>
        <v>1.0309880000000007</v>
      </c>
      <c r="E208">
        <f t="shared" si="11"/>
        <v>5.6742990000000191</v>
      </c>
      <c r="F208">
        <f t="shared" si="9"/>
        <v>9.6034671871808204E-3</v>
      </c>
    </row>
    <row r="209" spans="1:6" x14ac:dyDescent="0.2">
      <c r="A209" s="5">
        <v>574.97573599999998</v>
      </c>
      <c r="B209" s="5">
        <v>19.843619</v>
      </c>
      <c r="C209" s="5">
        <v>10.680690999999999</v>
      </c>
      <c r="D209">
        <f t="shared" si="10"/>
        <v>1.0359929999999995</v>
      </c>
      <c r="E209">
        <f t="shared" si="11"/>
        <v>7.5498489999999947</v>
      </c>
      <c r="F209">
        <f t="shared" si="9"/>
        <v>1.2674531843096906E-2</v>
      </c>
    </row>
    <row r="210" spans="1:6" x14ac:dyDescent="0.2">
      <c r="A210" s="5">
        <v>574.53196500000001</v>
      </c>
      <c r="B210" s="5">
        <v>20.097832</v>
      </c>
      <c r="C210" s="5">
        <v>10.685696</v>
      </c>
      <c r="D210">
        <f t="shared" si="10"/>
        <v>1.0409980000000001</v>
      </c>
      <c r="E210">
        <f t="shared" si="11"/>
        <v>7.106078000000025</v>
      </c>
      <c r="F210">
        <f t="shared" si="9"/>
        <v>1.1881352441488359E-2</v>
      </c>
    </row>
    <row r="211" spans="1:6" x14ac:dyDescent="0.2">
      <c r="A211" s="5">
        <v>573.12461399999995</v>
      </c>
      <c r="B211" s="5">
        <v>20.101911000000001</v>
      </c>
      <c r="C211" s="5">
        <v>10.690701000000001</v>
      </c>
      <c r="D211">
        <f t="shared" si="10"/>
        <v>1.0460030000000007</v>
      </c>
      <c r="E211">
        <f t="shared" si="11"/>
        <v>5.6987269999999626</v>
      </c>
      <c r="F211">
        <f t="shared" si="9"/>
        <v>9.5059573574864508E-3</v>
      </c>
    </row>
    <row r="212" spans="1:6" x14ac:dyDescent="0.2">
      <c r="A212" s="5">
        <v>574.13960399999996</v>
      </c>
      <c r="B212" s="5">
        <v>19.825313000000001</v>
      </c>
      <c r="C212" s="5">
        <v>10.695705999999999</v>
      </c>
      <c r="D212">
        <f t="shared" si="10"/>
        <v>1.0510079999999995</v>
      </c>
      <c r="E212">
        <f t="shared" si="11"/>
        <v>6.7137169999999742</v>
      </c>
      <c r="F212">
        <f t="shared" si="9"/>
        <v>1.1126011474392284E-2</v>
      </c>
    </row>
    <row r="213" spans="1:6" x14ac:dyDescent="0.2">
      <c r="A213" s="5">
        <v>575.87103100000002</v>
      </c>
      <c r="B213" s="5">
        <v>19.872553</v>
      </c>
      <c r="C213" s="5">
        <v>10.700710000000001</v>
      </c>
      <c r="D213">
        <f t="shared" si="10"/>
        <v>1.0560120000000008</v>
      </c>
      <c r="E213">
        <f t="shared" si="11"/>
        <v>8.4451440000000275</v>
      </c>
      <c r="F213">
        <f t="shared" si="9"/>
        <v>1.3887145118818684E-2</v>
      </c>
    </row>
    <row r="214" spans="1:6" x14ac:dyDescent="0.2">
      <c r="A214" s="5">
        <v>575.87847399999998</v>
      </c>
      <c r="B214" s="5">
        <v>20.038477</v>
      </c>
      <c r="C214" s="5">
        <v>10.705715</v>
      </c>
      <c r="D214">
        <f t="shared" si="10"/>
        <v>1.0610169999999997</v>
      </c>
      <c r="E214">
        <f t="shared" si="11"/>
        <v>8.4525869999999941</v>
      </c>
      <c r="F214">
        <f t="shared" si="9"/>
        <v>1.3833639756854936E-2</v>
      </c>
    </row>
    <row r="215" spans="1:6" x14ac:dyDescent="0.2">
      <c r="A215" s="5">
        <v>574.75841600000001</v>
      </c>
      <c r="B215" s="5">
        <v>20.113517999999999</v>
      </c>
      <c r="C215" s="5">
        <v>10.71072</v>
      </c>
      <c r="D215">
        <f t="shared" si="10"/>
        <v>1.0660220000000002</v>
      </c>
      <c r="E215">
        <f t="shared" si="11"/>
        <v>7.3325290000000223</v>
      </c>
      <c r="F215">
        <f t="shared" si="9"/>
        <v>1.1967468210777578E-2</v>
      </c>
    </row>
    <row r="216" spans="1:6" x14ac:dyDescent="0.2">
      <c r="A216" s="5">
        <v>575.04921100000001</v>
      </c>
      <c r="B216" s="5">
        <v>19.918364</v>
      </c>
      <c r="C216" s="5">
        <v>10.715725000000001</v>
      </c>
      <c r="D216">
        <f t="shared" si="10"/>
        <v>1.0710270000000008</v>
      </c>
      <c r="E216">
        <f t="shared" si="11"/>
        <v>7.6233240000000251</v>
      </c>
      <c r="F216">
        <f t="shared" si="9"/>
        <v>1.2377671343763625E-2</v>
      </c>
    </row>
    <row r="217" spans="1:6" x14ac:dyDescent="0.2">
      <c r="A217" s="5">
        <v>576.550524</v>
      </c>
      <c r="B217" s="5">
        <v>19.804276999999999</v>
      </c>
      <c r="C217" s="5">
        <v>10.72073</v>
      </c>
      <c r="D217">
        <f t="shared" si="10"/>
        <v>1.0760319999999997</v>
      </c>
      <c r="E217">
        <f t="shared" si="11"/>
        <v>9.124637000000007</v>
      </c>
      <c r="F217">
        <f t="shared" si="9"/>
        <v>1.4707980250890993E-2</v>
      </c>
    </row>
    <row r="218" spans="1:6" x14ac:dyDescent="0.2">
      <c r="A218" s="5">
        <v>578.55328199999997</v>
      </c>
      <c r="B218" s="5">
        <v>19.849250999999999</v>
      </c>
      <c r="C218" s="5">
        <v>10.725733999999999</v>
      </c>
      <c r="D218">
        <f t="shared" si="10"/>
        <v>1.0810359999999992</v>
      </c>
      <c r="E218">
        <f t="shared" si="11"/>
        <v>11.127394999999979</v>
      </c>
      <c r="F218">
        <f t="shared" si="9"/>
        <v>1.7791394370384871E-2</v>
      </c>
    </row>
    <row r="219" spans="1:6" x14ac:dyDescent="0.2">
      <c r="A219" s="5">
        <v>578.72807</v>
      </c>
      <c r="B219" s="5">
        <v>19.982955</v>
      </c>
      <c r="C219" s="5">
        <v>10.730739</v>
      </c>
      <c r="D219">
        <f t="shared" si="10"/>
        <v>1.0860409999999998</v>
      </c>
      <c r="E219">
        <f t="shared" si="11"/>
        <v>11.302183000000014</v>
      </c>
      <c r="F219">
        <f t="shared" si="9"/>
        <v>1.7982147949756881E-2</v>
      </c>
    </row>
    <row r="220" spans="1:6" x14ac:dyDescent="0.2">
      <c r="A220" s="5">
        <v>578.17105900000001</v>
      </c>
      <c r="B220" s="5">
        <v>20.069317000000002</v>
      </c>
      <c r="C220" s="5">
        <v>10.735744</v>
      </c>
      <c r="D220">
        <f t="shared" si="10"/>
        <v>1.0910460000000004</v>
      </c>
      <c r="E220">
        <f t="shared" si="11"/>
        <v>10.745172000000025</v>
      </c>
      <c r="F220">
        <f t="shared" si="9"/>
        <v>1.7033894829766867E-2</v>
      </c>
    </row>
    <row r="221" spans="1:6" x14ac:dyDescent="0.2">
      <c r="A221" s="5">
        <v>579.07682799999998</v>
      </c>
      <c r="B221" s="5">
        <v>19.848717000000001</v>
      </c>
      <c r="C221" s="5">
        <v>10.740748999999999</v>
      </c>
      <c r="D221">
        <f t="shared" si="10"/>
        <v>1.0960509999999992</v>
      </c>
      <c r="E221">
        <f t="shared" si="11"/>
        <v>11.650940999999989</v>
      </c>
      <c r="F221">
        <f t="shared" si="9"/>
        <v>1.8356676464563602E-2</v>
      </c>
    </row>
    <row r="222" spans="1:6" x14ac:dyDescent="0.2">
      <c r="A222" s="5">
        <v>580.30516399999999</v>
      </c>
      <c r="B222" s="5">
        <v>19.923306</v>
      </c>
      <c r="C222" s="5">
        <v>10.745754</v>
      </c>
      <c r="D222">
        <f t="shared" si="10"/>
        <v>1.1010559999999998</v>
      </c>
      <c r="E222">
        <f t="shared" si="11"/>
        <v>12.879277000000002</v>
      </c>
      <c r="F222">
        <f t="shared" si="9"/>
        <v>2.0156988160484873E-2</v>
      </c>
    </row>
    <row r="223" spans="1:6" x14ac:dyDescent="0.2">
      <c r="A223" s="5">
        <v>580.10776399999997</v>
      </c>
      <c r="B223" s="5">
        <v>20.018647000000001</v>
      </c>
      <c r="C223" s="5">
        <v>10.750757999999999</v>
      </c>
      <c r="D223">
        <f t="shared" si="10"/>
        <v>1.1060599999999994</v>
      </c>
      <c r="E223">
        <f t="shared" si="11"/>
        <v>12.681876999999986</v>
      </c>
      <c r="F223">
        <f t="shared" si="9"/>
        <v>1.9764970574289567E-2</v>
      </c>
    </row>
    <row r="224" spans="1:6" x14ac:dyDescent="0.2">
      <c r="A224" s="5">
        <v>580.23694</v>
      </c>
      <c r="B224" s="5">
        <v>19.967839999999999</v>
      </c>
      <c r="C224" s="5">
        <v>10.755763</v>
      </c>
      <c r="D224">
        <f t="shared" si="10"/>
        <v>1.111065</v>
      </c>
      <c r="E224">
        <f t="shared" si="11"/>
        <v>12.811053000000015</v>
      </c>
      <c r="F224">
        <f t="shared" si="9"/>
        <v>1.9871927169421238E-2</v>
      </c>
    </row>
    <row r="225" spans="1:6" x14ac:dyDescent="0.2">
      <c r="A225" s="5">
        <v>581.28770799999995</v>
      </c>
      <c r="B225" s="5">
        <v>19.890896000000001</v>
      </c>
      <c r="C225" s="5">
        <v>10.760768000000001</v>
      </c>
      <c r="D225">
        <f t="shared" si="10"/>
        <v>1.1160700000000006</v>
      </c>
      <c r="E225">
        <f t="shared" si="11"/>
        <v>13.861820999999964</v>
      </c>
      <c r="F225">
        <f t="shared" si="9"/>
        <v>2.1366712804918937E-2</v>
      </c>
    </row>
    <row r="226" spans="1:6" x14ac:dyDescent="0.2">
      <c r="A226" s="5">
        <v>582.03742799999998</v>
      </c>
      <c r="B226" s="5">
        <v>19.968741999999999</v>
      </c>
      <c r="C226" s="5">
        <v>10.765772999999999</v>
      </c>
      <c r="D226">
        <f t="shared" si="10"/>
        <v>1.1210749999999994</v>
      </c>
      <c r="E226">
        <f t="shared" si="11"/>
        <v>14.611540999999988</v>
      </c>
      <c r="F226">
        <f t="shared" si="9"/>
        <v>2.2392905132657202E-2</v>
      </c>
    </row>
    <row r="227" spans="1:6" x14ac:dyDescent="0.2">
      <c r="A227" s="5">
        <v>580.38273900000002</v>
      </c>
      <c r="B227" s="5">
        <v>20.223040000000001</v>
      </c>
      <c r="C227" s="5">
        <v>10.770778</v>
      </c>
      <c r="D227">
        <f t="shared" si="10"/>
        <v>1.12608</v>
      </c>
      <c r="E227">
        <f t="shared" si="11"/>
        <v>12.956852000000026</v>
      </c>
      <c r="F227">
        <f t="shared" si="9"/>
        <v>1.9825117280313161E-2</v>
      </c>
    </row>
    <row r="228" spans="1:6" x14ac:dyDescent="0.2">
      <c r="A228" s="5">
        <v>578.44704999999999</v>
      </c>
      <c r="B228" s="5">
        <v>20.153742999999999</v>
      </c>
      <c r="C228" s="5">
        <v>10.775782</v>
      </c>
      <c r="D228">
        <f t="shared" si="10"/>
        <v>1.1310839999999995</v>
      </c>
      <c r="E228">
        <f t="shared" si="11"/>
        <v>11.021163000000001</v>
      </c>
      <c r="F228">
        <f t="shared" si="9"/>
        <v>1.6844920123067576E-2</v>
      </c>
    </row>
    <row r="229" spans="1:6" x14ac:dyDescent="0.2">
      <c r="A229" s="5">
        <v>577.74156400000004</v>
      </c>
      <c r="B229" s="5">
        <v>20.049112000000001</v>
      </c>
      <c r="C229" s="5">
        <v>10.780787</v>
      </c>
      <c r="D229">
        <f t="shared" si="10"/>
        <v>1.1360890000000001</v>
      </c>
      <c r="E229">
        <f t="shared" si="11"/>
        <v>10.315677000000051</v>
      </c>
      <c r="F229">
        <f t="shared" si="9"/>
        <v>1.5716352739396273E-2</v>
      </c>
    </row>
    <row r="230" spans="1:6" x14ac:dyDescent="0.2">
      <c r="A230" s="5">
        <v>578.129728</v>
      </c>
      <c r="B230" s="5">
        <v>19.951395999999999</v>
      </c>
      <c r="C230" s="5">
        <v>10.785792000000001</v>
      </c>
      <c r="D230">
        <f t="shared" si="10"/>
        <v>1.1410940000000007</v>
      </c>
      <c r="E230">
        <f t="shared" si="11"/>
        <v>10.703841000000011</v>
      </c>
      <c r="F230">
        <f t="shared" si="9"/>
        <v>1.6225307104054582E-2</v>
      </c>
    </row>
    <row r="231" spans="1:6" x14ac:dyDescent="0.2">
      <c r="A231" s="5">
        <v>577.66859099999999</v>
      </c>
      <c r="B231" s="5">
        <v>20.063434000000001</v>
      </c>
      <c r="C231" s="5">
        <v>10.790797</v>
      </c>
      <c r="D231">
        <f t="shared" si="10"/>
        <v>1.1460989999999995</v>
      </c>
      <c r="E231">
        <f t="shared" si="11"/>
        <v>10.242704000000003</v>
      </c>
      <c r="F231">
        <f t="shared" si="9"/>
        <v>1.5470834279291776E-2</v>
      </c>
    </row>
    <row r="232" spans="1:6" x14ac:dyDescent="0.2">
      <c r="A232" s="5">
        <v>576.74239799999998</v>
      </c>
      <c r="B232" s="5">
        <v>20.091125999999999</v>
      </c>
      <c r="C232" s="5">
        <v>10.795802</v>
      </c>
      <c r="D232">
        <f t="shared" si="10"/>
        <v>1.1511040000000001</v>
      </c>
      <c r="E232">
        <f t="shared" si="11"/>
        <v>9.3165109999999913</v>
      </c>
      <c r="F232">
        <f t="shared" si="9"/>
        <v>1.4033204666006193E-2</v>
      </c>
    </row>
    <row r="233" spans="1:6" x14ac:dyDescent="0.2">
      <c r="A233" s="5">
        <v>576.11875499999996</v>
      </c>
      <c r="B233" s="5">
        <v>20.052731999999999</v>
      </c>
      <c r="C233" s="5">
        <v>10.800806</v>
      </c>
      <c r="D233">
        <f t="shared" si="10"/>
        <v>1.1561079999999997</v>
      </c>
      <c r="E233">
        <f t="shared" si="11"/>
        <v>8.6928679999999758</v>
      </c>
      <c r="F233">
        <f t="shared" si="9"/>
        <v>1.3051266717331585E-2</v>
      </c>
    </row>
    <row r="234" spans="1:6" x14ac:dyDescent="0.2">
      <c r="A234" s="5">
        <v>575.92704700000002</v>
      </c>
      <c r="B234" s="5">
        <v>20.017254999999999</v>
      </c>
      <c r="C234" s="5">
        <v>10.805811</v>
      </c>
      <c r="D234">
        <f t="shared" si="10"/>
        <v>1.1611130000000003</v>
      </c>
      <c r="E234">
        <f t="shared" si="11"/>
        <v>8.5011600000000271</v>
      </c>
      <c r="F234">
        <f t="shared" si="9"/>
        <v>1.271265403006463E-2</v>
      </c>
    </row>
    <row r="235" spans="1:6" x14ac:dyDescent="0.2">
      <c r="A235" s="5">
        <v>575.31877299999996</v>
      </c>
      <c r="B235" s="5">
        <v>20.053296</v>
      </c>
      <c r="C235" s="5">
        <v>10.810816000000001</v>
      </c>
      <c r="D235">
        <f t="shared" si="10"/>
        <v>1.1661180000000009</v>
      </c>
      <c r="E235">
        <f t="shared" si="11"/>
        <v>7.8928859999999759</v>
      </c>
      <c r="F235">
        <f t="shared" si="9"/>
        <v>1.1764806417294653E-2</v>
      </c>
    </row>
    <row r="236" spans="1:6" x14ac:dyDescent="0.2">
      <c r="A236" s="5">
        <v>575.92009299999995</v>
      </c>
      <c r="B236" s="5">
        <v>19.910011999999998</v>
      </c>
      <c r="C236" s="5">
        <v>10.815821</v>
      </c>
      <c r="D236">
        <f t="shared" si="10"/>
        <v>1.1711229999999997</v>
      </c>
      <c r="E236">
        <f t="shared" si="11"/>
        <v>8.4942059999999628</v>
      </c>
      <c r="F236">
        <f t="shared" si="9"/>
        <v>1.2593836427118903E-2</v>
      </c>
    </row>
    <row r="237" spans="1:6" x14ac:dyDescent="0.2">
      <c r="A237" s="5">
        <v>575.73131000000001</v>
      </c>
      <c r="B237" s="5">
        <v>20.063236</v>
      </c>
      <c r="C237" s="5">
        <v>10.820826</v>
      </c>
      <c r="D237">
        <f t="shared" si="10"/>
        <v>1.1761280000000003</v>
      </c>
      <c r="E237">
        <f t="shared" si="11"/>
        <v>8.3054230000000189</v>
      </c>
      <c r="F237">
        <f t="shared" si="9"/>
        <v>1.2265558229084615E-2</v>
      </c>
    </row>
    <row r="238" spans="1:6" x14ac:dyDescent="0.2">
      <c r="A238" s="5">
        <v>575.13708199999996</v>
      </c>
      <c r="B238" s="5">
        <v>20.052906</v>
      </c>
      <c r="C238" s="5">
        <v>10.82583</v>
      </c>
      <c r="D238">
        <f t="shared" si="10"/>
        <v>1.1811319999999998</v>
      </c>
      <c r="E238">
        <f t="shared" si="11"/>
        <v>7.7111949999999752</v>
      </c>
      <c r="F238">
        <f t="shared" si="9"/>
        <v>1.1351464103870187E-2</v>
      </c>
    </row>
    <row r="239" spans="1:6" x14ac:dyDescent="0.2">
      <c r="A239" s="5">
        <v>574.67281800000001</v>
      </c>
      <c r="B239" s="5">
        <v>20.057808000000001</v>
      </c>
      <c r="C239" s="5">
        <v>10.830835</v>
      </c>
      <c r="D239">
        <f t="shared" si="10"/>
        <v>1.1861370000000004</v>
      </c>
      <c r="E239">
        <f t="shared" si="11"/>
        <v>7.2469310000000178</v>
      </c>
      <c r="F239">
        <f t="shared" si="9"/>
        <v>1.0631599729311164E-2</v>
      </c>
    </row>
    <row r="240" spans="1:6" x14ac:dyDescent="0.2">
      <c r="A240" s="5">
        <v>574.75443099999995</v>
      </c>
      <c r="B240" s="5">
        <v>19.932656999999999</v>
      </c>
      <c r="C240" s="5">
        <v>10.835839999999999</v>
      </c>
      <c r="D240">
        <f t="shared" si="10"/>
        <v>1.1911419999999993</v>
      </c>
      <c r="E240">
        <f t="shared" si="11"/>
        <v>7.3285439999999653</v>
      </c>
      <c r="F240">
        <f t="shared" si="9"/>
        <v>1.0704634253933835E-2</v>
      </c>
    </row>
    <row r="241" spans="1:6" x14ac:dyDescent="0.2">
      <c r="A241" s="5">
        <v>575.57533799999999</v>
      </c>
      <c r="B241" s="5">
        <v>19.947998999999999</v>
      </c>
      <c r="C241" s="5">
        <v>10.840845</v>
      </c>
      <c r="D241">
        <f t="shared" si="10"/>
        <v>1.1961469999999998</v>
      </c>
      <c r="E241">
        <f t="shared" si="11"/>
        <v>8.1494509999999991</v>
      </c>
      <c r="F241">
        <f t="shared" si="9"/>
        <v>1.1836999254118392E-2</v>
      </c>
    </row>
    <row r="242" spans="1:6" x14ac:dyDescent="0.2">
      <c r="A242" s="5">
        <v>575.40886599999999</v>
      </c>
      <c r="B242" s="5">
        <v>20.017572000000001</v>
      </c>
      <c r="C242" s="5">
        <v>10.84585</v>
      </c>
      <c r="D242">
        <f t="shared" si="10"/>
        <v>1.2011520000000004</v>
      </c>
      <c r="E242">
        <f t="shared" si="11"/>
        <v>7.9829790000000003</v>
      </c>
      <c r="F242">
        <f t="shared" si="9"/>
        <v>1.1550225647457828E-2</v>
      </c>
    </row>
    <row r="243" spans="1:6" x14ac:dyDescent="0.2">
      <c r="A243" s="5">
        <v>575.31785200000002</v>
      </c>
      <c r="B243" s="5">
        <v>20.009557999999998</v>
      </c>
      <c r="C243" s="5">
        <v>10.850854</v>
      </c>
      <c r="D243">
        <f t="shared" si="10"/>
        <v>1.206156</v>
      </c>
      <c r="E243">
        <f t="shared" si="11"/>
        <v>7.8919650000000274</v>
      </c>
      <c r="F243">
        <f t="shared" si="9"/>
        <v>1.1372968038865082E-2</v>
      </c>
    </row>
    <row r="244" spans="1:6" x14ac:dyDescent="0.2">
      <c r="A244" s="5">
        <v>576.51394100000005</v>
      </c>
      <c r="B244" s="5">
        <v>19.830573999999999</v>
      </c>
      <c r="C244" s="5">
        <v>10.855859000000001</v>
      </c>
      <c r="D244">
        <f t="shared" si="10"/>
        <v>1.2111610000000006</v>
      </c>
      <c r="E244">
        <f t="shared" si="11"/>
        <v>9.0880540000000565</v>
      </c>
      <c r="F244">
        <f t="shared" ref="F244:F307" si="12">(1/A244)*(E244/D244)</f>
        <v>1.3015450575865136E-2</v>
      </c>
    </row>
    <row r="245" spans="1:6" x14ac:dyDescent="0.2">
      <c r="A245" s="5">
        <v>577.45923400000004</v>
      </c>
      <c r="B245" s="5">
        <v>19.965212000000001</v>
      </c>
      <c r="C245" s="5">
        <v>10.860863999999999</v>
      </c>
      <c r="D245">
        <f t="shared" si="10"/>
        <v>1.2161659999999994</v>
      </c>
      <c r="E245">
        <f t="shared" si="11"/>
        <v>10.033347000000049</v>
      </c>
      <c r="F245">
        <f t="shared" si="12"/>
        <v>1.4286690754063115E-2</v>
      </c>
    </row>
    <row r="246" spans="1:6" x14ac:dyDescent="0.2">
      <c r="A246" s="5">
        <v>577.03250500000001</v>
      </c>
      <c r="B246" s="5">
        <v>20.038346000000001</v>
      </c>
      <c r="C246" s="5">
        <v>10.865869</v>
      </c>
      <c r="D246">
        <f t="shared" si="10"/>
        <v>1.221171</v>
      </c>
      <c r="E246">
        <f t="shared" si="11"/>
        <v>9.6066180000000259</v>
      </c>
      <c r="F246">
        <f t="shared" si="12"/>
        <v>1.3633073030395911E-2</v>
      </c>
    </row>
    <row r="247" spans="1:6" x14ac:dyDescent="0.2">
      <c r="A247" s="5">
        <v>576.8759</v>
      </c>
      <c r="B247" s="5">
        <v>20.000798</v>
      </c>
      <c r="C247" s="5">
        <v>10.870874000000001</v>
      </c>
      <c r="D247">
        <f t="shared" si="10"/>
        <v>1.2261760000000006</v>
      </c>
      <c r="E247">
        <f t="shared" si="11"/>
        <v>9.4500130000000127</v>
      </c>
      <c r="F247">
        <f t="shared" si="12"/>
        <v>1.3359715156646471E-2</v>
      </c>
    </row>
    <row r="248" spans="1:6" x14ac:dyDescent="0.2">
      <c r="A248" s="5">
        <v>577.12819000000002</v>
      </c>
      <c r="B248" s="5">
        <v>19.967433</v>
      </c>
      <c r="C248" s="5">
        <v>10.875878</v>
      </c>
      <c r="D248">
        <f t="shared" si="10"/>
        <v>1.2311800000000002</v>
      </c>
      <c r="E248">
        <f t="shared" si="11"/>
        <v>9.702303000000029</v>
      </c>
      <c r="F248">
        <f t="shared" si="12"/>
        <v>1.3654663227599759E-2</v>
      </c>
    </row>
    <row r="249" spans="1:6" x14ac:dyDescent="0.2">
      <c r="A249" s="5">
        <v>578.22908800000005</v>
      </c>
      <c r="B249" s="5">
        <v>19.843824999999999</v>
      </c>
      <c r="C249" s="5">
        <v>10.880883000000001</v>
      </c>
      <c r="D249">
        <f t="shared" si="10"/>
        <v>1.2361850000000008</v>
      </c>
      <c r="E249">
        <f t="shared" si="11"/>
        <v>10.803201000000058</v>
      </c>
      <c r="F249">
        <f t="shared" si="12"/>
        <v>1.5113639249884554E-2</v>
      </c>
    </row>
    <row r="250" spans="1:6" x14ac:dyDescent="0.2">
      <c r="A250" s="5">
        <v>579.10884499999997</v>
      </c>
      <c r="B250" s="5">
        <v>19.966324</v>
      </c>
      <c r="C250" s="5">
        <v>10.885888</v>
      </c>
      <c r="D250">
        <f t="shared" si="10"/>
        <v>1.2411899999999996</v>
      </c>
      <c r="E250">
        <f t="shared" si="11"/>
        <v>11.682957999999985</v>
      </c>
      <c r="F250">
        <f t="shared" si="12"/>
        <v>1.6253778959401187E-2</v>
      </c>
    </row>
    <row r="251" spans="1:6" x14ac:dyDescent="0.2">
      <c r="A251" s="5">
        <v>579.41834100000005</v>
      </c>
      <c r="B251" s="5">
        <v>19.930575000000001</v>
      </c>
      <c r="C251" s="5">
        <v>10.890893</v>
      </c>
      <c r="D251">
        <f t="shared" si="10"/>
        <v>1.2461950000000002</v>
      </c>
      <c r="E251">
        <f t="shared" si="11"/>
        <v>11.992454000000066</v>
      </c>
      <c r="F251">
        <f t="shared" si="12"/>
        <v>1.6608477349630005E-2</v>
      </c>
    </row>
    <row r="252" spans="1:6" x14ac:dyDescent="0.2">
      <c r="A252" s="5">
        <v>580.42028600000003</v>
      </c>
      <c r="B252" s="5">
        <v>19.929722000000002</v>
      </c>
      <c r="C252" s="5">
        <v>10.895898000000001</v>
      </c>
      <c r="D252">
        <f t="shared" si="10"/>
        <v>1.2512000000000008</v>
      </c>
      <c r="E252">
        <f t="shared" si="11"/>
        <v>12.994399000000044</v>
      </c>
      <c r="F252">
        <f t="shared" si="12"/>
        <v>1.7893153157107353E-2</v>
      </c>
    </row>
    <row r="253" spans="1:6" x14ac:dyDescent="0.2">
      <c r="A253" s="5">
        <v>580.15776900000003</v>
      </c>
      <c r="B253" s="5">
        <v>20.041969000000002</v>
      </c>
      <c r="C253" s="5">
        <v>10.900902</v>
      </c>
      <c r="D253">
        <f t="shared" si="10"/>
        <v>1.2562040000000003</v>
      </c>
      <c r="E253">
        <f t="shared" si="11"/>
        <v>12.731882000000041</v>
      </c>
      <c r="F253">
        <f t="shared" si="12"/>
        <v>1.746973513792785E-2</v>
      </c>
    </row>
    <row r="254" spans="1:6" x14ac:dyDescent="0.2">
      <c r="A254" s="5">
        <v>579.83417199999997</v>
      </c>
      <c r="B254" s="5">
        <v>20.01379</v>
      </c>
      <c r="C254" s="5">
        <v>10.905906999999999</v>
      </c>
      <c r="D254">
        <f t="shared" si="10"/>
        <v>1.2612089999999991</v>
      </c>
      <c r="E254">
        <f t="shared" si="11"/>
        <v>12.408284999999978</v>
      </c>
      <c r="F254">
        <f t="shared" si="12"/>
        <v>1.6967618552495359E-2</v>
      </c>
    </row>
    <row r="255" spans="1:6" x14ac:dyDescent="0.2">
      <c r="A255" s="5">
        <v>578.98443699999996</v>
      </c>
      <c r="B255" s="5">
        <v>20.134712</v>
      </c>
      <c r="C255" s="5">
        <v>10.910912</v>
      </c>
      <c r="D255">
        <f t="shared" si="10"/>
        <v>1.2662139999999997</v>
      </c>
      <c r="E255">
        <f t="shared" si="11"/>
        <v>11.558549999999968</v>
      </c>
      <c r="F255">
        <f t="shared" si="12"/>
        <v>1.5766284347319439E-2</v>
      </c>
    </row>
    <row r="256" spans="1:6" x14ac:dyDescent="0.2">
      <c r="A256" s="5">
        <v>577.30838800000004</v>
      </c>
      <c r="B256" s="5">
        <v>20.151084000000001</v>
      </c>
      <c r="C256" s="5">
        <v>10.915917</v>
      </c>
      <c r="D256">
        <f t="shared" si="10"/>
        <v>1.2712190000000003</v>
      </c>
      <c r="E256">
        <f t="shared" si="11"/>
        <v>9.8825010000000475</v>
      </c>
      <c r="F256">
        <f t="shared" si="12"/>
        <v>1.3466000429999309E-2</v>
      </c>
    </row>
    <row r="257" spans="1:6" x14ac:dyDescent="0.2">
      <c r="A257" s="5">
        <v>577.42648699999995</v>
      </c>
      <c r="B257" s="5">
        <v>19.923515999999999</v>
      </c>
      <c r="C257" s="5">
        <v>10.920921999999999</v>
      </c>
      <c r="D257">
        <f t="shared" si="10"/>
        <v>1.2762239999999991</v>
      </c>
      <c r="E257">
        <f t="shared" si="11"/>
        <v>10.000599999999963</v>
      </c>
      <c r="F257">
        <f t="shared" si="12"/>
        <v>1.3570706189901437E-2</v>
      </c>
    </row>
    <row r="258" spans="1:6" x14ac:dyDescent="0.2">
      <c r="A258" s="5">
        <v>578.78808000000004</v>
      </c>
      <c r="B258" s="5">
        <v>19.877251000000001</v>
      </c>
      <c r="C258" s="5">
        <v>10.925926</v>
      </c>
      <c r="D258">
        <f t="shared" si="10"/>
        <v>1.2812280000000005</v>
      </c>
      <c r="E258">
        <f t="shared" si="11"/>
        <v>11.362193000000048</v>
      </c>
      <c r="F258">
        <f t="shared" si="12"/>
        <v>1.5322024853631227E-2</v>
      </c>
    </row>
    <row r="259" spans="1:6" x14ac:dyDescent="0.2">
      <c r="A259" s="5">
        <v>578.38797499999998</v>
      </c>
      <c r="B259" s="5">
        <v>20.090599000000001</v>
      </c>
      <c r="C259" s="5">
        <v>10.930930999999999</v>
      </c>
      <c r="D259">
        <f t="shared" ref="D259:D322" si="13">C259-$C$2</f>
        <v>1.2862329999999993</v>
      </c>
      <c r="E259">
        <f t="shared" ref="E259:E322" si="14">A259-$A$2</f>
        <v>10.962087999999994</v>
      </c>
      <c r="F259">
        <f t="shared" si="12"/>
        <v>1.473514389144083E-2</v>
      </c>
    </row>
    <row r="260" spans="1:6" x14ac:dyDescent="0.2">
      <c r="A260" s="5">
        <v>578.06095300000004</v>
      </c>
      <c r="B260" s="5">
        <v>19.975027999999998</v>
      </c>
      <c r="C260" s="5">
        <v>10.935936</v>
      </c>
      <c r="D260">
        <f t="shared" si="13"/>
        <v>1.2912379999999999</v>
      </c>
      <c r="E260">
        <f t="shared" si="14"/>
        <v>10.635066000000052</v>
      </c>
      <c r="F260">
        <f t="shared" si="12"/>
        <v>1.424820832628656E-2</v>
      </c>
    </row>
    <row r="261" spans="1:6" x14ac:dyDescent="0.2">
      <c r="A261" s="5">
        <v>579.30221400000005</v>
      </c>
      <c r="B261" s="5">
        <v>19.841705999999999</v>
      </c>
      <c r="C261" s="5">
        <v>10.940941</v>
      </c>
      <c r="D261">
        <f t="shared" si="13"/>
        <v>1.2962430000000005</v>
      </c>
      <c r="E261">
        <f t="shared" si="14"/>
        <v>11.87632700000006</v>
      </c>
      <c r="F261">
        <f t="shared" si="12"/>
        <v>1.5815777056962375E-2</v>
      </c>
    </row>
    <row r="262" spans="1:6" x14ac:dyDescent="0.2">
      <c r="A262" s="5">
        <v>579.87266499999998</v>
      </c>
      <c r="B262" s="5">
        <v>20.015542</v>
      </c>
      <c r="C262" s="5">
        <v>10.945945999999999</v>
      </c>
      <c r="D262">
        <f t="shared" si="13"/>
        <v>1.3012479999999993</v>
      </c>
      <c r="E262">
        <f t="shared" si="14"/>
        <v>12.446777999999995</v>
      </c>
      <c r="F262">
        <f t="shared" si="12"/>
        <v>1.6495452435060502E-2</v>
      </c>
    </row>
    <row r="263" spans="1:6" x14ac:dyDescent="0.2">
      <c r="A263" s="5">
        <v>578.13619000000006</v>
      </c>
      <c r="B263" s="5">
        <v>20.200745000000001</v>
      </c>
      <c r="C263" s="5">
        <v>10.950950000000001</v>
      </c>
      <c r="D263">
        <f t="shared" si="13"/>
        <v>1.3062520000000006</v>
      </c>
      <c r="E263">
        <f t="shared" si="14"/>
        <v>10.710303000000067</v>
      </c>
      <c r="F263">
        <f t="shared" si="12"/>
        <v>1.4182233549553091E-2</v>
      </c>
    </row>
    <row r="264" spans="1:6" x14ac:dyDescent="0.2">
      <c r="A264" s="5">
        <v>576.94665099999997</v>
      </c>
      <c r="B264" s="5">
        <v>20.069049</v>
      </c>
      <c r="C264" s="5">
        <v>10.955954999999999</v>
      </c>
      <c r="D264">
        <f t="shared" si="13"/>
        <v>1.3112569999999995</v>
      </c>
      <c r="E264">
        <f t="shared" si="14"/>
        <v>9.5207639999999856</v>
      </c>
      <c r="F264">
        <f t="shared" si="12"/>
        <v>1.258485811733237E-2</v>
      </c>
    </row>
    <row r="265" spans="1:6" x14ac:dyDescent="0.2">
      <c r="A265" s="5">
        <v>577.61764400000004</v>
      </c>
      <c r="B265" s="5">
        <v>19.897573999999999</v>
      </c>
      <c r="C265" s="5">
        <v>10.96096</v>
      </c>
      <c r="D265">
        <f t="shared" si="13"/>
        <v>1.316262</v>
      </c>
      <c r="E265">
        <f t="shared" si="14"/>
        <v>10.191757000000052</v>
      </c>
      <c r="F265">
        <f t="shared" si="12"/>
        <v>1.3404982951176793E-2</v>
      </c>
    </row>
    <row r="266" spans="1:6" x14ac:dyDescent="0.2">
      <c r="A266" s="5">
        <v>579.17497600000002</v>
      </c>
      <c r="B266" s="5">
        <v>19.861809999999998</v>
      </c>
      <c r="C266" s="5">
        <v>10.965965000000001</v>
      </c>
      <c r="D266">
        <f t="shared" si="13"/>
        <v>1.3212670000000006</v>
      </c>
      <c r="E266">
        <f t="shared" si="14"/>
        <v>11.749089000000026</v>
      </c>
      <c r="F266">
        <f t="shared" si="12"/>
        <v>1.5353373535871571E-2</v>
      </c>
    </row>
    <row r="267" spans="1:6" x14ac:dyDescent="0.2">
      <c r="A267" s="5">
        <v>578.91712700000005</v>
      </c>
      <c r="B267" s="5">
        <v>20.075989</v>
      </c>
      <c r="C267" s="5">
        <v>10.970969999999999</v>
      </c>
      <c r="D267">
        <f t="shared" si="13"/>
        <v>1.3262719999999995</v>
      </c>
      <c r="E267">
        <f t="shared" si="14"/>
        <v>11.491240000000062</v>
      </c>
      <c r="F267">
        <f t="shared" si="12"/>
        <v>1.4966418878628641E-2</v>
      </c>
    </row>
    <row r="268" spans="1:6" x14ac:dyDescent="0.2">
      <c r="A268" s="5">
        <v>577.64854600000001</v>
      </c>
      <c r="B268" s="5">
        <v>20.116738999999999</v>
      </c>
      <c r="C268" s="5">
        <v>10.975974000000001</v>
      </c>
      <c r="D268">
        <f t="shared" si="13"/>
        <v>1.3312760000000008</v>
      </c>
      <c r="E268">
        <f t="shared" si="14"/>
        <v>10.222659000000021</v>
      </c>
      <c r="F268">
        <f t="shared" si="12"/>
        <v>1.3293277993108176E-2</v>
      </c>
    </row>
    <row r="269" spans="1:6" x14ac:dyDescent="0.2">
      <c r="A269" s="5">
        <v>578.34911899999997</v>
      </c>
      <c r="B269" s="5">
        <v>19.828852000000001</v>
      </c>
      <c r="C269" s="5">
        <v>10.980979</v>
      </c>
      <c r="D269">
        <f t="shared" si="13"/>
        <v>1.3362809999999996</v>
      </c>
      <c r="E269">
        <f t="shared" si="14"/>
        <v>10.923231999999985</v>
      </c>
      <c r="F269">
        <f t="shared" si="12"/>
        <v>1.4133941388609357E-2</v>
      </c>
    </row>
    <row r="270" spans="1:6" x14ac:dyDescent="0.2">
      <c r="A270" s="5">
        <v>579.85792200000003</v>
      </c>
      <c r="B270" s="5">
        <v>19.908942</v>
      </c>
      <c r="C270" s="5">
        <v>10.985984</v>
      </c>
      <c r="D270">
        <f t="shared" si="13"/>
        <v>1.3412860000000002</v>
      </c>
      <c r="E270">
        <f t="shared" si="14"/>
        <v>12.432035000000042</v>
      </c>
      <c r="F270">
        <f t="shared" si="12"/>
        <v>1.5984506689848056E-2</v>
      </c>
    </row>
    <row r="271" spans="1:6" x14ac:dyDescent="0.2">
      <c r="A271" s="5">
        <v>579.54558999999995</v>
      </c>
      <c r="B271" s="5">
        <v>20.060480999999999</v>
      </c>
      <c r="C271" s="5">
        <v>10.990989000000001</v>
      </c>
      <c r="D271">
        <f t="shared" si="13"/>
        <v>1.3462910000000008</v>
      </c>
      <c r="E271">
        <f t="shared" si="14"/>
        <v>12.119702999999959</v>
      </c>
      <c r="F271">
        <f t="shared" si="12"/>
        <v>1.553336078018479E-2</v>
      </c>
    </row>
    <row r="272" spans="1:6" x14ac:dyDescent="0.2">
      <c r="A272" s="5">
        <v>578.68243399999994</v>
      </c>
      <c r="B272" s="5">
        <v>20.095815000000002</v>
      </c>
      <c r="C272" s="5">
        <v>10.995994</v>
      </c>
      <c r="D272">
        <f t="shared" si="13"/>
        <v>1.3512959999999996</v>
      </c>
      <c r="E272">
        <f t="shared" si="14"/>
        <v>11.256546999999955</v>
      </c>
      <c r="F272">
        <f t="shared" si="12"/>
        <v>1.4395090458919809E-2</v>
      </c>
    </row>
    <row r="273" spans="1:6" x14ac:dyDescent="0.2">
      <c r="A273" s="5">
        <v>578.48845200000005</v>
      </c>
      <c r="B273" s="5">
        <v>19.985800000000001</v>
      </c>
      <c r="C273" s="5">
        <v>11.000997999999999</v>
      </c>
      <c r="D273">
        <f t="shared" si="13"/>
        <v>1.3562999999999992</v>
      </c>
      <c r="E273">
        <f t="shared" si="14"/>
        <v>11.062565000000063</v>
      </c>
      <c r="F273">
        <f t="shared" si="12"/>
        <v>1.4099554153354722E-2</v>
      </c>
    </row>
    <row r="274" spans="1:6" x14ac:dyDescent="0.2">
      <c r="A274" s="5">
        <v>579.04053099999999</v>
      </c>
      <c r="B274" s="5">
        <v>19.947555000000001</v>
      </c>
      <c r="C274" s="5">
        <v>11.006003</v>
      </c>
      <c r="D274">
        <f t="shared" si="13"/>
        <v>1.3613049999999998</v>
      </c>
      <c r="E274">
        <f t="shared" si="14"/>
        <v>11.614643999999998</v>
      </c>
      <c r="F274">
        <f t="shared" si="12"/>
        <v>1.47347068233371E-2</v>
      </c>
    </row>
    <row r="275" spans="1:6" x14ac:dyDescent="0.2">
      <c r="A275" s="5">
        <v>578.71444099999997</v>
      </c>
      <c r="B275" s="5">
        <v>20.069602</v>
      </c>
      <c r="C275" s="5">
        <v>11.011008</v>
      </c>
      <c r="D275">
        <f t="shared" si="13"/>
        <v>1.3663100000000004</v>
      </c>
      <c r="E275">
        <f t="shared" si="14"/>
        <v>11.288553999999976</v>
      </c>
      <c r="F275">
        <f t="shared" si="12"/>
        <v>1.4276598569817171E-2</v>
      </c>
    </row>
    <row r="276" spans="1:6" x14ac:dyDescent="0.2">
      <c r="A276" s="5">
        <v>577.21360800000002</v>
      </c>
      <c r="B276" s="5">
        <v>20.154429</v>
      </c>
      <c r="C276" s="5">
        <v>11.016012999999999</v>
      </c>
      <c r="D276">
        <f t="shared" si="13"/>
        <v>1.3713149999999992</v>
      </c>
      <c r="E276">
        <f t="shared" si="14"/>
        <v>9.7877210000000332</v>
      </c>
      <c r="F276">
        <f t="shared" si="12"/>
        <v>1.2365389292152428E-2</v>
      </c>
    </row>
    <row r="277" spans="1:6" x14ac:dyDescent="0.2">
      <c r="A277" s="5">
        <v>577.07853499999999</v>
      </c>
      <c r="B277" s="5">
        <v>19.950939999999999</v>
      </c>
      <c r="C277" s="5">
        <v>11.021018</v>
      </c>
      <c r="D277">
        <f t="shared" si="13"/>
        <v>1.3763199999999998</v>
      </c>
      <c r="E277">
        <f t="shared" si="14"/>
        <v>9.6526479999999992</v>
      </c>
      <c r="F277">
        <f t="shared" si="12"/>
        <v>1.2153241493480502E-2</v>
      </c>
    </row>
    <row r="278" spans="1:6" x14ac:dyDescent="0.2">
      <c r="A278" s="5">
        <v>578.76368300000001</v>
      </c>
      <c r="B278" s="5">
        <v>19.804727</v>
      </c>
      <c r="C278" s="5">
        <v>11.026021999999999</v>
      </c>
      <c r="D278">
        <f t="shared" si="13"/>
        <v>1.3813239999999993</v>
      </c>
      <c r="E278">
        <f t="shared" si="14"/>
        <v>11.337796000000026</v>
      </c>
      <c r="F278">
        <f t="shared" si="12"/>
        <v>1.418181478834861E-2</v>
      </c>
    </row>
    <row r="279" spans="1:6" x14ac:dyDescent="0.2">
      <c r="A279" s="5">
        <v>579.83595800000001</v>
      </c>
      <c r="B279" s="5">
        <v>19.926794000000001</v>
      </c>
      <c r="C279" s="5">
        <v>11.031027</v>
      </c>
      <c r="D279">
        <f t="shared" si="13"/>
        <v>1.3863289999999999</v>
      </c>
      <c r="E279">
        <f t="shared" si="14"/>
        <v>12.410071000000016</v>
      </c>
      <c r="F279">
        <f t="shared" si="12"/>
        <v>1.5438418653500577E-2</v>
      </c>
    </row>
    <row r="280" spans="1:6" x14ac:dyDescent="0.2">
      <c r="A280" s="5">
        <v>578.84545300000002</v>
      </c>
      <c r="B280" s="5">
        <v>20.181045000000001</v>
      </c>
      <c r="C280" s="5">
        <v>11.036032000000001</v>
      </c>
      <c r="D280">
        <f t="shared" si="13"/>
        <v>1.3913340000000005</v>
      </c>
      <c r="E280">
        <f t="shared" si="14"/>
        <v>11.419566000000032</v>
      </c>
      <c r="F280">
        <f t="shared" si="12"/>
        <v>1.4179325577620491E-2</v>
      </c>
    </row>
    <row r="281" spans="1:6" x14ac:dyDescent="0.2">
      <c r="A281" s="5">
        <v>576.79483100000004</v>
      </c>
      <c r="B281" s="5">
        <v>20.168275999999999</v>
      </c>
      <c r="C281" s="5">
        <v>11.041036999999999</v>
      </c>
      <c r="D281">
        <f t="shared" si="13"/>
        <v>1.3963389999999993</v>
      </c>
      <c r="E281">
        <f t="shared" si="14"/>
        <v>9.3689440000000559</v>
      </c>
      <c r="F281">
        <f t="shared" si="12"/>
        <v>1.1632643407307242E-2</v>
      </c>
    </row>
    <row r="282" spans="1:6" x14ac:dyDescent="0.2">
      <c r="A282" s="5">
        <v>576.35790599999996</v>
      </c>
      <c r="B282" s="5">
        <v>20.007456999999999</v>
      </c>
      <c r="C282" s="5">
        <v>11.046042</v>
      </c>
      <c r="D282">
        <f t="shared" si="13"/>
        <v>1.4013439999999999</v>
      </c>
      <c r="E282">
        <f t="shared" si="14"/>
        <v>8.9320189999999684</v>
      </c>
      <c r="F282">
        <f t="shared" si="12"/>
        <v>1.1058917672903876E-2</v>
      </c>
    </row>
    <row r="283" spans="1:6" x14ac:dyDescent="0.2">
      <c r="A283" s="5">
        <v>576.03958899999998</v>
      </c>
      <c r="B283" s="5">
        <v>20.052706000000001</v>
      </c>
      <c r="C283" s="5">
        <v>11.051045999999999</v>
      </c>
      <c r="D283">
        <f t="shared" si="13"/>
        <v>1.4063479999999995</v>
      </c>
      <c r="E283">
        <f t="shared" si="14"/>
        <v>8.6137019999999893</v>
      </c>
      <c r="F283">
        <f t="shared" si="12"/>
        <v>1.0632728169053552E-2</v>
      </c>
    </row>
    <row r="284" spans="1:6" x14ac:dyDescent="0.2">
      <c r="A284" s="5">
        <v>575.14704099999994</v>
      </c>
      <c r="B284" s="5">
        <v>20.089950000000002</v>
      </c>
      <c r="C284" s="5">
        <v>11.056051</v>
      </c>
      <c r="D284">
        <f t="shared" si="13"/>
        <v>1.4113530000000001</v>
      </c>
      <c r="E284">
        <f t="shared" si="14"/>
        <v>7.7211539999999559</v>
      </c>
      <c r="F284">
        <f t="shared" si="12"/>
        <v>9.5119087230908905E-3</v>
      </c>
    </row>
    <row r="285" spans="1:6" x14ac:dyDescent="0.2">
      <c r="A285" s="5">
        <v>574.61677599999996</v>
      </c>
      <c r="B285" s="5">
        <v>20.032091999999999</v>
      </c>
      <c r="C285" s="5">
        <v>11.061056000000001</v>
      </c>
      <c r="D285">
        <f t="shared" si="13"/>
        <v>1.4163580000000007</v>
      </c>
      <c r="E285">
        <f t="shared" si="14"/>
        <v>7.1908889999999701</v>
      </c>
      <c r="F285">
        <f t="shared" si="12"/>
        <v>8.8355022928027546E-3</v>
      </c>
    </row>
    <row r="286" spans="1:6" x14ac:dyDescent="0.2">
      <c r="A286" s="5">
        <v>575.34533299999998</v>
      </c>
      <c r="B286" s="5">
        <v>19.872033999999999</v>
      </c>
      <c r="C286" s="5">
        <v>11.066060999999999</v>
      </c>
      <c r="D286">
        <f t="shared" si="13"/>
        <v>1.4213629999999995</v>
      </c>
      <c r="E286">
        <f t="shared" si="14"/>
        <v>7.9194459999999935</v>
      </c>
      <c r="F286">
        <f t="shared" si="12"/>
        <v>9.6841431668055668E-3</v>
      </c>
    </row>
    <row r="287" spans="1:6" x14ac:dyDescent="0.2">
      <c r="A287" s="5">
        <v>577.39059899999995</v>
      </c>
      <c r="B287" s="5">
        <v>19.827278</v>
      </c>
      <c r="C287" s="5">
        <v>11.071066</v>
      </c>
      <c r="D287">
        <f t="shared" si="13"/>
        <v>1.4263680000000001</v>
      </c>
      <c r="E287">
        <f t="shared" si="14"/>
        <v>9.9647119999999632</v>
      </c>
      <c r="F287">
        <f t="shared" si="12"/>
        <v>1.2099389446598637E-2</v>
      </c>
    </row>
    <row r="288" spans="1:6" x14ac:dyDescent="0.2">
      <c r="A288" s="5">
        <v>577.68094099999996</v>
      </c>
      <c r="B288" s="5">
        <v>19.990549999999999</v>
      </c>
      <c r="C288" s="5">
        <v>11.07607</v>
      </c>
      <c r="D288">
        <f t="shared" si="13"/>
        <v>1.4313719999999996</v>
      </c>
      <c r="E288">
        <f t="shared" si="14"/>
        <v>10.255053999999973</v>
      </c>
      <c r="F288">
        <f t="shared" si="12"/>
        <v>1.2402161851565107E-2</v>
      </c>
    </row>
    <row r="289" spans="1:6" x14ac:dyDescent="0.2">
      <c r="A289" s="5">
        <v>577.75777500000004</v>
      </c>
      <c r="B289" s="5">
        <v>19.965679000000002</v>
      </c>
      <c r="C289" s="5">
        <v>11.081075</v>
      </c>
      <c r="D289">
        <f t="shared" si="13"/>
        <v>1.4363770000000002</v>
      </c>
      <c r="E289">
        <f t="shared" si="14"/>
        <v>10.331888000000049</v>
      </c>
      <c r="F289">
        <f t="shared" si="12"/>
        <v>1.2449888121160138E-2</v>
      </c>
    </row>
    <row r="290" spans="1:6" x14ac:dyDescent="0.2">
      <c r="A290" s="5">
        <v>578.67780200000004</v>
      </c>
      <c r="B290" s="5">
        <v>19.889536</v>
      </c>
      <c r="C290" s="5">
        <v>11.086080000000001</v>
      </c>
      <c r="D290">
        <f t="shared" si="13"/>
        <v>1.4413820000000008</v>
      </c>
      <c r="E290">
        <f t="shared" si="14"/>
        <v>11.251915000000054</v>
      </c>
      <c r="F290">
        <f t="shared" si="12"/>
        <v>1.3489955754534098E-2</v>
      </c>
    </row>
    <row r="291" spans="1:6" x14ac:dyDescent="0.2">
      <c r="A291" s="5">
        <v>579.67233499999998</v>
      </c>
      <c r="B291" s="5">
        <v>19.919748999999999</v>
      </c>
      <c r="C291" s="5">
        <v>11.091085</v>
      </c>
      <c r="D291">
        <f t="shared" si="13"/>
        <v>1.4463869999999996</v>
      </c>
      <c r="E291">
        <f t="shared" si="14"/>
        <v>12.246447999999987</v>
      </c>
      <c r="F291">
        <f t="shared" si="12"/>
        <v>1.4606395601779086E-2</v>
      </c>
    </row>
    <row r="292" spans="1:6" x14ac:dyDescent="0.2">
      <c r="A292" s="5">
        <v>580.11852299999998</v>
      </c>
      <c r="B292" s="5">
        <v>19.964034999999999</v>
      </c>
      <c r="C292" s="5">
        <v>11.09609</v>
      </c>
      <c r="D292">
        <f t="shared" si="13"/>
        <v>1.4513920000000002</v>
      </c>
      <c r="E292">
        <f t="shared" si="14"/>
        <v>12.692635999999993</v>
      </c>
      <c r="F292">
        <f t="shared" si="12"/>
        <v>1.5074758659458506E-2</v>
      </c>
    </row>
    <row r="293" spans="1:6" x14ac:dyDescent="0.2">
      <c r="A293" s="5">
        <v>580.46077300000002</v>
      </c>
      <c r="B293" s="5">
        <v>19.959505</v>
      </c>
      <c r="C293" s="5">
        <v>11.101094</v>
      </c>
      <c r="D293">
        <f t="shared" si="13"/>
        <v>1.4563959999999998</v>
      </c>
      <c r="E293">
        <f t="shared" si="14"/>
        <v>13.034886000000029</v>
      </c>
      <c r="F293">
        <f t="shared" si="12"/>
        <v>1.541895297656771E-2</v>
      </c>
    </row>
    <row r="294" spans="1:6" x14ac:dyDescent="0.2">
      <c r="A294" s="5">
        <v>580.72807399999999</v>
      </c>
      <c r="B294" s="5">
        <v>19.967044000000001</v>
      </c>
      <c r="C294" s="5">
        <v>11.106099</v>
      </c>
      <c r="D294">
        <f t="shared" si="13"/>
        <v>1.4614010000000004</v>
      </c>
      <c r="E294">
        <f t="shared" si="14"/>
        <v>13.302187000000004</v>
      </c>
      <c r="F294">
        <f t="shared" si="12"/>
        <v>1.5674035535992163E-2</v>
      </c>
    </row>
    <row r="295" spans="1:6" x14ac:dyDescent="0.2">
      <c r="A295" s="5">
        <v>580.94965400000001</v>
      </c>
      <c r="B295" s="5">
        <v>20.010168</v>
      </c>
      <c r="C295" s="5">
        <v>11.111103999999999</v>
      </c>
      <c r="D295">
        <f t="shared" si="13"/>
        <v>1.4664059999999992</v>
      </c>
      <c r="E295">
        <f t="shared" si="14"/>
        <v>13.523767000000021</v>
      </c>
      <c r="F295">
        <f t="shared" si="12"/>
        <v>1.587467904296333E-2</v>
      </c>
    </row>
    <row r="296" spans="1:6" x14ac:dyDescent="0.2">
      <c r="A296" s="5">
        <v>580.18669999999997</v>
      </c>
      <c r="B296" s="5">
        <v>20.092354</v>
      </c>
      <c r="C296" s="5">
        <v>11.116109</v>
      </c>
      <c r="D296">
        <f t="shared" si="13"/>
        <v>1.4714109999999998</v>
      </c>
      <c r="E296">
        <f t="shared" si="14"/>
        <v>12.760812999999985</v>
      </c>
      <c r="F296">
        <f t="shared" si="12"/>
        <v>1.4947775861254287E-2</v>
      </c>
    </row>
    <row r="297" spans="1:6" x14ac:dyDescent="0.2">
      <c r="A297" s="5">
        <v>579.10524899999996</v>
      </c>
      <c r="B297" s="5">
        <v>20.082087000000001</v>
      </c>
      <c r="C297" s="5">
        <v>11.121114</v>
      </c>
      <c r="D297">
        <f t="shared" si="13"/>
        <v>1.4764160000000004</v>
      </c>
      <c r="E297">
        <f t="shared" si="14"/>
        <v>11.679361999999969</v>
      </c>
      <c r="F297">
        <f t="shared" si="12"/>
        <v>1.3660068435650171E-2</v>
      </c>
    </row>
    <row r="298" spans="1:6" x14ac:dyDescent="0.2">
      <c r="A298" s="5">
        <v>578.55030399999998</v>
      </c>
      <c r="B298" s="5">
        <v>20.071117000000001</v>
      </c>
      <c r="C298" s="5">
        <v>11.126118</v>
      </c>
      <c r="D298">
        <f t="shared" si="13"/>
        <v>1.48142</v>
      </c>
      <c r="E298">
        <f t="shared" si="14"/>
        <v>11.124416999999994</v>
      </c>
      <c r="F298">
        <f t="shared" si="12"/>
        <v>1.2979499031883819E-2</v>
      </c>
    </row>
    <row r="299" spans="1:6" x14ac:dyDescent="0.2">
      <c r="A299" s="5">
        <v>577.81519100000003</v>
      </c>
      <c r="B299" s="5">
        <v>20.062871000000001</v>
      </c>
      <c r="C299" s="5">
        <v>11.131123000000001</v>
      </c>
      <c r="D299">
        <f t="shared" si="13"/>
        <v>1.4864250000000006</v>
      </c>
      <c r="E299">
        <f t="shared" si="14"/>
        <v>10.389304000000038</v>
      </c>
      <c r="F299">
        <f t="shared" si="12"/>
        <v>1.2096354273286727E-2</v>
      </c>
    </row>
    <row r="300" spans="1:6" x14ac:dyDescent="0.2">
      <c r="A300" s="5">
        <v>577.76523599999996</v>
      </c>
      <c r="B300" s="5">
        <v>19.973693000000001</v>
      </c>
      <c r="C300" s="5">
        <v>11.136127999999999</v>
      </c>
      <c r="D300">
        <f t="shared" si="13"/>
        <v>1.4914299999999994</v>
      </c>
      <c r="E300">
        <f t="shared" si="14"/>
        <v>10.33934899999997</v>
      </c>
      <c r="F300">
        <f t="shared" si="12"/>
        <v>1.1998830364008888E-2</v>
      </c>
    </row>
    <row r="301" spans="1:6" x14ac:dyDescent="0.2">
      <c r="A301" s="5">
        <v>577.26265000000001</v>
      </c>
      <c r="B301" s="5">
        <v>20.086993</v>
      </c>
      <c r="C301" s="5">
        <v>11.141133</v>
      </c>
      <c r="D301">
        <f t="shared" si="13"/>
        <v>1.496435</v>
      </c>
      <c r="E301">
        <f t="shared" si="14"/>
        <v>9.836763000000019</v>
      </c>
      <c r="F301">
        <f t="shared" si="12"/>
        <v>1.1387303396461764E-2</v>
      </c>
    </row>
    <row r="302" spans="1:6" x14ac:dyDescent="0.2">
      <c r="A302" s="5">
        <v>576.57861100000002</v>
      </c>
      <c r="B302" s="5">
        <v>20.047409999999999</v>
      </c>
      <c r="C302" s="5">
        <v>11.146138000000001</v>
      </c>
      <c r="D302">
        <f t="shared" si="13"/>
        <v>1.5014400000000006</v>
      </c>
      <c r="E302">
        <f t="shared" si="14"/>
        <v>9.1527240000000347</v>
      </c>
      <c r="F302">
        <f t="shared" si="12"/>
        <v>1.0572650040048618E-2</v>
      </c>
    </row>
    <row r="303" spans="1:6" x14ac:dyDescent="0.2">
      <c r="A303" s="5">
        <v>576.16677900000002</v>
      </c>
      <c r="B303" s="5">
        <v>20.068562</v>
      </c>
      <c r="C303" s="5">
        <v>11.151142</v>
      </c>
      <c r="D303">
        <f t="shared" si="13"/>
        <v>1.5064440000000001</v>
      </c>
      <c r="E303">
        <f t="shared" si="14"/>
        <v>8.7408920000000307</v>
      </c>
      <c r="F303">
        <f t="shared" si="12"/>
        <v>1.0070581497901441E-2</v>
      </c>
    </row>
    <row r="304" spans="1:6" x14ac:dyDescent="0.2">
      <c r="A304" s="5">
        <v>575.24544000000003</v>
      </c>
      <c r="B304" s="5">
        <v>20.084301</v>
      </c>
      <c r="C304" s="5">
        <v>11.156147000000001</v>
      </c>
      <c r="D304">
        <f t="shared" si="13"/>
        <v>1.5114490000000007</v>
      </c>
      <c r="E304">
        <f t="shared" si="14"/>
        <v>7.8195530000000417</v>
      </c>
      <c r="F304">
        <f t="shared" si="12"/>
        <v>8.9936347357539703E-3</v>
      </c>
    </row>
    <row r="305" spans="1:6" x14ac:dyDescent="0.2">
      <c r="A305" s="5">
        <v>575.35819600000002</v>
      </c>
      <c r="B305" s="5">
        <v>19.965529</v>
      </c>
      <c r="C305" s="5">
        <v>11.161152</v>
      </c>
      <c r="D305">
        <f t="shared" si="13"/>
        <v>1.5164539999999995</v>
      </c>
      <c r="E305">
        <f t="shared" si="14"/>
        <v>7.932309000000032</v>
      </c>
      <c r="F305">
        <f t="shared" si="12"/>
        <v>9.0914274759194887E-3</v>
      </c>
    </row>
    <row r="306" spans="1:6" x14ac:dyDescent="0.2">
      <c r="A306" s="5">
        <v>575.64322400000003</v>
      </c>
      <c r="B306" s="5">
        <v>19.950551000000001</v>
      </c>
      <c r="C306" s="5">
        <v>11.166157</v>
      </c>
      <c r="D306">
        <f t="shared" si="13"/>
        <v>1.5214590000000001</v>
      </c>
      <c r="E306">
        <f t="shared" si="14"/>
        <v>8.2173370000000432</v>
      </c>
      <c r="F306">
        <f t="shared" si="12"/>
        <v>9.3824756870566559E-3</v>
      </c>
    </row>
    <row r="307" spans="1:6" x14ac:dyDescent="0.2">
      <c r="A307" s="5">
        <v>576.93759599999998</v>
      </c>
      <c r="B307" s="5">
        <v>19.876812999999999</v>
      </c>
      <c r="C307" s="5">
        <v>11.171162000000001</v>
      </c>
      <c r="D307">
        <f t="shared" si="13"/>
        <v>1.5264640000000007</v>
      </c>
      <c r="E307">
        <f t="shared" si="14"/>
        <v>9.5117089999999962</v>
      </c>
      <c r="F307">
        <f t="shared" si="12"/>
        <v>1.0800482264646387E-2</v>
      </c>
    </row>
    <row r="308" spans="1:6" x14ac:dyDescent="0.2">
      <c r="A308" s="5">
        <v>576.76543800000002</v>
      </c>
      <c r="B308" s="5">
        <v>20.074776</v>
      </c>
      <c r="C308" s="5">
        <v>11.176166</v>
      </c>
      <c r="D308">
        <f t="shared" si="13"/>
        <v>1.5314680000000003</v>
      </c>
      <c r="E308">
        <f t="shared" si="14"/>
        <v>9.3395510000000286</v>
      </c>
      <c r="F308">
        <f t="shared" ref="F308:F371" si="15">(1/A308)*(E308/D308)</f>
        <v>1.0573501796564142E-2</v>
      </c>
    </row>
    <row r="309" spans="1:6" x14ac:dyDescent="0.2">
      <c r="A309" s="5">
        <v>575.94268899999997</v>
      </c>
      <c r="B309" s="5">
        <v>20.014313999999999</v>
      </c>
      <c r="C309" s="5">
        <v>11.181171000000001</v>
      </c>
      <c r="D309">
        <f t="shared" si="13"/>
        <v>1.5364730000000009</v>
      </c>
      <c r="E309">
        <f t="shared" si="14"/>
        <v>8.5168019999999842</v>
      </c>
      <c r="F309">
        <f t="shared" si="15"/>
        <v>9.6243708301152631E-3</v>
      </c>
    </row>
    <row r="310" spans="1:6" x14ac:dyDescent="0.2">
      <c r="A310" s="5">
        <v>577.66135299999996</v>
      </c>
      <c r="B310" s="5">
        <v>19.771840999999998</v>
      </c>
      <c r="C310" s="5">
        <v>11.186176</v>
      </c>
      <c r="D310">
        <f t="shared" si="13"/>
        <v>1.5414779999999997</v>
      </c>
      <c r="E310">
        <f t="shared" si="14"/>
        <v>10.235465999999974</v>
      </c>
      <c r="F310">
        <f t="shared" si="15"/>
        <v>1.1494682396999913E-2</v>
      </c>
    </row>
    <row r="311" spans="1:6" x14ac:dyDescent="0.2">
      <c r="A311" s="5">
        <v>579.46991300000002</v>
      </c>
      <c r="B311" s="5">
        <v>19.859209</v>
      </c>
      <c r="C311" s="5">
        <v>11.191181</v>
      </c>
      <c r="D311">
        <f t="shared" si="13"/>
        <v>1.5464830000000003</v>
      </c>
      <c r="E311">
        <f t="shared" si="14"/>
        <v>12.044026000000031</v>
      </c>
      <c r="F311">
        <f t="shared" si="15"/>
        <v>1.3439887779162557E-2</v>
      </c>
    </row>
    <row r="312" spans="1:6" x14ac:dyDescent="0.2">
      <c r="A312" s="5">
        <v>579.95640500000002</v>
      </c>
      <c r="B312" s="5">
        <v>19.947137000000001</v>
      </c>
      <c r="C312" s="5">
        <v>11.196186000000001</v>
      </c>
      <c r="D312">
        <f t="shared" si="13"/>
        <v>1.5514880000000009</v>
      </c>
      <c r="E312">
        <f t="shared" si="14"/>
        <v>12.530518000000029</v>
      </c>
      <c r="F312">
        <f t="shared" si="15"/>
        <v>1.3925963568922816E-2</v>
      </c>
    </row>
    <row r="313" spans="1:6" x14ac:dyDescent="0.2">
      <c r="A313" s="5">
        <v>581.09293200000002</v>
      </c>
      <c r="B313" s="5">
        <v>19.905813999999999</v>
      </c>
      <c r="C313" s="5">
        <v>11.20119</v>
      </c>
      <c r="D313">
        <f t="shared" si="13"/>
        <v>1.5564920000000004</v>
      </c>
      <c r="E313">
        <f t="shared" si="14"/>
        <v>13.66704500000003</v>
      </c>
      <c r="F313">
        <f t="shared" si="15"/>
        <v>1.5110614932992341E-2</v>
      </c>
    </row>
    <row r="314" spans="1:6" x14ac:dyDescent="0.2">
      <c r="A314" s="5">
        <v>581.75671299999999</v>
      </c>
      <c r="B314" s="5">
        <v>19.922003</v>
      </c>
      <c r="C314" s="5">
        <v>11.206194999999999</v>
      </c>
      <c r="D314">
        <f t="shared" si="13"/>
        <v>1.5614969999999992</v>
      </c>
      <c r="E314">
        <f t="shared" si="14"/>
        <v>14.330826000000002</v>
      </c>
      <c r="F314">
        <f t="shared" si="15"/>
        <v>1.5775700963489309E-2</v>
      </c>
    </row>
    <row r="315" spans="1:6" x14ac:dyDescent="0.2">
      <c r="A315" s="5">
        <v>582.69495800000004</v>
      </c>
      <c r="B315" s="5">
        <v>19.922650999999998</v>
      </c>
      <c r="C315" s="5">
        <v>11.2112</v>
      </c>
      <c r="D315">
        <f t="shared" si="13"/>
        <v>1.5665019999999998</v>
      </c>
      <c r="E315">
        <f t="shared" si="14"/>
        <v>15.269071000000054</v>
      </c>
      <c r="F315">
        <f t="shared" si="15"/>
        <v>1.6727860598818513E-2</v>
      </c>
    </row>
    <row r="316" spans="1:6" x14ac:dyDescent="0.2">
      <c r="A316" s="5">
        <v>582.87065800000005</v>
      </c>
      <c r="B316" s="5">
        <v>20.006620000000002</v>
      </c>
      <c r="C316" s="5">
        <v>11.216205</v>
      </c>
      <c r="D316">
        <f t="shared" si="13"/>
        <v>1.5715070000000004</v>
      </c>
      <c r="E316">
        <f t="shared" si="14"/>
        <v>15.44477100000006</v>
      </c>
      <c r="F316">
        <f t="shared" si="15"/>
        <v>1.6861373951357381E-2</v>
      </c>
    </row>
    <row r="317" spans="1:6" x14ac:dyDescent="0.2">
      <c r="A317" s="5">
        <v>582.37226499999997</v>
      </c>
      <c r="B317" s="5">
        <v>20.037623</v>
      </c>
      <c r="C317" s="5">
        <v>11.221209999999999</v>
      </c>
      <c r="D317">
        <f t="shared" si="13"/>
        <v>1.5765119999999992</v>
      </c>
      <c r="E317">
        <f t="shared" si="14"/>
        <v>14.946377999999982</v>
      </c>
      <c r="F317">
        <f t="shared" si="15"/>
        <v>1.6279385100259031E-2</v>
      </c>
    </row>
    <row r="318" spans="1:6" x14ac:dyDescent="0.2">
      <c r="A318" s="5">
        <v>582.37580000000003</v>
      </c>
      <c r="B318" s="5">
        <v>19.975037</v>
      </c>
      <c r="C318" s="5">
        <v>11.226214000000001</v>
      </c>
      <c r="D318">
        <f t="shared" si="13"/>
        <v>1.5815160000000006</v>
      </c>
      <c r="E318">
        <f t="shared" si="14"/>
        <v>14.949913000000038</v>
      </c>
      <c r="F318">
        <f t="shared" si="15"/>
        <v>1.6231615831561332E-2</v>
      </c>
    </row>
    <row r="319" spans="1:6" x14ac:dyDescent="0.2">
      <c r="A319" s="5">
        <v>583.21575600000006</v>
      </c>
      <c r="B319" s="5">
        <v>19.931459</v>
      </c>
      <c r="C319" s="5">
        <v>11.231218999999999</v>
      </c>
      <c r="D319">
        <f t="shared" si="13"/>
        <v>1.5865209999999994</v>
      </c>
      <c r="E319">
        <f t="shared" si="14"/>
        <v>15.789869000000067</v>
      </c>
      <c r="F319">
        <f t="shared" si="15"/>
        <v>1.7064888447108691E-2</v>
      </c>
    </row>
    <row r="320" spans="1:6" x14ac:dyDescent="0.2">
      <c r="A320" s="5">
        <v>582.88040100000001</v>
      </c>
      <c r="B320" s="5">
        <v>20.077812000000002</v>
      </c>
      <c r="C320" s="5">
        <v>11.236224</v>
      </c>
      <c r="D320">
        <f t="shared" si="13"/>
        <v>1.591526</v>
      </c>
      <c r="E320">
        <f t="shared" si="14"/>
        <v>15.454514000000017</v>
      </c>
      <c r="F320">
        <f t="shared" si="15"/>
        <v>1.6659507630641189E-2</v>
      </c>
    </row>
    <row r="321" spans="1:6" x14ac:dyDescent="0.2">
      <c r="A321" s="5">
        <v>581.020083</v>
      </c>
      <c r="B321" s="5">
        <v>20.201492999999999</v>
      </c>
      <c r="C321" s="5">
        <v>11.241229000000001</v>
      </c>
      <c r="D321">
        <f t="shared" si="13"/>
        <v>1.5965310000000006</v>
      </c>
      <c r="E321">
        <f t="shared" si="14"/>
        <v>13.594196000000011</v>
      </c>
      <c r="F321">
        <f t="shared" si="15"/>
        <v>1.4654973163582651E-2</v>
      </c>
    </row>
    <row r="322" spans="1:6" x14ac:dyDescent="0.2">
      <c r="A322" s="5">
        <v>578.89643899999999</v>
      </c>
      <c r="B322" s="5">
        <v>20.197907000000001</v>
      </c>
      <c r="C322" s="5">
        <v>11.246233999999999</v>
      </c>
      <c r="D322">
        <f t="shared" si="13"/>
        <v>1.6015359999999994</v>
      </c>
      <c r="E322">
        <f t="shared" si="14"/>
        <v>11.470551999999998</v>
      </c>
      <c r="F322">
        <f t="shared" si="15"/>
        <v>1.2372194380524218E-2</v>
      </c>
    </row>
    <row r="323" spans="1:6" x14ac:dyDescent="0.2">
      <c r="A323" s="5">
        <v>578.95336999999995</v>
      </c>
      <c r="B323" s="5">
        <v>19.904188999999999</v>
      </c>
      <c r="C323" s="5">
        <v>11.251238000000001</v>
      </c>
      <c r="D323">
        <f t="shared" ref="D323:D386" si="16">C323-$C$2</f>
        <v>1.6065400000000007</v>
      </c>
      <c r="E323">
        <f t="shared" ref="E323:E386" si="17">A323-$A$2</f>
        <v>11.527482999999961</v>
      </c>
      <c r="F323">
        <f t="shared" si="15"/>
        <v>1.2393653812767823E-2</v>
      </c>
    </row>
    <row r="324" spans="1:6" x14ac:dyDescent="0.2">
      <c r="A324" s="5">
        <v>579.93712700000003</v>
      </c>
      <c r="B324" s="5">
        <v>19.952435999999999</v>
      </c>
      <c r="C324" s="5">
        <v>11.256243</v>
      </c>
      <c r="D324">
        <f t="shared" si="16"/>
        <v>1.6115449999999996</v>
      </c>
      <c r="E324">
        <f t="shared" si="17"/>
        <v>12.511240000000043</v>
      </c>
      <c r="F324">
        <f t="shared" si="15"/>
        <v>1.3386807099143605E-2</v>
      </c>
    </row>
    <row r="325" spans="1:6" x14ac:dyDescent="0.2">
      <c r="A325" s="5">
        <v>578.28216299999997</v>
      </c>
      <c r="B325" s="5">
        <v>20.237962</v>
      </c>
      <c r="C325" s="5">
        <v>11.261248</v>
      </c>
      <c r="D325">
        <f t="shared" si="16"/>
        <v>1.6165500000000002</v>
      </c>
      <c r="E325">
        <f t="shared" si="17"/>
        <v>10.85627599999998</v>
      </c>
      <c r="F325">
        <f t="shared" si="15"/>
        <v>1.161320084964124E-2</v>
      </c>
    </row>
    <row r="326" spans="1:6" x14ac:dyDescent="0.2">
      <c r="A326" s="5">
        <v>576.05514400000004</v>
      </c>
      <c r="B326" s="5">
        <v>20.176347</v>
      </c>
      <c r="C326" s="5">
        <v>11.266253000000001</v>
      </c>
      <c r="D326">
        <f t="shared" si="16"/>
        <v>1.6215550000000007</v>
      </c>
      <c r="E326">
        <f t="shared" si="17"/>
        <v>8.6292570000000524</v>
      </c>
      <c r="F326">
        <f t="shared" si="15"/>
        <v>9.237993678624469E-3</v>
      </c>
    </row>
    <row r="327" spans="1:6" x14ac:dyDescent="0.2">
      <c r="A327" s="5">
        <v>575.81496700000002</v>
      </c>
      <c r="B327" s="5">
        <v>19.976942999999999</v>
      </c>
      <c r="C327" s="5">
        <v>11.271258</v>
      </c>
      <c r="D327">
        <f t="shared" si="16"/>
        <v>1.6265599999999996</v>
      </c>
      <c r="E327">
        <f t="shared" si="17"/>
        <v>8.3890800000000354</v>
      </c>
      <c r="F327">
        <f t="shared" si="15"/>
        <v>8.9569736941193072E-3</v>
      </c>
    </row>
    <row r="328" spans="1:6" x14ac:dyDescent="0.2">
      <c r="A328" s="5">
        <v>576.27093000000002</v>
      </c>
      <c r="B328" s="5">
        <v>19.950741000000001</v>
      </c>
      <c r="C328" s="5">
        <v>11.276261999999999</v>
      </c>
      <c r="D328">
        <f t="shared" si="16"/>
        <v>1.6315639999999991</v>
      </c>
      <c r="E328">
        <f t="shared" si="17"/>
        <v>8.8450430000000324</v>
      </c>
      <c r="F328">
        <f t="shared" si="15"/>
        <v>9.4073894241553692E-3</v>
      </c>
    </row>
    <row r="329" spans="1:6" x14ac:dyDescent="0.2">
      <c r="A329" s="5">
        <v>575.64460099999997</v>
      </c>
      <c r="B329" s="5">
        <v>20.100776</v>
      </c>
      <c r="C329" s="5">
        <v>11.281267</v>
      </c>
      <c r="D329">
        <f t="shared" si="16"/>
        <v>1.6365689999999997</v>
      </c>
      <c r="E329">
        <f t="shared" si="17"/>
        <v>8.2187139999999772</v>
      </c>
      <c r="F329">
        <f t="shared" si="15"/>
        <v>8.7239890465620907E-3</v>
      </c>
    </row>
    <row r="330" spans="1:6" x14ac:dyDescent="0.2">
      <c r="A330" s="5">
        <v>575.16978600000004</v>
      </c>
      <c r="B330" s="5">
        <v>20.033463000000001</v>
      </c>
      <c r="C330" s="5">
        <v>11.286272</v>
      </c>
      <c r="D330">
        <f t="shared" si="16"/>
        <v>1.6415740000000003</v>
      </c>
      <c r="E330">
        <f t="shared" si="17"/>
        <v>7.7438990000000558</v>
      </c>
      <c r="F330">
        <f t="shared" si="15"/>
        <v>8.2016862358101923E-3</v>
      </c>
    </row>
    <row r="331" spans="1:6" x14ac:dyDescent="0.2">
      <c r="A331" s="5">
        <v>575.67151999999999</v>
      </c>
      <c r="B331" s="5">
        <v>19.912054000000001</v>
      </c>
      <c r="C331" s="5">
        <v>11.291276999999999</v>
      </c>
      <c r="D331">
        <f t="shared" si="16"/>
        <v>1.6465789999999991</v>
      </c>
      <c r="E331">
        <f t="shared" si="17"/>
        <v>8.245632999999998</v>
      </c>
      <c r="F331">
        <f t="shared" si="15"/>
        <v>8.6989469956553229E-3</v>
      </c>
    </row>
    <row r="332" spans="1:6" x14ac:dyDescent="0.2">
      <c r="A332" s="5">
        <v>576.68679099999997</v>
      </c>
      <c r="B332" s="5">
        <v>19.896799999999999</v>
      </c>
      <c r="C332" s="5">
        <v>11.296282</v>
      </c>
      <c r="D332">
        <f t="shared" si="16"/>
        <v>1.6515839999999997</v>
      </c>
      <c r="E332">
        <f t="shared" si="17"/>
        <v>9.2609039999999823</v>
      </c>
      <c r="F332">
        <f t="shared" si="15"/>
        <v>9.7232781880323572E-3</v>
      </c>
    </row>
    <row r="333" spans="1:6" x14ac:dyDescent="0.2">
      <c r="A333" s="5">
        <v>577.26760000000002</v>
      </c>
      <c r="B333" s="5">
        <v>19.964012</v>
      </c>
      <c r="C333" s="5">
        <v>11.301285999999999</v>
      </c>
      <c r="D333">
        <f t="shared" si="16"/>
        <v>1.6565879999999993</v>
      </c>
      <c r="E333">
        <f t="shared" si="17"/>
        <v>9.841713000000027</v>
      </c>
      <c r="F333">
        <f t="shared" si="15"/>
        <v>1.0291507676241837E-2</v>
      </c>
    </row>
    <row r="334" spans="1:6" x14ac:dyDescent="0.2">
      <c r="A334" s="5">
        <v>577.73069799999996</v>
      </c>
      <c r="B334" s="5">
        <v>19.938808999999999</v>
      </c>
      <c r="C334" s="5">
        <v>11.306291</v>
      </c>
      <c r="D334">
        <f t="shared" si="16"/>
        <v>1.6615929999999999</v>
      </c>
      <c r="E334">
        <f t="shared" si="17"/>
        <v>10.304810999999972</v>
      </c>
      <c r="F334">
        <f t="shared" si="15"/>
        <v>1.0734700505920174E-2</v>
      </c>
    </row>
    <row r="335" spans="1:6" x14ac:dyDescent="0.2">
      <c r="A335" s="5">
        <v>578.77210300000002</v>
      </c>
      <c r="B335" s="5">
        <v>19.866467</v>
      </c>
      <c r="C335" s="5">
        <v>11.311296</v>
      </c>
      <c r="D335">
        <f t="shared" si="16"/>
        <v>1.6665980000000005</v>
      </c>
      <c r="E335">
        <f t="shared" si="17"/>
        <v>11.346216000000027</v>
      </c>
      <c r="F335">
        <f t="shared" si="15"/>
        <v>1.1762851137308053E-2</v>
      </c>
    </row>
    <row r="336" spans="1:6" x14ac:dyDescent="0.2">
      <c r="A336" s="5">
        <v>580.05509300000006</v>
      </c>
      <c r="B336" s="5">
        <v>19.875876999999999</v>
      </c>
      <c r="C336" s="5">
        <v>11.316300999999999</v>
      </c>
      <c r="D336">
        <f t="shared" si="16"/>
        <v>1.6716029999999993</v>
      </c>
      <c r="E336">
        <f t="shared" si="17"/>
        <v>12.629206000000067</v>
      </c>
      <c r="F336">
        <f t="shared" si="15"/>
        <v>1.3024877908118968E-2</v>
      </c>
    </row>
    <row r="337" spans="1:6" x14ac:dyDescent="0.2">
      <c r="A337" s="5">
        <v>581.103565</v>
      </c>
      <c r="B337" s="5">
        <v>19.910212999999999</v>
      </c>
      <c r="C337" s="5">
        <v>11.321306</v>
      </c>
      <c r="D337">
        <f t="shared" si="16"/>
        <v>1.6766079999999999</v>
      </c>
      <c r="E337">
        <f t="shared" si="17"/>
        <v>13.677678000000014</v>
      </c>
      <c r="F337">
        <f t="shared" si="15"/>
        <v>1.4038713188787671E-2</v>
      </c>
    </row>
    <row r="338" spans="1:6" x14ac:dyDescent="0.2">
      <c r="A338" s="5">
        <v>581.73350700000003</v>
      </c>
      <c r="B338" s="5">
        <v>19.954958999999999</v>
      </c>
      <c r="C338" s="5">
        <v>11.326309999999999</v>
      </c>
      <c r="D338">
        <f t="shared" si="16"/>
        <v>1.6816119999999994</v>
      </c>
      <c r="E338">
        <f t="shared" si="17"/>
        <v>14.307620000000043</v>
      </c>
      <c r="F338">
        <f t="shared" si="15"/>
        <v>1.4625728928885367E-2</v>
      </c>
    </row>
    <row r="339" spans="1:6" x14ac:dyDescent="0.2">
      <c r="A339" s="5">
        <v>581.92203300000006</v>
      </c>
      <c r="B339" s="5">
        <v>19.988441000000002</v>
      </c>
      <c r="C339" s="5">
        <v>11.331315</v>
      </c>
      <c r="D339">
        <f t="shared" si="16"/>
        <v>1.686617</v>
      </c>
      <c r="E339">
        <f t="shared" si="17"/>
        <v>14.496146000000067</v>
      </c>
      <c r="F339">
        <f t="shared" si="15"/>
        <v>1.4769686599217209E-2</v>
      </c>
    </row>
    <row r="340" spans="1:6" x14ac:dyDescent="0.2">
      <c r="A340" s="5">
        <v>582.20876399999997</v>
      </c>
      <c r="B340" s="5">
        <v>19.961859</v>
      </c>
      <c r="C340" s="5">
        <v>11.336320000000001</v>
      </c>
      <c r="D340">
        <f t="shared" si="16"/>
        <v>1.6916220000000006</v>
      </c>
      <c r="E340">
        <f t="shared" si="17"/>
        <v>14.782876999999985</v>
      </c>
      <c r="F340">
        <f t="shared" si="15"/>
        <v>1.5009868939831332E-2</v>
      </c>
    </row>
    <row r="341" spans="1:6" x14ac:dyDescent="0.2">
      <c r="A341" s="5">
        <v>582.32574999999997</v>
      </c>
      <c r="B341" s="5">
        <v>20.001894</v>
      </c>
      <c r="C341" s="5">
        <v>11.341324999999999</v>
      </c>
      <c r="D341">
        <f t="shared" si="16"/>
        <v>1.6966269999999994</v>
      </c>
      <c r="E341">
        <f t="shared" si="17"/>
        <v>14.899862999999982</v>
      </c>
      <c r="F341">
        <f t="shared" si="15"/>
        <v>1.5080991892132562E-2</v>
      </c>
    </row>
    <row r="342" spans="1:6" x14ac:dyDescent="0.2">
      <c r="A342" s="5">
        <v>582.02151200000003</v>
      </c>
      <c r="B342" s="5">
        <v>20.027314000000001</v>
      </c>
      <c r="C342" s="5">
        <v>11.34633</v>
      </c>
      <c r="D342">
        <f t="shared" si="16"/>
        <v>1.701632</v>
      </c>
      <c r="E342">
        <f t="shared" si="17"/>
        <v>14.595625000000041</v>
      </c>
      <c r="F342">
        <f t="shared" si="15"/>
        <v>1.473730310224154E-2</v>
      </c>
    </row>
    <row r="343" spans="1:6" x14ac:dyDescent="0.2">
      <c r="A343" s="5">
        <v>581.60878600000001</v>
      </c>
      <c r="B343" s="5">
        <v>20.051162000000001</v>
      </c>
      <c r="C343" s="5">
        <v>11.351334</v>
      </c>
      <c r="D343">
        <f t="shared" si="16"/>
        <v>1.7066359999999996</v>
      </c>
      <c r="E343">
        <f t="shared" si="17"/>
        <v>14.18289900000002</v>
      </c>
      <c r="F343">
        <f t="shared" si="15"/>
        <v>1.4288714185727603E-2</v>
      </c>
    </row>
    <row r="344" spans="1:6" x14ac:dyDescent="0.2">
      <c r="A344" s="5">
        <v>580.95510300000001</v>
      </c>
      <c r="B344" s="5">
        <v>20.057480999999999</v>
      </c>
      <c r="C344" s="5">
        <v>11.356339</v>
      </c>
      <c r="D344">
        <f t="shared" si="16"/>
        <v>1.7116410000000002</v>
      </c>
      <c r="E344">
        <f t="shared" si="17"/>
        <v>13.529216000000019</v>
      </c>
      <c r="F344">
        <f t="shared" si="15"/>
        <v>1.3605589979967246E-2</v>
      </c>
    </row>
    <row r="345" spans="1:6" x14ac:dyDescent="0.2">
      <c r="A345" s="5">
        <v>580.31254999999999</v>
      </c>
      <c r="B345" s="5">
        <v>20.061325</v>
      </c>
      <c r="C345" s="5">
        <v>11.361344000000001</v>
      </c>
      <c r="D345">
        <f t="shared" si="16"/>
        <v>1.7166460000000008</v>
      </c>
      <c r="E345">
        <f t="shared" si="17"/>
        <v>12.886662999999999</v>
      </c>
      <c r="F345">
        <f t="shared" si="15"/>
        <v>1.2935933153133197E-2</v>
      </c>
    </row>
    <row r="346" spans="1:6" x14ac:dyDescent="0.2">
      <c r="A346" s="5">
        <v>580.03837299999998</v>
      </c>
      <c r="B346" s="5">
        <v>20.013853999999998</v>
      </c>
      <c r="C346" s="5">
        <v>11.366349</v>
      </c>
      <c r="D346">
        <f t="shared" si="16"/>
        <v>1.7216509999999996</v>
      </c>
      <c r="E346">
        <f t="shared" si="17"/>
        <v>12.61248599999999</v>
      </c>
      <c r="F346">
        <f t="shared" si="15"/>
        <v>1.2629869184690092E-2</v>
      </c>
    </row>
    <row r="347" spans="1:6" x14ac:dyDescent="0.2">
      <c r="A347" s="5">
        <v>579.83517099999995</v>
      </c>
      <c r="B347" s="5">
        <v>20.028032</v>
      </c>
      <c r="C347" s="5">
        <v>11.371354</v>
      </c>
      <c r="D347">
        <f t="shared" si="16"/>
        <v>1.7266560000000002</v>
      </c>
      <c r="E347">
        <f t="shared" si="17"/>
        <v>12.409283999999957</v>
      </c>
      <c r="F347">
        <f t="shared" si="15"/>
        <v>1.2394709346132867E-2</v>
      </c>
    </row>
    <row r="348" spans="1:6" x14ac:dyDescent="0.2">
      <c r="A348" s="5">
        <v>579.37147800000002</v>
      </c>
      <c r="B348" s="5">
        <v>20.060445999999999</v>
      </c>
      <c r="C348" s="5">
        <v>11.376358</v>
      </c>
      <c r="D348">
        <f t="shared" si="16"/>
        <v>1.7316599999999998</v>
      </c>
      <c r="E348">
        <f t="shared" si="17"/>
        <v>11.945591000000036</v>
      </c>
      <c r="F348">
        <f t="shared" si="15"/>
        <v>1.1906603854486726E-2</v>
      </c>
    </row>
    <row r="349" spans="1:6" x14ac:dyDescent="0.2">
      <c r="A349" s="5">
        <v>578.67580699999996</v>
      </c>
      <c r="B349" s="5">
        <v>20.046429</v>
      </c>
      <c r="C349" s="5">
        <v>11.381363</v>
      </c>
      <c r="D349">
        <f t="shared" si="16"/>
        <v>1.7366650000000003</v>
      </c>
      <c r="E349">
        <f t="shared" si="17"/>
        <v>11.249919999999975</v>
      </c>
      <c r="F349">
        <f t="shared" si="15"/>
        <v>1.1194328735541824E-2</v>
      </c>
    </row>
    <row r="350" spans="1:6" x14ac:dyDescent="0.2">
      <c r="A350" s="5">
        <v>578.38705400000003</v>
      </c>
      <c r="B350" s="5">
        <v>20.020783000000002</v>
      </c>
      <c r="C350" s="5">
        <v>11.386367999999999</v>
      </c>
      <c r="D350">
        <f t="shared" si="16"/>
        <v>1.7416699999999992</v>
      </c>
      <c r="E350">
        <f t="shared" si="17"/>
        <v>10.961167000000046</v>
      </c>
      <c r="F350">
        <f t="shared" si="15"/>
        <v>1.0881088928063113E-2</v>
      </c>
    </row>
    <row r="351" spans="1:6" x14ac:dyDescent="0.2">
      <c r="A351" s="5">
        <v>578.39936</v>
      </c>
      <c r="B351" s="5">
        <v>20.013836999999999</v>
      </c>
      <c r="C351" s="5">
        <v>11.391373</v>
      </c>
      <c r="D351">
        <f t="shared" si="16"/>
        <v>1.7466749999999998</v>
      </c>
      <c r="E351">
        <f t="shared" si="17"/>
        <v>10.973473000000013</v>
      </c>
      <c r="F351">
        <f t="shared" si="15"/>
        <v>1.0861859764503864E-2</v>
      </c>
    </row>
    <row r="352" spans="1:6" x14ac:dyDescent="0.2">
      <c r="A352" s="5">
        <v>577.95918300000005</v>
      </c>
      <c r="B352" s="5">
        <v>20.051096000000001</v>
      </c>
      <c r="C352" s="5">
        <v>11.396378</v>
      </c>
      <c r="D352">
        <f t="shared" si="16"/>
        <v>1.7516800000000003</v>
      </c>
      <c r="E352">
        <f t="shared" si="17"/>
        <v>10.533296000000064</v>
      </c>
      <c r="F352">
        <f t="shared" si="15"/>
        <v>1.0404287602251866E-2</v>
      </c>
    </row>
    <row r="353" spans="1:6" x14ac:dyDescent="0.2">
      <c r="A353" s="5">
        <v>577.341769</v>
      </c>
      <c r="B353" s="5">
        <v>20.061295000000001</v>
      </c>
      <c r="C353" s="5">
        <v>11.401382</v>
      </c>
      <c r="D353">
        <f t="shared" si="16"/>
        <v>1.7566839999999999</v>
      </c>
      <c r="E353">
        <f t="shared" si="17"/>
        <v>9.9158820000000105</v>
      </c>
      <c r="F353">
        <f t="shared" si="15"/>
        <v>9.77697997489161E-3</v>
      </c>
    </row>
    <row r="354" spans="1:6" x14ac:dyDescent="0.2">
      <c r="A354" s="5">
        <v>577.213031</v>
      </c>
      <c r="B354" s="5">
        <v>19.981662</v>
      </c>
      <c r="C354" s="5">
        <v>11.406387</v>
      </c>
      <c r="D354">
        <f t="shared" si="16"/>
        <v>1.7616890000000005</v>
      </c>
      <c r="E354">
        <f t="shared" si="17"/>
        <v>9.7871440000000121</v>
      </c>
      <c r="F354">
        <f t="shared" si="15"/>
        <v>9.6247755062453047E-3</v>
      </c>
    </row>
    <row r="355" spans="1:6" x14ac:dyDescent="0.2">
      <c r="A355" s="5">
        <v>577.67700000000002</v>
      </c>
      <c r="B355" s="5">
        <v>19.962613999999999</v>
      </c>
      <c r="C355" s="5">
        <v>11.411391999999999</v>
      </c>
      <c r="D355">
        <f t="shared" si="16"/>
        <v>1.7666939999999993</v>
      </c>
      <c r="E355">
        <f t="shared" si="17"/>
        <v>10.251113000000032</v>
      </c>
      <c r="F355">
        <f t="shared" si="15"/>
        <v>1.0044414125979896E-2</v>
      </c>
    </row>
    <row r="356" spans="1:6" x14ac:dyDescent="0.2">
      <c r="A356" s="5">
        <v>577.95718199999999</v>
      </c>
      <c r="B356" s="5">
        <v>19.976265000000001</v>
      </c>
      <c r="C356" s="5">
        <v>11.416397</v>
      </c>
      <c r="D356">
        <f t="shared" si="16"/>
        <v>1.7716989999999999</v>
      </c>
      <c r="E356">
        <f t="shared" si="17"/>
        <v>10.531295</v>
      </c>
      <c r="F356">
        <f t="shared" si="15"/>
        <v>1.0284807640206886E-2</v>
      </c>
    </row>
    <row r="357" spans="1:6" x14ac:dyDescent="0.2">
      <c r="A357" s="5">
        <v>577.60347899999999</v>
      </c>
      <c r="B357" s="5">
        <v>20.038674</v>
      </c>
      <c r="C357" s="5">
        <v>11.421402</v>
      </c>
      <c r="D357">
        <f t="shared" si="16"/>
        <v>1.7767040000000005</v>
      </c>
      <c r="E357">
        <f t="shared" si="17"/>
        <v>10.177592000000004</v>
      </c>
      <c r="F357">
        <f t="shared" si="15"/>
        <v>9.9174531230233707E-3</v>
      </c>
    </row>
    <row r="358" spans="1:6" x14ac:dyDescent="0.2">
      <c r="A358" s="5">
        <v>577.47029299999997</v>
      </c>
      <c r="B358" s="5">
        <v>19.986094000000001</v>
      </c>
      <c r="C358" s="5">
        <v>11.426406</v>
      </c>
      <c r="D358">
        <f t="shared" si="16"/>
        <v>1.7817080000000001</v>
      </c>
      <c r="E358">
        <f t="shared" si="17"/>
        <v>10.044405999999981</v>
      </c>
      <c r="F358">
        <f t="shared" si="15"/>
        <v>9.7624333347086437E-3</v>
      </c>
    </row>
    <row r="359" spans="1:6" x14ac:dyDescent="0.2">
      <c r="A359" s="5">
        <v>578.56744500000002</v>
      </c>
      <c r="B359" s="5">
        <v>19.864370999999998</v>
      </c>
      <c r="C359" s="5">
        <v>11.431411000000001</v>
      </c>
      <c r="D359">
        <f t="shared" si="16"/>
        <v>1.7867130000000007</v>
      </c>
      <c r="E359">
        <f t="shared" si="17"/>
        <v>11.141558000000032</v>
      </c>
      <c r="F359">
        <f t="shared" si="15"/>
        <v>1.0777974087712888E-2</v>
      </c>
    </row>
    <row r="360" spans="1:6" x14ac:dyDescent="0.2">
      <c r="A360" s="5">
        <v>579.56534599999998</v>
      </c>
      <c r="B360" s="5">
        <v>19.945353000000001</v>
      </c>
      <c r="C360" s="5">
        <v>11.436415999999999</v>
      </c>
      <c r="D360">
        <f t="shared" si="16"/>
        <v>1.7917179999999995</v>
      </c>
      <c r="E360">
        <f t="shared" si="17"/>
        <v>12.139458999999988</v>
      </c>
      <c r="F360">
        <f t="shared" si="15"/>
        <v>1.169034333406207E-2</v>
      </c>
    </row>
    <row r="361" spans="1:6" x14ac:dyDescent="0.2">
      <c r="A361" s="5">
        <v>579.23330599999997</v>
      </c>
      <c r="B361" s="5">
        <v>20.045117999999999</v>
      </c>
      <c r="C361" s="5">
        <v>11.441421</v>
      </c>
      <c r="D361">
        <f t="shared" si="16"/>
        <v>1.7967230000000001</v>
      </c>
      <c r="E361">
        <f t="shared" si="17"/>
        <v>11.807418999999982</v>
      </c>
      <c r="F361">
        <f t="shared" si="15"/>
        <v>1.1345413311277438E-2</v>
      </c>
    </row>
    <row r="362" spans="1:6" x14ac:dyDescent="0.2">
      <c r="A362" s="5">
        <v>578.81029000000001</v>
      </c>
      <c r="B362" s="5">
        <v>20.011116999999999</v>
      </c>
      <c r="C362" s="5">
        <v>11.446426000000001</v>
      </c>
      <c r="D362">
        <f t="shared" si="16"/>
        <v>1.8017280000000007</v>
      </c>
      <c r="E362">
        <f t="shared" si="17"/>
        <v>11.38440300000002</v>
      </c>
      <c r="F362">
        <f t="shared" si="15"/>
        <v>1.0916534457183515E-2</v>
      </c>
    </row>
    <row r="363" spans="1:6" x14ac:dyDescent="0.2">
      <c r="A363" s="5">
        <v>579.14527999999996</v>
      </c>
      <c r="B363" s="5">
        <v>19.957398999999999</v>
      </c>
      <c r="C363" s="5">
        <v>11.45143</v>
      </c>
      <c r="D363">
        <f t="shared" si="16"/>
        <v>1.8067320000000002</v>
      </c>
      <c r="E363">
        <f t="shared" si="17"/>
        <v>11.719392999999968</v>
      </c>
      <c r="F363">
        <f t="shared" si="15"/>
        <v>1.1200150548256568E-2</v>
      </c>
    </row>
    <row r="364" spans="1:6" x14ac:dyDescent="0.2">
      <c r="A364" s="5">
        <v>579.72843499999999</v>
      </c>
      <c r="B364" s="5">
        <v>19.952302</v>
      </c>
      <c r="C364" s="5">
        <v>11.456435000000001</v>
      </c>
      <c r="D364">
        <f t="shared" si="16"/>
        <v>1.8117370000000008</v>
      </c>
      <c r="E364">
        <f t="shared" si="17"/>
        <v>12.302548000000002</v>
      </c>
      <c r="F364">
        <f t="shared" si="15"/>
        <v>1.1713193340075976E-2</v>
      </c>
    </row>
    <row r="365" spans="1:6" x14ac:dyDescent="0.2">
      <c r="A365" s="5">
        <v>579.18332399999997</v>
      </c>
      <c r="B365" s="5">
        <v>20.102779999999999</v>
      </c>
      <c r="C365" s="5">
        <v>11.46144</v>
      </c>
      <c r="D365">
        <f t="shared" si="16"/>
        <v>1.8167419999999996</v>
      </c>
      <c r="E365">
        <f t="shared" si="17"/>
        <v>11.757436999999982</v>
      </c>
      <c r="F365">
        <f t="shared" si="15"/>
        <v>1.1173863323017789E-2</v>
      </c>
    </row>
    <row r="366" spans="1:6" x14ac:dyDescent="0.2">
      <c r="A366" s="5">
        <v>577.82716200000004</v>
      </c>
      <c r="B366" s="5">
        <v>20.128356</v>
      </c>
      <c r="C366" s="5">
        <v>11.466445</v>
      </c>
      <c r="D366">
        <f t="shared" si="16"/>
        <v>1.8217470000000002</v>
      </c>
      <c r="E366">
        <f t="shared" si="17"/>
        <v>10.401275000000055</v>
      </c>
      <c r="F366">
        <f t="shared" si="15"/>
        <v>9.8809923470152029E-3</v>
      </c>
    </row>
    <row r="367" spans="1:6" x14ac:dyDescent="0.2">
      <c r="A367" s="5">
        <v>577.65509499999996</v>
      </c>
      <c r="B367" s="5">
        <v>19.954965999999999</v>
      </c>
      <c r="C367" s="5">
        <v>11.471450000000001</v>
      </c>
      <c r="D367">
        <f t="shared" si="16"/>
        <v>1.8267520000000008</v>
      </c>
      <c r="E367">
        <f t="shared" si="17"/>
        <v>10.229207999999971</v>
      </c>
      <c r="F367">
        <f t="shared" si="15"/>
        <v>9.693794523611788E-3</v>
      </c>
    </row>
    <row r="368" spans="1:6" x14ac:dyDescent="0.2">
      <c r="A368" s="5">
        <v>578.53831000000002</v>
      </c>
      <c r="B368" s="5">
        <v>19.915365000000001</v>
      </c>
      <c r="C368" s="5">
        <v>11.476454</v>
      </c>
      <c r="D368">
        <f t="shared" si="16"/>
        <v>1.8317560000000004</v>
      </c>
      <c r="E368">
        <f t="shared" si="17"/>
        <v>11.112423000000035</v>
      </c>
      <c r="F368">
        <f t="shared" si="15"/>
        <v>1.0485979861379979E-2</v>
      </c>
    </row>
    <row r="369" spans="1:6" x14ac:dyDescent="0.2">
      <c r="A369" s="5">
        <v>578.54490499999997</v>
      </c>
      <c r="B369" s="5">
        <v>20.046264000000001</v>
      </c>
      <c r="C369" s="5">
        <v>11.481458999999999</v>
      </c>
      <c r="D369">
        <f t="shared" si="16"/>
        <v>1.8367609999999992</v>
      </c>
      <c r="E369">
        <f t="shared" si="17"/>
        <v>11.119017999999983</v>
      </c>
      <c r="F369">
        <f t="shared" si="15"/>
        <v>1.0463493541198448E-2</v>
      </c>
    </row>
    <row r="370" spans="1:6" x14ac:dyDescent="0.2">
      <c r="A370" s="5">
        <v>577.23927300000003</v>
      </c>
      <c r="B370" s="5">
        <v>20.140176</v>
      </c>
      <c r="C370" s="5">
        <v>11.486464</v>
      </c>
      <c r="D370">
        <f t="shared" si="16"/>
        <v>1.8417659999999998</v>
      </c>
      <c r="E370">
        <f t="shared" si="17"/>
        <v>9.8133860000000368</v>
      </c>
      <c r="F370">
        <f t="shared" si="15"/>
        <v>9.2305708325560384E-3</v>
      </c>
    </row>
    <row r="371" spans="1:6" x14ac:dyDescent="0.2">
      <c r="A371" s="5">
        <v>576.42535599999997</v>
      </c>
      <c r="B371" s="5">
        <v>20.031789</v>
      </c>
      <c r="C371" s="5">
        <v>11.491469</v>
      </c>
      <c r="D371">
        <f t="shared" si="16"/>
        <v>1.8467710000000004</v>
      </c>
      <c r="E371">
        <f t="shared" si="17"/>
        <v>8.9994689999999764</v>
      </c>
      <c r="F371">
        <f t="shared" si="15"/>
        <v>8.4539711744518863E-3</v>
      </c>
    </row>
    <row r="372" spans="1:6" x14ac:dyDescent="0.2">
      <c r="A372" s="5">
        <v>577.12236800000005</v>
      </c>
      <c r="B372" s="5">
        <v>19.908082</v>
      </c>
      <c r="C372" s="5">
        <v>11.496473999999999</v>
      </c>
      <c r="D372">
        <f t="shared" si="16"/>
        <v>1.8517759999999992</v>
      </c>
      <c r="E372">
        <f t="shared" si="17"/>
        <v>9.6964810000000625</v>
      </c>
      <c r="F372">
        <f t="shared" ref="F372:F386" si="18">(1/A372)*(E372/D372)</f>
        <v>9.0731437729172602E-3</v>
      </c>
    </row>
    <row r="373" spans="1:6" x14ac:dyDescent="0.2">
      <c r="A373" s="5">
        <v>577.57476499999996</v>
      </c>
      <c r="B373" s="5">
        <v>20.00891</v>
      </c>
      <c r="C373" s="5">
        <v>11.501478000000001</v>
      </c>
      <c r="D373">
        <f t="shared" si="16"/>
        <v>1.8567800000000005</v>
      </c>
      <c r="E373">
        <f t="shared" si="17"/>
        <v>10.148877999999968</v>
      </c>
      <c r="F373">
        <f t="shared" si="18"/>
        <v>9.4634473932161036E-3</v>
      </c>
    </row>
    <row r="374" spans="1:6" x14ac:dyDescent="0.2">
      <c r="A374" s="5">
        <v>576.78918299999998</v>
      </c>
      <c r="B374" s="5">
        <v>20.084800000000001</v>
      </c>
      <c r="C374" s="5">
        <v>11.506482999999999</v>
      </c>
      <c r="D374">
        <f t="shared" si="16"/>
        <v>1.8617849999999994</v>
      </c>
      <c r="E374">
        <f t="shared" si="17"/>
        <v>9.3632959999999912</v>
      </c>
      <c r="F374">
        <f t="shared" si="18"/>
        <v>8.7193100053405814E-3</v>
      </c>
    </row>
    <row r="375" spans="1:6" x14ac:dyDescent="0.2">
      <c r="A375" s="5">
        <v>576.26076499999999</v>
      </c>
      <c r="B375" s="5">
        <v>20.016496</v>
      </c>
      <c r="C375" s="5">
        <v>11.511488</v>
      </c>
      <c r="D375">
        <f t="shared" si="16"/>
        <v>1.8667899999999999</v>
      </c>
      <c r="E375">
        <f t="shared" si="17"/>
        <v>8.8348780000000033</v>
      </c>
      <c r="F375">
        <f t="shared" si="18"/>
        <v>8.2127015253070021E-3</v>
      </c>
    </row>
    <row r="376" spans="1:6" x14ac:dyDescent="0.2">
      <c r="A376" s="5">
        <v>576.87551900000005</v>
      </c>
      <c r="B376" s="5">
        <v>19.914328000000001</v>
      </c>
      <c r="C376" s="5">
        <v>11.516493000000001</v>
      </c>
      <c r="D376">
        <f t="shared" si="16"/>
        <v>1.8717950000000005</v>
      </c>
      <c r="E376">
        <f t="shared" si="17"/>
        <v>9.4496320000000651</v>
      </c>
      <c r="F376">
        <f t="shared" si="18"/>
        <v>8.7513389322099368E-3</v>
      </c>
    </row>
    <row r="377" spans="1:6" x14ac:dyDescent="0.2">
      <c r="A377" s="5">
        <v>577.88223300000004</v>
      </c>
      <c r="B377" s="5">
        <v>19.915749000000002</v>
      </c>
      <c r="C377" s="5">
        <v>11.521497999999999</v>
      </c>
      <c r="D377">
        <f t="shared" si="16"/>
        <v>1.8767999999999994</v>
      </c>
      <c r="E377">
        <f t="shared" si="17"/>
        <v>10.456346000000053</v>
      </c>
      <c r="F377">
        <f t="shared" si="18"/>
        <v>9.6410116697404884E-3</v>
      </c>
    </row>
    <row r="378" spans="1:6" x14ac:dyDescent="0.2">
      <c r="A378" s="5">
        <v>578.282917</v>
      </c>
      <c r="B378" s="5">
        <v>19.968257000000001</v>
      </c>
      <c r="C378" s="5">
        <v>11.526502000000001</v>
      </c>
      <c r="D378">
        <f t="shared" si="16"/>
        <v>1.8818040000000007</v>
      </c>
      <c r="E378">
        <f t="shared" si="17"/>
        <v>10.857030000000009</v>
      </c>
      <c r="F378">
        <f t="shared" si="18"/>
        <v>9.9769153513158699E-3</v>
      </c>
    </row>
    <row r="379" spans="1:6" x14ac:dyDescent="0.2">
      <c r="A379" s="5">
        <v>578.48755700000004</v>
      </c>
      <c r="B379" s="5">
        <v>19.955390000000001</v>
      </c>
      <c r="C379" s="5">
        <v>11.531507</v>
      </c>
      <c r="D379">
        <f t="shared" si="16"/>
        <v>1.8868089999999995</v>
      </c>
      <c r="E379">
        <f t="shared" si="17"/>
        <v>11.061670000000049</v>
      </c>
      <c r="F379">
        <f t="shared" si="18"/>
        <v>1.0134416226869012E-2</v>
      </c>
    </row>
    <row r="380" spans="1:6" x14ac:dyDescent="0.2">
      <c r="A380" s="5">
        <v>579.53683699999999</v>
      </c>
      <c r="B380" s="5">
        <v>19.883201</v>
      </c>
      <c r="C380" s="5">
        <v>11.536512</v>
      </c>
      <c r="D380">
        <f t="shared" si="16"/>
        <v>1.8918140000000001</v>
      </c>
      <c r="E380">
        <f t="shared" si="17"/>
        <v>12.110950000000003</v>
      </c>
      <c r="F380">
        <f t="shared" si="18"/>
        <v>1.1046348228416263E-2</v>
      </c>
    </row>
    <row r="381" spans="1:6" x14ac:dyDescent="0.2">
      <c r="A381" s="5">
        <v>580.733294</v>
      </c>
      <c r="B381" s="5">
        <v>19.891518999999999</v>
      </c>
      <c r="C381" s="5">
        <v>11.541517000000001</v>
      </c>
      <c r="D381">
        <f t="shared" si="16"/>
        <v>1.8968190000000007</v>
      </c>
      <c r="E381">
        <f t="shared" si="17"/>
        <v>13.307407000000012</v>
      </c>
      <c r="F381">
        <f t="shared" si="18"/>
        <v>1.2080664495586311E-2</v>
      </c>
    </row>
    <row r="382" spans="1:6" x14ac:dyDescent="0.2">
      <c r="A382" s="5">
        <v>581.10578299999997</v>
      </c>
      <c r="B382" s="5">
        <v>19.998950000000001</v>
      </c>
      <c r="C382" s="5">
        <v>11.546522</v>
      </c>
      <c r="D382">
        <f t="shared" si="16"/>
        <v>1.9018239999999995</v>
      </c>
      <c r="E382">
        <f t="shared" si="17"/>
        <v>13.679895999999985</v>
      </c>
      <c r="F382">
        <f t="shared" si="18"/>
        <v>1.2378193704554598E-2</v>
      </c>
    </row>
    <row r="383" spans="1:6" x14ac:dyDescent="0.2">
      <c r="A383" s="5">
        <v>580.48967400000004</v>
      </c>
      <c r="B383" s="5">
        <v>20.058035</v>
      </c>
      <c r="C383" s="5">
        <v>11.551526000000001</v>
      </c>
      <c r="D383">
        <f t="shared" si="16"/>
        <v>1.9068280000000009</v>
      </c>
      <c r="E383">
        <f t="shared" si="17"/>
        <v>13.063787000000048</v>
      </c>
      <c r="F383">
        <f t="shared" si="18"/>
        <v>1.1802202761754138E-2</v>
      </c>
    </row>
    <row r="384" spans="1:6" x14ac:dyDescent="0.2">
      <c r="A384" s="5">
        <v>580.29567999999995</v>
      </c>
      <c r="B384" s="5">
        <v>19.991855999999999</v>
      </c>
      <c r="C384" s="5">
        <v>11.556531</v>
      </c>
      <c r="D384">
        <f t="shared" si="16"/>
        <v>1.9118329999999997</v>
      </c>
      <c r="E384">
        <f t="shared" si="17"/>
        <v>12.869792999999959</v>
      </c>
      <c r="F384">
        <f t="shared" si="18"/>
        <v>1.1600381460329946E-2</v>
      </c>
    </row>
    <row r="385" spans="1:7" x14ac:dyDescent="0.2">
      <c r="A385" s="5">
        <v>580.65888800000005</v>
      </c>
      <c r="B385" s="5">
        <v>19.972451</v>
      </c>
      <c r="C385" s="5">
        <v>11.561536</v>
      </c>
      <c r="D385">
        <f t="shared" si="16"/>
        <v>1.9168380000000003</v>
      </c>
      <c r="E385">
        <f t="shared" si="17"/>
        <v>13.233001000000058</v>
      </c>
      <c r="F385">
        <f t="shared" si="18"/>
        <v>1.1889178757889692E-2</v>
      </c>
    </row>
    <row r="386" spans="1:7" x14ac:dyDescent="0.2">
      <c r="A386" s="5">
        <v>580.71819100000005</v>
      </c>
      <c r="B386" s="5">
        <v>20.009354999999999</v>
      </c>
      <c r="C386" s="5">
        <v>11.566541000000001</v>
      </c>
      <c r="D386">
        <f t="shared" si="16"/>
        <v>1.9218430000000009</v>
      </c>
      <c r="E386">
        <f t="shared" si="17"/>
        <v>13.292304000000058</v>
      </c>
      <c r="F386">
        <f t="shared" si="18"/>
        <v>1.1910141698932631E-2</v>
      </c>
    </row>
    <row r="387" spans="1:7" ht="15" x14ac:dyDescent="0.25">
      <c r="A387">
        <f>MAX(A2:A386)</f>
        <v>583.21575600000006</v>
      </c>
      <c r="B387" s="3" t="s">
        <v>16</v>
      </c>
    </row>
    <row r="388" spans="1:7" ht="15" x14ac:dyDescent="0.25">
      <c r="A388">
        <f>MIN(A2:A386)</f>
        <v>567.42588699999999</v>
      </c>
      <c r="B388" s="3" t="s">
        <v>17</v>
      </c>
    </row>
    <row r="390" spans="1:7" x14ac:dyDescent="0.2">
      <c r="A390" t="s">
        <v>20</v>
      </c>
      <c r="C390" s="14">
        <f>E386/A388</f>
        <v>2.3425621397495492E-2</v>
      </c>
    </row>
    <row r="395" spans="1:7" s="1" customFormat="1" x14ac:dyDescent="0.2">
      <c r="A395"/>
      <c r="B395"/>
      <c r="C395"/>
      <c r="D395"/>
      <c r="E395"/>
      <c r="F395"/>
      <c r="G395"/>
    </row>
    <row r="396" spans="1:7" s="1" customFormat="1" x14ac:dyDescent="0.2">
      <c r="A396"/>
      <c r="B396"/>
      <c r="C396"/>
      <c r="D396"/>
      <c r="E396"/>
      <c r="F396"/>
      <c r="G396"/>
    </row>
    <row r="397" spans="1:7" s="1" customFormat="1" x14ac:dyDescent="0.2">
      <c r="A397"/>
      <c r="B397"/>
      <c r="C397"/>
      <c r="D397"/>
      <c r="E397"/>
      <c r="F397"/>
      <c r="G397"/>
    </row>
    <row r="398" spans="1:7" x14ac:dyDescent="0.2">
      <c r="A398" s="1"/>
      <c r="B398" s="1"/>
      <c r="C398" s="1"/>
    </row>
    <row r="399" spans="1:7" x14ac:dyDescent="0.2">
      <c r="A399" s="1"/>
      <c r="B399" s="1"/>
      <c r="C399" s="1"/>
    </row>
    <row r="400" spans="1:7" s="1" customFormat="1" x14ac:dyDescent="0.2">
      <c r="D400"/>
      <c r="E400"/>
      <c r="F400"/>
      <c r="G400"/>
    </row>
    <row r="401" spans="1:7" s="1" customFormat="1" x14ac:dyDescent="0.2">
      <c r="A401"/>
      <c r="B401"/>
      <c r="C401"/>
      <c r="D401"/>
      <c r="E401"/>
      <c r="F401"/>
      <c r="G401"/>
    </row>
  </sheetData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18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>
        <v>653.91017799999997</v>
      </c>
      <c r="B2">
        <v>19.910937000000001</v>
      </c>
      <c r="C2">
        <v>7.2703620000000004</v>
      </c>
      <c r="D2">
        <f>C2-$C$2</f>
        <v>0</v>
      </c>
      <c r="E2">
        <f>A2-$A$2</f>
        <v>0</v>
      </c>
      <c r="G2" s="3">
        <f>(A402-A403)/A402</f>
        <v>3.0276195255705653E-2</v>
      </c>
    </row>
    <row r="3" spans="1:7" x14ac:dyDescent="0.2">
      <c r="A3">
        <v>654.79606999999999</v>
      </c>
      <c r="B3">
        <v>19.921462999999999</v>
      </c>
      <c r="C3">
        <v>7.275366</v>
      </c>
      <c r="D3">
        <f t="shared" ref="D3:D6" si="0">C3-$C$2</f>
        <v>5.0039999999995644E-3</v>
      </c>
      <c r="E3">
        <f t="shared" ref="E3:E6" si="1">A3-$A$2</f>
        <v>0.88589200000001256</v>
      </c>
      <c r="F3">
        <f t="shared" ref="F3:F66" si="2">(1/A3)*(E3/D3)</f>
        <v>0.27036932366370353</v>
      </c>
      <c r="G3" s="4">
        <f>G2*100</f>
        <v>3.0276195255705654</v>
      </c>
    </row>
    <row r="4" spans="1:7" x14ac:dyDescent="0.2">
      <c r="A4">
        <v>655.53878799999995</v>
      </c>
      <c r="B4">
        <v>19.924322</v>
      </c>
      <c r="C4">
        <v>7.2803709999999997</v>
      </c>
      <c r="D4">
        <f t="shared" si="0"/>
        <v>1.0008999999999268E-2</v>
      </c>
      <c r="E4">
        <f t="shared" si="1"/>
        <v>1.6286099999999806</v>
      </c>
      <c r="F4">
        <f t="shared" si="2"/>
        <v>0.24821499486739915</v>
      </c>
    </row>
    <row r="5" spans="1:7" x14ac:dyDescent="0.2">
      <c r="A5">
        <v>655.86227599999995</v>
      </c>
      <c r="B5">
        <v>19.961216</v>
      </c>
      <c r="C5">
        <v>7.2853760000000003</v>
      </c>
      <c r="D5">
        <f t="shared" si="0"/>
        <v>1.5013999999999861E-2</v>
      </c>
      <c r="E5">
        <f t="shared" si="1"/>
        <v>1.9520979999999781</v>
      </c>
      <c r="F5">
        <f t="shared" si="2"/>
        <v>0.19824057703798301</v>
      </c>
    </row>
    <row r="6" spans="1:7" x14ac:dyDescent="0.2">
      <c r="A6">
        <v>656.57877299999996</v>
      </c>
      <c r="B6">
        <v>19.918648000000001</v>
      </c>
      <c r="C6">
        <v>7.290381</v>
      </c>
      <c r="D6">
        <f t="shared" si="0"/>
        <v>2.0018999999999565E-2</v>
      </c>
      <c r="E6">
        <f t="shared" si="1"/>
        <v>2.6685949999999821</v>
      </c>
      <c r="F6">
        <f t="shared" si="2"/>
        <v>0.20302683779202932</v>
      </c>
    </row>
    <row r="7" spans="1:7" x14ac:dyDescent="0.2">
      <c r="A7">
        <v>657.80208400000004</v>
      </c>
      <c r="B7">
        <v>19.875689999999999</v>
      </c>
      <c r="C7">
        <v>7.2953859999999997</v>
      </c>
      <c r="D7">
        <f t="shared" ref="D7:D70" si="3">C7-$C$2</f>
        <v>2.5023999999999269E-2</v>
      </c>
      <c r="E7">
        <f t="shared" ref="E7:E70" si="4">A7-$A$2</f>
        <v>3.8919060000000627</v>
      </c>
      <c r="F7">
        <f t="shared" si="2"/>
        <v>0.23643423747990067</v>
      </c>
    </row>
    <row r="8" spans="1:7" x14ac:dyDescent="0.2">
      <c r="A8">
        <v>658.721318</v>
      </c>
      <c r="B8">
        <v>19.938642000000002</v>
      </c>
      <c r="C8">
        <v>7.3003900000000002</v>
      </c>
      <c r="D8">
        <f t="shared" si="3"/>
        <v>3.0027999999999722E-2</v>
      </c>
      <c r="E8">
        <f t="shared" si="4"/>
        <v>4.8111400000000231</v>
      </c>
      <c r="F8">
        <f t="shared" si="2"/>
        <v>0.243231528440087</v>
      </c>
    </row>
    <row r="9" spans="1:7" x14ac:dyDescent="0.2">
      <c r="A9">
        <v>659.18428800000004</v>
      </c>
      <c r="B9">
        <v>19.963937999999999</v>
      </c>
      <c r="C9">
        <v>7.3053949999999999</v>
      </c>
      <c r="D9">
        <f t="shared" si="3"/>
        <v>3.5032999999999426E-2</v>
      </c>
      <c r="E9">
        <f t="shared" si="4"/>
        <v>5.2741100000000642</v>
      </c>
      <c r="F9">
        <f t="shared" si="2"/>
        <v>0.22838364877818282</v>
      </c>
    </row>
    <row r="10" spans="1:7" x14ac:dyDescent="0.2">
      <c r="A10">
        <v>659.65696300000002</v>
      </c>
      <c r="B10">
        <v>19.946586</v>
      </c>
      <c r="C10">
        <v>7.3103999999999996</v>
      </c>
      <c r="D10">
        <f t="shared" si="3"/>
        <v>4.003799999999913E-2</v>
      </c>
      <c r="E10">
        <f t="shared" si="4"/>
        <v>5.7467850000000453</v>
      </c>
      <c r="F10">
        <f t="shared" si="2"/>
        <v>0.21758774097110375</v>
      </c>
    </row>
    <row r="11" spans="1:7" x14ac:dyDescent="0.2">
      <c r="A11">
        <v>660.04276300000004</v>
      </c>
      <c r="B11">
        <v>19.966232000000002</v>
      </c>
      <c r="C11">
        <v>7.3154050000000002</v>
      </c>
      <c r="D11">
        <f t="shared" si="3"/>
        <v>4.5042999999999722E-2</v>
      </c>
      <c r="E11">
        <f t="shared" si="4"/>
        <v>6.1325850000000628</v>
      </c>
      <c r="F11">
        <f t="shared" si="2"/>
        <v>0.20627385954748823</v>
      </c>
    </row>
    <row r="12" spans="1:7" x14ac:dyDescent="0.2">
      <c r="A12">
        <v>660.05395599999997</v>
      </c>
      <c r="B12">
        <v>20.029029000000001</v>
      </c>
      <c r="C12">
        <v>7.3204099999999999</v>
      </c>
      <c r="D12">
        <f t="shared" si="3"/>
        <v>5.0047999999999426E-2</v>
      </c>
      <c r="E12">
        <f t="shared" si="4"/>
        <v>6.1437779999999975</v>
      </c>
      <c r="F12">
        <f t="shared" si="2"/>
        <v>0.18598132998071037</v>
      </c>
    </row>
    <row r="13" spans="1:7" x14ac:dyDescent="0.2">
      <c r="A13">
        <v>659.47889999999995</v>
      </c>
      <c r="B13">
        <v>20.047605000000001</v>
      </c>
      <c r="C13">
        <v>7.3254140000000003</v>
      </c>
      <c r="D13">
        <f t="shared" si="3"/>
        <v>5.5051999999999879E-2</v>
      </c>
      <c r="E13">
        <f t="shared" si="4"/>
        <v>5.5687219999999797</v>
      </c>
      <c r="F13">
        <f t="shared" si="2"/>
        <v>0.15338452001652822</v>
      </c>
    </row>
    <row r="14" spans="1:7" x14ac:dyDescent="0.2">
      <c r="A14">
        <v>658.84120399999995</v>
      </c>
      <c r="B14">
        <v>20.057219</v>
      </c>
      <c r="C14">
        <v>7.330419</v>
      </c>
      <c r="D14">
        <f t="shared" si="3"/>
        <v>6.0056999999999583E-2</v>
      </c>
      <c r="E14">
        <f t="shared" si="4"/>
        <v>4.9310259999999744</v>
      </c>
      <c r="F14">
        <f t="shared" si="2"/>
        <v>0.12462148039664421</v>
      </c>
    </row>
    <row r="15" spans="1:7" x14ac:dyDescent="0.2">
      <c r="A15">
        <v>658.51993800000002</v>
      </c>
      <c r="B15">
        <v>20.020886999999998</v>
      </c>
      <c r="C15">
        <v>7.3354239999999997</v>
      </c>
      <c r="D15">
        <f t="shared" si="3"/>
        <v>6.5061999999999287E-2</v>
      </c>
      <c r="E15">
        <f t="shared" si="4"/>
        <v>4.6097600000000511</v>
      </c>
      <c r="F15">
        <f t="shared" si="2"/>
        <v>0.10759249463408208</v>
      </c>
    </row>
    <row r="16" spans="1:7" x14ac:dyDescent="0.2">
      <c r="A16">
        <v>658.15963899999997</v>
      </c>
      <c r="B16">
        <v>20.043005999999998</v>
      </c>
      <c r="C16">
        <v>7.3404290000000003</v>
      </c>
      <c r="D16">
        <f t="shared" si="3"/>
        <v>7.0066999999999879E-2</v>
      </c>
      <c r="E16">
        <f t="shared" si="4"/>
        <v>4.2494609999999966</v>
      </c>
      <c r="F16">
        <f t="shared" si="2"/>
        <v>9.2148671548778316E-2</v>
      </c>
    </row>
    <row r="17" spans="1:6" x14ac:dyDescent="0.2">
      <c r="A17">
        <v>657.30006600000002</v>
      </c>
      <c r="B17">
        <v>20.081285999999999</v>
      </c>
      <c r="C17">
        <v>7.345434</v>
      </c>
      <c r="D17">
        <f t="shared" si="3"/>
        <v>7.5071999999999584E-2</v>
      </c>
      <c r="E17">
        <f t="shared" si="4"/>
        <v>3.3898880000000418</v>
      </c>
      <c r="F17">
        <f t="shared" si="2"/>
        <v>6.8697935769355026E-2</v>
      </c>
    </row>
    <row r="18" spans="1:6" x14ac:dyDescent="0.2">
      <c r="A18">
        <v>656.70436099999995</v>
      </c>
      <c r="B18">
        <v>20.030808</v>
      </c>
      <c r="C18">
        <v>7.3504379999999996</v>
      </c>
      <c r="D18">
        <f t="shared" si="3"/>
        <v>8.0075999999999148E-2</v>
      </c>
      <c r="E18">
        <f t="shared" si="4"/>
        <v>2.7941829999999754</v>
      </c>
      <c r="F18">
        <f t="shared" si="2"/>
        <v>5.3135231225965127E-2</v>
      </c>
    </row>
    <row r="19" spans="1:6" x14ac:dyDescent="0.2">
      <c r="A19">
        <v>657.09856100000002</v>
      </c>
      <c r="B19">
        <v>19.958877000000001</v>
      </c>
      <c r="C19">
        <v>7.3554430000000002</v>
      </c>
      <c r="D19">
        <f t="shared" si="3"/>
        <v>8.508099999999974E-2</v>
      </c>
      <c r="E19">
        <f t="shared" si="4"/>
        <v>3.1883830000000444</v>
      </c>
      <c r="F19">
        <f t="shared" si="2"/>
        <v>5.7030526768171524E-2</v>
      </c>
    </row>
    <row r="20" spans="1:6" x14ac:dyDescent="0.2">
      <c r="A20">
        <v>657.24926500000004</v>
      </c>
      <c r="B20">
        <v>20.018053999999999</v>
      </c>
      <c r="C20">
        <v>7.3604479999999999</v>
      </c>
      <c r="D20">
        <f t="shared" si="3"/>
        <v>9.0085999999999444E-2</v>
      </c>
      <c r="E20">
        <f t="shared" si="4"/>
        <v>3.3390870000000632</v>
      </c>
      <c r="F20">
        <f t="shared" si="2"/>
        <v>5.6394963752301394E-2</v>
      </c>
    </row>
    <row r="21" spans="1:6" x14ac:dyDescent="0.2">
      <c r="A21">
        <v>657.09482100000002</v>
      </c>
      <c r="B21">
        <v>19.981439000000002</v>
      </c>
      <c r="C21">
        <v>7.3654529999999996</v>
      </c>
      <c r="D21">
        <f t="shared" si="3"/>
        <v>9.5090999999999148E-2</v>
      </c>
      <c r="E21">
        <f t="shared" si="4"/>
        <v>3.184643000000051</v>
      </c>
      <c r="F21">
        <f t="shared" si="2"/>
        <v>5.0967495819854179E-2</v>
      </c>
    </row>
    <row r="22" spans="1:6" x14ac:dyDescent="0.2">
      <c r="A22">
        <v>657.23502499999995</v>
      </c>
      <c r="B22">
        <v>19.987759</v>
      </c>
      <c r="C22">
        <v>7.3704580000000002</v>
      </c>
      <c r="D22">
        <f t="shared" si="3"/>
        <v>0.10009599999999974</v>
      </c>
      <c r="E22">
        <f t="shared" si="4"/>
        <v>3.324846999999977</v>
      </c>
      <c r="F22">
        <f t="shared" si="2"/>
        <v>5.0539884238825987E-2</v>
      </c>
    </row>
    <row r="23" spans="1:6" x14ac:dyDescent="0.2">
      <c r="A23">
        <v>657.21993599999996</v>
      </c>
      <c r="B23">
        <v>19.990417999999998</v>
      </c>
      <c r="C23">
        <v>7.3754619999999997</v>
      </c>
      <c r="D23">
        <f t="shared" si="3"/>
        <v>0.10509999999999931</v>
      </c>
      <c r="E23">
        <f t="shared" si="4"/>
        <v>3.309757999999988</v>
      </c>
      <c r="F23">
        <f t="shared" si="2"/>
        <v>4.7916247088569307E-2</v>
      </c>
    </row>
    <row r="24" spans="1:6" x14ac:dyDescent="0.2">
      <c r="A24">
        <v>658.04447700000003</v>
      </c>
      <c r="B24">
        <v>19.909519</v>
      </c>
      <c r="C24">
        <v>7.3804670000000003</v>
      </c>
      <c r="D24">
        <f t="shared" si="3"/>
        <v>0.1101049999999999</v>
      </c>
      <c r="E24">
        <f t="shared" si="4"/>
        <v>4.1342990000000555</v>
      </c>
      <c r="F24">
        <f t="shared" si="2"/>
        <v>5.7061028153035452E-2</v>
      </c>
    </row>
    <row r="25" spans="1:6" x14ac:dyDescent="0.2">
      <c r="A25">
        <v>658.25699699999996</v>
      </c>
      <c r="B25">
        <v>19.992197000000001</v>
      </c>
      <c r="C25">
        <v>7.385472</v>
      </c>
      <c r="D25">
        <f t="shared" si="3"/>
        <v>0.1151099999999996</v>
      </c>
      <c r="E25">
        <f t="shared" si="4"/>
        <v>4.3468189999999822</v>
      </c>
      <c r="F25">
        <f t="shared" si="2"/>
        <v>5.7367116176222893E-2</v>
      </c>
    </row>
    <row r="26" spans="1:6" x14ac:dyDescent="0.2">
      <c r="A26">
        <v>658.82850599999995</v>
      </c>
      <c r="B26">
        <v>19.939124</v>
      </c>
      <c r="C26">
        <v>7.3904769999999997</v>
      </c>
      <c r="D26">
        <f t="shared" si="3"/>
        <v>0.12011499999999931</v>
      </c>
      <c r="E26">
        <f t="shared" si="4"/>
        <v>4.9183279999999741</v>
      </c>
      <c r="F26">
        <f t="shared" si="2"/>
        <v>6.2150962785536341E-2</v>
      </c>
    </row>
    <row r="27" spans="1:6" x14ac:dyDescent="0.2">
      <c r="A27">
        <v>659.54129899999998</v>
      </c>
      <c r="B27">
        <v>19.920663000000001</v>
      </c>
      <c r="C27">
        <v>7.3954820000000003</v>
      </c>
      <c r="D27">
        <f t="shared" si="3"/>
        <v>0.1251199999999999</v>
      </c>
      <c r="E27">
        <f t="shared" si="4"/>
        <v>5.6311210000000074</v>
      </c>
      <c r="F27">
        <f t="shared" si="2"/>
        <v>6.8237974689786318E-2</v>
      </c>
    </row>
    <row r="28" spans="1:6" x14ac:dyDescent="0.2">
      <c r="A28">
        <v>660.332763</v>
      </c>
      <c r="B28">
        <v>19.937753000000001</v>
      </c>
      <c r="C28">
        <v>7.4004859999999999</v>
      </c>
      <c r="D28">
        <f t="shared" si="3"/>
        <v>0.13012399999999946</v>
      </c>
      <c r="E28">
        <f t="shared" si="4"/>
        <v>6.4225850000000264</v>
      </c>
      <c r="F28">
        <f t="shared" si="2"/>
        <v>7.4746284570138474E-2</v>
      </c>
    </row>
    <row r="29" spans="1:6" x14ac:dyDescent="0.2">
      <c r="A29">
        <v>660.64277900000002</v>
      </c>
      <c r="B29">
        <v>19.988227999999999</v>
      </c>
      <c r="C29">
        <v>7.4054909999999996</v>
      </c>
      <c r="D29">
        <f t="shared" si="3"/>
        <v>0.13512899999999917</v>
      </c>
      <c r="E29">
        <f t="shared" si="4"/>
        <v>6.7326010000000451</v>
      </c>
      <c r="F29">
        <f t="shared" si="2"/>
        <v>7.5416716826517863E-2</v>
      </c>
    </row>
    <row r="30" spans="1:6" x14ac:dyDescent="0.2">
      <c r="A30">
        <v>660.73203999999998</v>
      </c>
      <c r="B30">
        <v>19.992827999999999</v>
      </c>
      <c r="C30">
        <v>7.4104960000000002</v>
      </c>
      <c r="D30">
        <f t="shared" si="3"/>
        <v>0.14013399999999976</v>
      </c>
      <c r="E30">
        <f t="shared" si="4"/>
        <v>6.8218620000000101</v>
      </c>
      <c r="F30">
        <f t="shared" si="2"/>
        <v>7.3677357997384785E-2</v>
      </c>
    </row>
    <row r="31" spans="1:6" x14ac:dyDescent="0.2">
      <c r="A31">
        <v>660.82360200000005</v>
      </c>
      <c r="B31">
        <v>19.982787999999999</v>
      </c>
      <c r="C31">
        <v>7.4155009999999999</v>
      </c>
      <c r="D31">
        <f t="shared" si="3"/>
        <v>0.14513899999999946</v>
      </c>
      <c r="E31">
        <f t="shared" si="4"/>
        <v>6.9134240000000773</v>
      </c>
      <c r="F31">
        <f t="shared" si="2"/>
        <v>7.2081451032394925E-2</v>
      </c>
    </row>
    <row r="32" spans="1:6" x14ac:dyDescent="0.2">
      <c r="A32">
        <v>660.90699800000004</v>
      </c>
      <c r="B32">
        <v>20.010289</v>
      </c>
      <c r="C32">
        <v>7.4205059999999996</v>
      </c>
      <c r="D32">
        <f t="shared" si="3"/>
        <v>0.15014399999999917</v>
      </c>
      <c r="E32">
        <f t="shared" si="4"/>
        <v>6.9968200000000706</v>
      </c>
      <c r="F32">
        <f t="shared" si="2"/>
        <v>7.0510268626176847E-2</v>
      </c>
    </row>
    <row r="33" spans="1:6" x14ac:dyDescent="0.2">
      <c r="A33">
        <v>660.55089199999998</v>
      </c>
      <c r="B33">
        <v>20.028742999999999</v>
      </c>
      <c r="C33">
        <v>7.4255100000000001</v>
      </c>
      <c r="D33">
        <f t="shared" si="3"/>
        <v>0.15514799999999962</v>
      </c>
      <c r="E33">
        <f t="shared" si="4"/>
        <v>6.6407140000000027</v>
      </c>
      <c r="F33">
        <f t="shared" si="2"/>
        <v>6.479810596646364E-2</v>
      </c>
    </row>
    <row r="34" spans="1:6" x14ac:dyDescent="0.2">
      <c r="A34">
        <v>660.21544400000005</v>
      </c>
      <c r="B34">
        <v>20.033978000000001</v>
      </c>
      <c r="C34">
        <v>7.4305149999999998</v>
      </c>
      <c r="D34">
        <f t="shared" si="3"/>
        <v>0.16015299999999932</v>
      </c>
      <c r="E34">
        <f t="shared" si="4"/>
        <v>6.3052660000000742</v>
      </c>
      <c r="F34">
        <f t="shared" si="2"/>
        <v>5.9632450349640979E-2</v>
      </c>
    </row>
    <row r="35" spans="1:6" x14ac:dyDescent="0.2">
      <c r="A35">
        <v>660.04217600000004</v>
      </c>
      <c r="B35">
        <v>20.005496000000001</v>
      </c>
      <c r="C35">
        <v>7.4355200000000004</v>
      </c>
      <c r="D35">
        <f t="shared" si="3"/>
        <v>0.16515799999999992</v>
      </c>
      <c r="E35">
        <f t="shared" si="4"/>
        <v>6.1319980000000669</v>
      </c>
      <c r="F35">
        <f t="shared" si="2"/>
        <v>5.6251058873881536E-2</v>
      </c>
    </row>
    <row r="36" spans="1:6" x14ac:dyDescent="0.2">
      <c r="A36">
        <v>659.88782900000001</v>
      </c>
      <c r="B36">
        <v>20.028435000000002</v>
      </c>
      <c r="C36">
        <v>7.4405250000000001</v>
      </c>
      <c r="D36">
        <f t="shared" si="3"/>
        <v>0.17016299999999962</v>
      </c>
      <c r="E36">
        <f t="shared" si="4"/>
        <v>5.9776510000000371</v>
      </c>
      <c r="F36">
        <f t="shared" si="2"/>
        <v>5.3234760384916688E-2</v>
      </c>
    </row>
    <row r="37" spans="1:6" x14ac:dyDescent="0.2">
      <c r="A37">
        <v>659.35750900000005</v>
      </c>
      <c r="B37">
        <v>20.050550999999999</v>
      </c>
      <c r="C37">
        <v>7.4455299999999998</v>
      </c>
      <c r="D37">
        <f t="shared" si="3"/>
        <v>0.17516799999999932</v>
      </c>
      <c r="E37">
        <f t="shared" si="4"/>
        <v>5.4473310000000765</v>
      </c>
      <c r="F37">
        <f t="shared" si="2"/>
        <v>4.7163718389515878E-2</v>
      </c>
    </row>
    <row r="38" spans="1:6" x14ac:dyDescent="0.2">
      <c r="A38">
        <v>658.91742799999997</v>
      </c>
      <c r="B38">
        <v>20.029152</v>
      </c>
      <c r="C38">
        <v>7.4505340000000002</v>
      </c>
      <c r="D38">
        <f t="shared" si="3"/>
        <v>0.18017199999999978</v>
      </c>
      <c r="E38">
        <f t="shared" si="4"/>
        <v>5.0072499999999991</v>
      </c>
      <c r="F38">
        <f t="shared" si="2"/>
        <v>4.2177514287974269E-2</v>
      </c>
    </row>
    <row r="39" spans="1:6" x14ac:dyDescent="0.2">
      <c r="A39">
        <v>658.64424899999995</v>
      </c>
      <c r="B39">
        <v>20.014240000000001</v>
      </c>
      <c r="C39">
        <v>7.4555389999999999</v>
      </c>
      <c r="D39">
        <f t="shared" si="3"/>
        <v>0.18517699999999948</v>
      </c>
      <c r="E39">
        <f t="shared" si="4"/>
        <v>4.7340709999999717</v>
      </c>
      <c r="F39">
        <f t="shared" si="2"/>
        <v>3.8814752298871477E-2</v>
      </c>
    </row>
    <row r="40" spans="1:6" x14ac:dyDescent="0.2">
      <c r="A40">
        <v>658.52511600000003</v>
      </c>
      <c r="B40">
        <v>20.010513</v>
      </c>
      <c r="C40">
        <v>7.4605439999999996</v>
      </c>
      <c r="D40">
        <f t="shared" si="3"/>
        <v>0.19018199999999919</v>
      </c>
      <c r="E40">
        <f t="shared" si="4"/>
        <v>4.6149380000000519</v>
      </c>
      <c r="F40">
        <f t="shared" si="2"/>
        <v>3.6848865134968413E-2</v>
      </c>
    </row>
    <row r="41" spans="1:6" x14ac:dyDescent="0.2">
      <c r="A41">
        <v>658.50574800000004</v>
      </c>
      <c r="B41">
        <v>19.991485000000001</v>
      </c>
      <c r="C41">
        <v>7.4655490000000002</v>
      </c>
      <c r="D41">
        <f t="shared" si="3"/>
        <v>0.19518699999999978</v>
      </c>
      <c r="E41">
        <f t="shared" si="4"/>
        <v>4.5955700000000661</v>
      </c>
      <c r="F41">
        <f t="shared" si="2"/>
        <v>3.5754353232983101E-2</v>
      </c>
    </row>
    <row r="42" spans="1:6" x14ac:dyDescent="0.2">
      <c r="A42">
        <v>658.85672499999998</v>
      </c>
      <c r="B42">
        <v>19.96086</v>
      </c>
      <c r="C42">
        <v>7.4705539999999999</v>
      </c>
      <c r="D42">
        <f t="shared" si="3"/>
        <v>0.20019199999999948</v>
      </c>
      <c r="E42">
        <f t="shared" si="4"/>
        <v>4.9465470000000096</v>
      </c>
      <c r="F42">
        <f t="shared" si="2"/>
        <v>3.7502864293033865E-2</v>
      </c>
    </row>
    <row r="43" spans="1:6" x14ac:dyDescent="0.2">
      <c r="A43">
        <v>659.36853900000006</v>
      </c>
      <c r="B43">
        <v>19.960974</v>
      </c>
      <c r="C43">
        <v>7.4755580000000004</v>
      </c>
      <c r="D43">
        <f t="shared" si="3"/>
        <v>0.20519599999999993</v>
      </c>
      <c r="E43">
        <f t="shared" si="4"/>
        <v>5.4583610000000817</v>
      </c>
      <c r="F43">
        <f t="shared" si="2"/>
        <v>4.0342716954516127E-2</v>
      </c>
    </row>
    <row r="44" spans="1:6" x14ac:dyDescent="0.2">
      <c r="A44">
        <v>659.79552799999999</v>
      </c>
      <c r="B44">
        <v>19.965271000000001</v>
      </c>
      <c r="C44">
        <v>7.4805630000000001</v>
      </c>
      <c r="D44">
        <f t="shared" si="3"/>
        <v>0.21020099999999964</v>
      </c>
      <c r="E44">
        <f t="shared" si="4"/>
        <v>5.8853500000000167</v>
      </c>
      <c r="F44">
        <f t="shared" si="2"/>
        <v>4.2435385309764539E-2</v>
      </c>
    </row>
    <row r="45" spans="1:6" x14ac:dyDescent="0.2">
      <c r="A45">
        <v>660.21122500000001</v>
      </c>
      <c r="B45">
        <v>19.938348999999999</v>
      </c>
      <c r="C45">
        <v>7.4855679999999998</v>
      </c>
      <c r="D45">
        <f t="shared" si="3"/>
        <v>0.21520599999999934</v>
      </c>
      <c r="E45">
        <f t="shared" si="4"/>
        <v>6.3010470000000396</v>
      </c>
      <c r="F45">
        <f t="shared" si="2"/>
        <v>4.4348143043899099E-2</v>
      </c>
    </row>
    <row r="46" spans="1:6" x14ac:dyDescent="0.2">
      <c r="A46">
        <v>660.86917600000004</v>
      </c>
      <c r="B46">
        <v>19.942556</v>
      </c>
      <c r="C46">
        <v>7.4905730000000004</v>
      </c>
      <c r="D46">
        <f t="shared" si="3"/>
        <v>0.22021099999999993</v>
      </c>
      <c r="E46">
        <f t="shared" si="4"/>
        <v>6.9589980000000651</v>
      </c>
      <c r="F46">
        <f t="shared" si="2"/>
        <v>4.7818087946625745E-2</v>
      </c>
    </row>
    <row r="47" spans="1:6" x14ac:dyDescent="0.2">
      <c r="A47">
        <v>661.62717999999995</v>
      </c>
      <c r="B47">
        <v>19.915009000000001</v>
      </c>
      <c r="C47">
        <v>7.4955780000000001</v>
      </c>
      <c r="D47">
        <f t="shared" si="3"/>
        <v>0.22521599999999964</v>
      </c>
      <c r="E47">
        <f t="shared" si="4"/>
        <v>7.7170019999999795</v>
      </c>
      <c r="F47">
        <f t="shared" si="2"/>
        <v>5.1788822173223656E-2</v>
      </c>
    </row>
    <row r="48" spans="1:6" x14ac:dyDescent="0.2">
      <c r="A48">
        <v>662.04846299999997</v>
      </c>
      <c r="B48">
        <v>19.977319999999999</v>
      </c>
      <c r="C48">
        <v>7.5005819999999996</v>
      </c>
      <c r="D48">
        <f t="shared" si="3"/>
        <v>0.2302199999999992</v>
      </c>
      <c r="E48">
        <f t="shared" si="4"/>
        <v>8.1382849999999962</v>
      </c>
      <c r="F48">
        <f t="shared" si="2"/>
        <v>5.3394935152006044E-2</v>
      </c>
    </row>
    <row r="49" spans="1:6" x14ac:dyDescent="0.2">
      <c r="A49">
        <v>662.47796700000004</v>
      </c>
      <c r="B49">
        <v>19.960488000000002</v>
      </c>
      <c r="C49">
        <v>7.5055870000000002</v>
      </c>
      <c r="D49">
        <f t="shared" si="3"/>
        <v>0.2352249999999998</v>
      </c>
      <c r="E49">
        <f t="shared" si="4"/>
        <v>8.5677890000000616</v>
      </c>
      <c r="F49">
        <f t="shared" si="2"/>
        <v>5.498115342159865E-2</v>
      </c>
    </row>
    <row r="50" spans="1:6" x14ac:dyDescent="0.2">
      <c r="A50">
        <v>662.81260199999997</v>
      </c>
      <c r="B50">
        <v>19.968530000000001</v>
      </c>
      <c r="C50">
        <v>7.5105919999999999</v>
      </c>
      <c r="D50">
        <f t="shared" si="3"/>
        <v>0.2402299999999995</v>
      </c>
      <c r="E50">
        <f t="shared" si="4"/>
        <v>8.9024239999999963</v>
      </c>
      <c r="F50">
        <f t="shared" si="2"/>
        <v>5.591010095764367E-2</v>
      </c>
    </row>
    <row r="51" spans="1:6" x14ac:dyDescent="0.2">
      <c r="A51">
        <v>662.86073899999997</v>
      </c>
      <c r="B51">
        <v>20.001501999999999</v>
      </c>
      <c r="C51">
        <v>7.5155969999999996</v>
      </c>
      <c r="D51">
        <f t="shared" si="3"/>
        <v>0.2452349999999992</v>
      </c>
      <c r="E51">
        <f t="shared" si="4"/>
        <v>8.9505609999999933</v>
      </c>
      <c r="F51">
        <f t="shared" si="2"/>
        <v>5.5061179082613987E-2</v>
      </c>
    </row>
    <row r="52" spans="1:6" x14ac:dyDescent="0.2">
      <c r="A52">
        <v>662.34508100000005</v>
      </c>
      <c r="B52">
        <v>20.065868999999999</v>
      </c>
      <c r="C52">
        <v>7.5206020000000002</v>
      </c>
      <c r="D52">
        <f t="shared" si="3"/>
        <v>0.2502399999999998</v>
      </c>
      <c r="E52">
        <f t="shared" si="4"/>
        <v>8.4349030000000766</v>
      </c>
      <c r="F52">
        <f t="shared" si="2"/>
        <v>5.0890772807120357E-2</v>
      </c>
    </row>
    <row r="53" spans="1:6" x14ac:dyDescent="0.2">
      <c r="A53">
        <v>661.66187300000001</v>
      </c>
      <c r="B53">
        <v>20.067311</v>
      </c>
      <c r="C53">
        <v>7.5256059999999998</v>
      </c>
      <c r="D53">
        <f t="shared" si="3"/>
        <v>0.25524399999999936</v>
      </c>
      <c r="E53">
        <f t="shared" si="4"/>
        <v>7.7516950000000406</v>
      </c>
      <c r="F53">
        <f t="shared" si="2"/>
        <v>4.5899190332707791E-2</v>
      </c>
    </row>
    <row r="54" spans="1:6" x14ac:dyDescent="0.2">
      <c r="A54">
        <v>660.81387199999995</v>
      </c>
      <c r="B54">
        <v>20.064392999999999</v>
      </c>
      <c r="C54">
        <v>7.5306110000000004</v>
      </c>
      <c r="D54">
        <f t="shared" si="3"/>
        <v>0.26024899999999995</v>
      </c>
      <c r="E54">
        <f t="shared" si="4"/>
        <v>6.9036939999999731</v>
      </c>
      <c r="F54">
        <f t="shared" si="2"/>
        <v>4.0143322345130746E-2</v>
      </c>
    </row>
    <row r="55" spans="1:6" x14ac:dyDescent="0.2">
      <c r="A55">
        <v>660.49780699999997</v>
      </c>
      <c r="B55">
        <v>20.015485000000002</v>
      </c>
      <c r="C55">
        <v>7.5356160000000001</v>
      </c>
      <c r="D55">
        <f t="shared" si="3"/>
        <v>0.26525399999999966</v>
      </c>
      <c r="E55">
        <f t="shared" si="4"/>
        <v>6.5876289999999926</v>
      </c>
      <c r="F55">
        <f t="shared" si="2"/>
        <v>3.7600689686147687E-2</v>
      </c>
    </row>
    <row r="56" spans="1:6" x14ac:dyDescent="0.2">
      <c r="A56">
        <v>660.14133100000004</v>
      </c>
      <c r="B56">
        <v>20.043924000000001</v>
      </c>
      <c r="C56">
        <v>7.5406209999999998</v>
      </c>
      <c r="D56">
        <f t="shared" si="3"/>
        <v>0.27025899999999936</v>
      </c>
      <c r="E56">
        <f t="shared" si="4"/>
        <v>6.231153000000063</v>
      </c>
      <c r="F56">
        <f t="shared" si="2"/>
        <v>3.4926199075829265E-2</v>
      </c>
    </row>
    <row r="57" spans="1:6" x14ac:dyDescent="0.2">
      <c r="A57">
        <v>659.99690999999996</v>
      </c>
      <c r="B57">
        <v>19.995374000000002</v>
      </c>
      <c r="C57">
        <v>7.5456260000000004</v>
      </c>
      <c r="D57">
        <f t="shared" si="3"/>
        <v>0.27526399999999995</v>
      </c>
      <c r="E57">
        <f t="shared" si="4"/>
        <v>6.0867319999999836</v>
      </c>
      <c r="F57">
        <f t="shared" si="2"/>
        <v>3.3503706948799943E-2</v>
      </c>
    </row>
    <row r="58" spans="1:6" x14ac:dyDescent="0.2">
      <c r="A58">
        <v>660.17019300000004</v>
      </c>
      <c r="B58">
        <v>19.981625000000001</v>
      </c>
      <c r="C58">
        <v>7.55063</v>
      </c>
      <c r="D58">
        <f t="shared" si="3"/>
        <v>0.28026799999999952</v>
      </c>
      <c r="E58">
        <f t="shared" si="4"/>
        <v>6.2600150000000667</v>
      </c>
      <c r="F58">
        <f t="shared" si="2"/>
        <v>3.3833423709344161E-2</v>
      </c>
    </row>
    <row r="59" spans="1:6" x14ac:dyDescent="0.2">
      <c r="A59">
        <v>660.42176800000004</v>
      </c>
      <c r="B59">
        <v>19.977637000000001</v>
      </c>
      <c r="C59">
        <v>7.5556349999999997</v>
      </c>
      <c r="D59">
        <f t="shared" si="3"/>
        <v>0.28527299999999922</v>
      </c>
      <c r="E59">
        <f t="shared" si="4"/>
        <v>6.5115900000000693</v>
      </c>
      <c r="F59">
        <f t="shared" si="2"/>
        <v>3.4562488070781397E-2</v>
      </c>
    </row>
    <row r="60" spans="1:6" x14ac:dyDescent="0.2">
      <c r="A60">
        <v>660.16444200000001</v>
      </c>
      <c r="B60">
        <v>20.040955</v>
      </c>
      <c r="C60">
        <v>7.5606400000000002</v>
      </c>
      <c r="D60">
        <f t="shared" si="3"/>
        <v>0.29027799999999981</v>
      </c>
      <c r="E60">
        <f t="shared" si="4"/>
        <v>6.2542640000000347</v>
      </c>
      <c r="F60">
        <f t="shared" si="2"/>
        <v>3.2636979502885001E-2</v>
      </c>
    </row>
    <row r="61" spans="1:6" x14ac:dyDescent="0.2">
      <c r="A61">
        <v>660.00084700000002</v>
      </c>
      <c r="B61">
        <v>20.002518999999999</v>
      </c>
      <c r="C61">
        <v>7.565645</v>
      </c>
      <c r="D61">
        <f t="shared" si="3"/>
        <v>0.29528299999999952</v>
      </c>
      <c r="E61">
        <f t="shared" si="4"/>
        <v>6.0906690000000481</v>
      </c>
      <c r="F61">
        <f t="shared" si="2"/>
        <v>3.1252305485531338E-2</v>
      </c>
    </row>
    <row r="62" spans="1:6" x14ac:dyDescent="0.2">
      <c r="A62">
        <v>660.37133700000004</v>
      </c>
      <c r="B62">
        <v>19.94351</v>
      </c>
      <c r="C62">
        <v>7.5706499999999997</v>
      </c>
      <c r="D62">
        <f t="shared" si="3"/>
        <v>0.30028799999999922</v>
      </c>
      <c r="E62">
        <f t="shared" si="4"/>
        <v>6.461159000000066</v>
      </c>
      <c r="F62">
        <f t="shared" si="2"/>
        <v>3.2582487430872442E-2</v>
      </c>
    </row>
    <row r="63" spans="1:6" x14ac:dyDescent="0.2">
      <c r="A63">
        <v>660.99232500000005</v>
      </c>
      <c r="B63">
        <v>19.94594</v>
      </c>
      <c r="C63">
        <v>7.5756540000000001</v>
      </c>
      <c r="D63">
        <f t="shared" si="3"/>
        <v>0.30529199999999967</v>
      </c>
      <c r="E63">
        <f t="shared" si="4"/>
        <v>7.0821470000000772</v>
      </c>
      <c r="F63">
        <f t="shared" si="2"/>
        <v>3.5095634307566272E-2</v>
      </c>
    </row>
    <row r="64" spans="1:6" x14ac:dyDescent="0.2">
      <c r="A64">
        <v>661.19265800000005</v>
      </c>
      <c r="B64">
        <v>19.981176000000001</v>
      </c>
      <c r="C64">
        <v>7.5806589999999998</v>
      </c>
      <c r="D64">
        <f t="shared" si="3"/>
        <v>0.31029699999999938</v>
      </c>
      <c r="E64">
        <f t="shared" si="4"/>
        <v>7.2824800000000778</v>
      </c>
      <c r="F64">
        <f t="shared" si="2"/>
        <v>3.5495532955553695E-2</v>
      </c>
    </row>
    <row r="65" spans="1:6" x14ac:dyDescent="0.2">
      <c r="A65">
        <v>661.37192400000004</v>
      </c>
      <c r="B65">
        <v>19.976481</v>
      </c>
      <c r="C65">
        <v>7.5856640000000004</v>
      </c>
      <c r="D65">
        <f t="shared" si="3"/>
        <v>0.31530199999999997</v>
      </c>
      <c r="E65">
        <f t="shared" si="4"/>
        <v>7.4617460000000619</v>
      </c>
      <c r="F65">
        <f t="shared" si="2"/>
        <v>3.5782277647631242E-2</v>
      </c>
    </row>
    <row r="66" spans="1:6" x14ac:dyDescent="0.2">
      <c r="A66">
        <v>661.66674</v>
      </c>
      <c r="B66">
        <v>19.963684000000001</v>
      </c>
      <c r="C66">
        <v>7.5906690000000001</v>
      </c>
      <c r="D66">
        <f t="shared" si="3"/>
        <v>0.32030699999999968</v>
      </c>
      <c r="E66">
        <f t="shared" si="4"/>
        <v>7.7565620000000308</v>
      </c>
      <c r="F66">
        <f t="shared" si="2"/>
        <v>3.6598520883750672E-2</v>
      </c>
    </row>
    <row r="67" spans="1:6" x14ac:dyDescent="0.2">
      <c r="A67">
        <v>662.01012600000001</v>
      </c>
      <c r="B67">
        <v>19.976526</v>
      </c>
      <c r="C67">
        <v>7.5956739999999998</v>
      </c>
      <c r="D67">
        <f t="shared" si="3"/>
        <v>0.32531199999999938</v>
      </c>
      <c r="E67">
        <f t="shared" si="4"/>
        <v>8.0999480000000403</v>
      </c>
      <c r="F67">
        <f t="shared" ref="F67:F130" si="5">(1/A67)*(E67/D67)</f>
        <v>3.7611228124571197E-2</v>
      </c>
    </row>
    <row r="68" spans="1:6" x14ac:dyDescent="0.2">
      <c r="A68">
        <v>662.70477200000005</v>
      </c>
      <c r="B68">
        <v>19.931840999999999</v>
      </c>
      <c r="C68">
        <v>7.6006780000000003</v>
      </c>
      <c r="D68">
        <f t="shared" si="3"/>
        <v>0.33031599999999983</v>
      </c>
      <c r="E68">
        <f t="shared" si="4"/>
        <v>8.7945940000000746</v>
      </c>
      <c r="F68">
        <f t="shared" si="5"/>
        <v>4.017594367860982E-2</v>
      </c>
    </row>
    <row r="69" spans="1:6" x14ac:dyDescent="0.2">
      <c r="A69">
        <v>663.03292299999998</v>
      </c>
      <c r="B69">
        <v>19.974221</v>
      </c>
      <c r="C69">
        <v>7.605683</v>
      </c>
      <c r="D69">
        <f t="shared" si="3"/>
        <v>0.33532099999999954</v>
      </c>
      <c r="E69">
        <f t="shared" si="4"/>
        <v>9.122745000000009</v>
      </c>
      <c r="F69">
        <f t="shared" si="5"/>
        <v>4.1032661644578389E-2</v>
      </c>
    </row>
    <row r="70" spans="1:6" x14ac:dyDescent="0.2">
      <c r="A70">
        <v>662.89983500000005</v>
      </c>
      <c r="B70">
        <v>20.019099000000001</v>
      </c>
      <c r="C70">
        <v>7.6106879999999997</v>
      </c>
      <c r="D70">
        <f t="shared" si="3"/>
        <v>0.34032599999999924</v>
      </c>
      <c r="E70">
        <f t="shared" si="4"/>
        <v>8.9896570000000793</v>
      </c>
      <c r="F70">
        <f t="shared" si="5"/>
        <v>3.9847408434616073E-2</v>
      </c>
    </row>
    <row r="71" spans="1:6" x14ac:dyDescent="0.2">
      <c r="A71">
        <v>662.97987499999999</v>
      </c>
      <c r="B71">
        <v>19.971115999999999</v>
      </c>
      <c r="C71">
        <v>7.6156930000000003</v>
      </c>
      <c r="D71">
        <f t="shared" ref="D71:D134" si="6">C71-$C$2</f>
        <v>0.34533099999999983</v>
      </c>
      <c r="E71">
        <f t="shared" ref="E71:E134" si="7">A71-$A$2</f>
        <v>9.0696970000000192</v>
      </c>
      <c r="F71">
        <f t="shared" si="5"/>
        <v>3.9614745182599012E-2</v>
      </c>
    </row>
    <row r="72" spans="1:6" x14ac:dyDescent="0.2">
      <c r="A72">
        <v>662.99570300000005</v>
      </c>
      <c r="B72">
        <v>20.011538000000002</v>
      </c>
      <c r="C72">
        <v>7.620698</v>
      </c>
      <c r="D72">
        <f t="shared" si="6"/>
        <v>0.35033599999999954</v>
      </c>
      <c r="E72">
        <f t="shared" si="7"/>
        <v>9.0855250000000751</v>
      </c>
      <c r="F72">
        <f t="shared" si="5"/>
        <v>3.9116009867323352E-2</v>
      </c>
    </row>
    <row r="73" spans="1:6" x14ac:dyDescent="0.2">
      <c r="A73">
        <v>662.81380000000001</v>
      </c>
      <c r="B73">
        <v>20.030660999999998</v>
      </c>
      <c r="C73">
        <v>7.6257020000000004</v>
      </c>
      <c r="D73">
        <f t="shared" si="6"/>
        <v>0.35533999999999999</v>
      </c>
      <c r="E73">
        <f t="shared" si="7"/>
        <v>8.9036220000000412</v>
      </c>
      <c r="F73">
        <f t="shared" si="5"/>
        <v>3.7803418479511061E-2</v>
      </c>
    </row>
    <row r="74" spans="1:6" x14ac:dyDescent="0.2">
      <c r="A74">
        <v>662.41308000000004</v>
      </c>
      <c r="B74">
        <v>20.036107000000001</v>
      </c>
      <c r="C74">
        <v>7.6307070000000001</v>
      </c>
      <c r="D74">
        <f t="shared" si="6"/>
        <v>0.36034499999999969</v>
      </c>
      <c r="E74">
        <f t="shared" si="7"/>
        <v>8.5029020000000628</v>
      </c>
      <c r="F74">
        <f t="shared" si="5"/>
        <v>3.5622120948036406E-2</v>
      </c>
    </row>
    <row r="75" spans="1:6" x14ac:dyDescent="0.2">
      <c r="A75">
        <v>662.23848499999997</v>
      </c>
      <c r="B75">
        <v>20.00667</v>
      </c>
      <c r="C75">
        <v>7.6357119999999998</v>
      </c>
      <c r="D75">
        <f t="shared" si="6"/>
        <v>0.3653499999999994</v>
      </c>
      <c r="E75">
        <f t="shared" si="7"/>
        <v>8.3283069999999952</v>
      </c>
      <c r="F75">
        <f t="shared" si="5"/>
        <v>3.4421770020420586E-2</v>
      </c>
    </row>
    <row r="76" spans="1:6" x14ac:dyDescent="0.2">
      <c r="A76">
        <v>661.88712299999997</v>
      </c>
      <c r="B76">
        <v>20.057151000000001</v>
      </c>
      <c r="C76">
        <v>7.6407170000000004</v>
      </c>
      <c r="D76">
        <f t="shared" si="6"/>
        <v>0.37035499999999999</v>
      </c>
      <c r="E76">
        <f t="shared" si="7"/>
        <v>7.9769450000000006</v>
      </c>
      <c r="F76">
        <f t="shared" si="5"/>
        <v>3.2541266637970509E-2</v>
      </c>
    </row>
    <row r="77" spans="1:6" x14ac:dyDescent="0.2">
      <c r="A77">
        <v>661.09830299999999</v>
      </c>
      <c r="B77">
        <v>20.049091000000001</v>
      </c>
      <c r="C77">
        <v>7.6457220000000001</v>
      </c>
      <c r="D77">
        <f t="shared" si="6"/>
        <v>0.37535999999999969</v>
      </c>
      <c r="E77">
        <f t="shared" si="7"/>
        <v>7.1881250000000136</v>
      </c>
      <c r="F77">
        <f t="shared" si="5"/>
        <v>2.8966871182434024E-2</v>
      </c>
    </row>
    <row r="78" spans="1:6" x14ac:dyDescent="0.2">
      <c r="A78">
        <v>660.71357999999998</v>
      </c>
      <c r="B78">
        <v>20.035353000000001</v>
      </c>
      <c r="C78">
        <v>7.6507259999999997</v>
      </c>
      <c r="D78">
        <f t="shared" si="6"/>
        <v>0.38036399999999926</v>
      </c>
      <c r="E78">
        <f t="shared" si="7"/>
        <v>6.8034020000000055</v>
      </c>
      <c r="F78">
        <f t="shared" si="5"/>
        <v>2.7071573185762792E-2</v>
      </c>
    </row>
    <row r="79" spans="1:6" x14ac:dyDescent="0.2">
      <c r="A79">
        <v>660.69872699999996</v>
      </c>
      <c r="B79">
        <v>20.002611999999999</v>
      </c>
      <c r="C79">
        <v>7.6557310000000003</v>
      </c>
      <c r="D79">
        <f t="shared" si="6"/>
        <v>0.38536899999999985</v>
      </c>
      <c r="E79">
        <f t="shared" si="7"/>
        <v>6.7885489999999891</v>
      </c>
      <c r="F79">
        <f t="shared" si="5"/>
        <v>2.6662244765491519E-2</v>
      </c>
    </row>
    <row r="80" spans="1:6" x14ac:dyDescent="0.2">
      <c r="A80">
        <v>660.66331100000002</v>
      </c>
      <c r="B80">
        <v>20.003696000000001</v>
      </c>
      <c r="C80">
        <v>7.660736</v>
      </c>
      <c r="D80">
        <f t="shared" si="6"/>
        <v>0.39037399999999955</v>
      </c>
      <c r="E80">
        <f t="shared" si="7"/>
        <v>6.753133000000048</v>
      </c>
      <c r="F80">
        <f t="shared" si="5"/>
        <v>2.6184496588406957E-2</v>
      </c>
    </row>
    <row r="81" spans="1:6" x14ac:dyDescent="0.2">
      <c r="A81">
        <v>660.68732199999999</v>
      </c>
      <c r="B81">
        <v>19.980221</v>
      </c>
      <c r="C81">
        <v>7.6657409999999997</v>
      </c>
      <c r="D81">
        <f t="shared" si="6"/>
        <v>0.39537899999999926</v>
      </c>
      <c r="E81">
        <f t="shared" si="7"/>
        <v>6.7771440000000212</v>
      </c>
      <c r="F81">
        <f t="shared" si="5"/>
        <v>2.5944012312059207E-2</v>
      </c>
    </row>
    <row r="82" spans="1:6" x14ac:dyDescent="0.2">
      <c r="A82">
        <v>661.14892099999997</v>
      </c>
      <c r="B82">
        <v>19.943393</v>
      </c>
      <c r="C82">
        <v>7.6707460000000003</v>
      </c>
      <c r="D82">
        <f t="shared" si="6"/>
        <v>0.40038399999999985</v>
      </c>
      <c r="E82">
        <f t="shared" si="7"/>
        <v>7.2387429999999995</v>
      </c>
      <c r="F82">
        <f t="shared" si="5"/>
        <v>2.7345580707479201E-2</v>
      </c>
    </row>
    <row r="83" spans="1:6" x14ac:dyDescent="0.2">
      <c r="A83">
        <v>661.95429000000001</v>
      </c>
      <c r="B83">
        <v>19.931054</v>
      </c>
      <c r="C83">
        <v>7.6757499999999999</v>
      </c>
      <c r="D83">
        <f t="shared" si="6"/>
        <v>0.40538799999999942</v>
      </c>
      <c r="E83">
        <f t="shared" si="7"/>
        <v>8.044112000000041</v>
      </c>
      <c r="F83">
        <f t="shared" si="5"/>
        <v>2.9976382295590361E-2</v>
      </c>
    </row>
    <row r="84" spans="1:6" x14ac:dyDescent="0.2">
      <c r="A84">
        <v>662.69723099999999</v>
      </c>
      <c r="B84">
        <v>19.923539999999999</v>
      </c>
      <c r="C84">
        <v>7.6807550000000004</v>
      </c>
      <c r="D84">
        <f t="shared" si="6"/>
        <v>0.41039300000000001</v>
      </c>
      <c r="E84">
        <f t="shared" si="7"/>
        <v>8.7870530000000144</v>
      </c>
      <c r="F84">
        <f t="shared" si="5"/>
        <v>3.2309344383632463E-2</v>
      </c>
    </row>
    <row r="85" spans="1:6" x14ac:dyDescent="0.2">
      <c r="A85">
        <v>663.24800800000003</v>
      </c>
      <c r="B85">
        <v>19.972037</v>
      </c>
      <c r="C85">
        <v>7.6857600000000001</v>
      </c>
      <c r="D85">
        <f t="shared" si="6"/>
        <v>0.41539799999999971</v>
      </c>
      <c r="E85">
        <f t="shared" si="7"/>
        <v>9.3378300000000536</v>
      </c>
      <c r="F85">
        <f t="shared" si="5"/>
        <v>3.3892656305042894E-2</v>
      </c>
    </row>
    <row r="86" spans="1:6" x14ac:dyDescent="0.2">
      <c r="A86">
        <v>663.22713199999998</v>
      </c>
      <c r="B86">
        <v>20.005388</v>
      </c>
      <c r="C86">
        <v>7.6907649999999999</v>
      </c>
      <c r="D86">
        <f t="shared" si="6"/>
        <v>0.42040299999999942</v>
      </c>
      <c r="E86">
        <f t="shared" si="7"/>
        <v>9.3169540000000097</v>
      </c>
      <c r="F86">
        <f t="shared" si="5"/>
        <v>3.3415338144384903E-2</v>
      </c>
    </row>
    <row r="87" spans="1:6" x14ac:dyDescent="0.2">
      <c r="A87">
        <v>663.56260199999997</v>
      </c>
      <c r="B87">
        <v>19.935575</v>
      </c>
      <c r="C87">
        <v>7.6957700000000004</v>
      </c>
      <c r="D87">
        <f t="shared" si="6"/>
        <v>0.42540800000000001</v>
      </c>
      <c r="E87">
        <f t="shared" si="7"/>
        <v>9.6524239999999963</v>
      </c>
      <c r="F87">
        <f t="shared" si="5"/>
        <v>3.4193915694526941E-2</v>
      </c>
    </row>
    <row r="88" spans="1:6" x14ac:dyDescent="0.2">
      <c r="A88">
        <v>664.11299899999995</v>
      </c>
      <c r="B88">
        <v>19.958967999999999</v>
      </c>
      <c r="C88">
        <v>7.700774</v>
      </c>
      <c r="D88">
        <f t="shared" si="6"/>
        <v>0.43041199999999957</v>
      </c>
      <c r="E88">
        <f t="shared" si="7"/>
        <v>10.202820999999972</v>
      </c>
      <c r="F88">
        <f t="shared" si="5"/>
        <v>3.5693892828776462E-2</v>
      </c>
    </row>
    <row r="89" spans="1:6" x14ac:dyDescent="0.2">
      <c r="A89">
        <v>664.08618200000001</v>
      </c>
      <c r="B89">
        <v>20.005510999999998</v>
      </c>
      <c r="C89">
        <v>7.7057789999999997</v>
      </c>
      <c r="D89">
        <f t="shared" si="6"/>
        <v>0.43541699999999928</v>
      </c>
      <c r="E89">
        <f t="shared" si="7"/>
        <v>10.176004000000034</v>
      </c>
      <c r="F89">
        <f t="shared" si="5"/>
        <v>3.5192283218596472E-2</v>
      </c>
    </row>
    <row r="90" spans="1:6" x14ac:dyDescent="0.2">
      <c r="A90">
        <v>664.37334599999997</v>
      </c>
      <c r="B90">
        <v>19.962413000000002</v>
      </c>
      <c r="C90">
        <v>7.7107840000000003</v>
      </c>
      <c r="D90">
        <f t="shared" si="6"/>
        <v>0.44042199999999987</v>
      </c>
      <c r="E90">
        <f t="shared" si="7"/>
        <v>10.463167999999996</v>
      </c>
      <c r="F90">
        <f t="shared" si="5"/>
        <v>3.5758722346148818E-2</v>
      </c>
    </row>
    <row r="91" spans="1:6" x14ac:dyDescent="0.2">
      <c r="A91">
        <v>664.95816600000001</v>
      </c>
      <c r="B91">
        <v>19.959778</v>
      </c>
      <c r="C91">
        <v>7.715789</v>
      </c>
      <c r="D91">
        <f t="shared" si="6"/>
        <v>0.44542699999999957</v>
      </c>
      <c r="E91">
        <f t="shared" si="7"/>
        <v>11.047988000000032</v>
      </c>
      <c r="F91">
        <f t="shared" si="5"/>
        <v>3.7300300571750766E-2</v>
      </c>
    </row>
    <row r="92" spans="1:6" x14ac:dyDescent="0.2">
      <c r="A92">
        <v>664.81971899999996</v>
      </c>
      <c r="B92">
        <v>20.021844000000002</v>
      </c>
      <c r="C92">
        <v>7.7207939999999997</v>
      </c>
      <c r="D92">
        <f t="shared" si="6"/>
        <v>0.45043199999999928</v>
      </c>
      <c r="E92">
        <f t="shared" si="7"/>
        <v>10.90954099999999</v>
      </c>
      <c r="F92">
        <f t="shared" si="5"/>
        <v>3.6431189367728885E-2</v>
      </c>
    </row>
    <row r="93" spans="1:6" x14ac:dyDescent="0.2">
      <c r="A93">
        <v>664.40961200000004</v>
      </c>
      <c r="B93">
        <v>20.041347999999999</v>
      </c>
      <c r="C93">
        <v>7.7257980000000002</v>
      </c>
      <c r="D93">
        <f t="shared" si="6"/>
        <v>0.45543599999999973</v>
      </c>
      <c r="E93">
        <f t="shared" si="7"/>
        <v>10.499434000000065</v>
      </c>
      <c r="F93">
        <f t="shared" si="5"/>
        <v>3.469785474744029E-2</v>
      </c>
    </row>
    <row r="94" spans="1:6" x14ac:dyDescent="0.2">
      <c r="A94">
        <v>663.66107399999999</v>
      </c>
      <c r="B94">
        <v>20.066237999999998</v>
      </c>
      <c r="C94">
        <v>7.7308029999999999</v>
      </c>
      <c r="D94">
        <f t="shared" si="6"/>
        <v>0.46044099999999943</v>
      </c>
      <c r="E94">
        <f t="shared" si="7"/>
        <v>9.7508960000000116</v>
      </c>
      <c r="F94">
        <f t="shared" si="5"/>
        <v>3.1909807952728506E-2</v>
      </c>
    </row>
    <row r="95" spans="1:6" x14ac:dyDescent="0.2">
      <c r="A95">
        <v>663.26267499999994</v>
      </c>
      <c r="B95">
        <v>20.029161999999999</v>
      </c>
      <c r="C95">
        <v>7.7358079999999996</v>
      </c>
      <c r="D95">
        <f t="shared" si="6"/>
        <v>0.46544599999999914</v>
      </c>
      <c r="E95">
        <f t="shared" si="7"/>
        <v>9.3524969999999712</v>
      </c>
      <c r="F95">
        <f t="shared" si="5"/>
        <v>3.0295122787994823E-2</v>
      </c>
    </row>
    <row r="96" spans="1:6" x14ac:dyDescent="0.2">
      <c r="A96">
        <v>662.97954200000004</v>
      </c>
      <c r="B96">
        <v>20.038451999999999</v>
      </c>
      <c r="C96">
        <v>7.7408130000000002</v>
      </c>
      <c r="D96">
        <f t="shared" si="6"/>
        <v>0.47045099999999973</v>
      </c>
      <c r="E96">
        <f t="shared" si="7"/>
        <v>9.0693640000000642</v>
      </c>
      <c r="F96">
        <f t="shared" si="5"/>
        <v>2.9077851172539904E-2</v>
      </c>
    </row>
    <row r="97" spans="1:6" x14ac:dyDescent="0.2">
      <c r="A97">
        <v>662.48582599999997</v>
      </c>
      <c r="B97">
        <v>20.048677000000001</v>
      </c>
      <c r="C97">
        <v>7.7458179999999999</v>
      </c>
      <c r="D97">
        <f t="shared" si="6"/>
        <v>0.47545599999999943</v>
      </c>
      <c r="E97">
        <f t="shared" si="7"/>
        <v>8.575648000000001</v>
      </c>
      <c r="F97">
        <f t="shared" si="5"/>
        <v>2.722576071555172E-2</v>
      </c>
    </row>
    <row r="98" spans="1:6" x14ac:dyDescent="0.2">
      <c r="A98">
        <v>661.54599700000006</v>
      </c>
      <c r="B98">
        <v>20.095071999999998</v>
      </c>
      <c r="C98">
        <v>7.7508220000000003</v>
      </c>
      <c r="D98">
        <f t="shared" si="6"/>
        <v>0.48045999999999989</v>
      </c>
      <c r="E98">
        <f t="shared" si="7"/>
        <v>7.6358190000000832</v>
      </c>
      <c r="F98">
        <f t="shared" si="5"/>
        <v>2.4023614069550541E-2</v>
      </c>
    </row>
    <row r="99" spans="1:6" x14ac:dyDescent="0.2">
      <c r="A99">
        <v>660.79598699999997</v>
      </c>
      <c r="B99">
        <v>20.058933</v>
      </c>
      <c r="C99">
        <v>7.755827</v>
      </c>
      <c r="D99">
        <f t="shared" si="6"/>
        <v>0.48546499999999959</v>
      </c>
      <c r="E99">
        <f t="shared" si="7"/>
        <v>6.8858089999999947</v>
      </c>
      <c r="F99">
        <f t="shared" si="5"/>
        <v>2.1464938602249312E-2</v>
      </c>
    </row>
    <row r="100" spans="1:6" x14ac:dyDescent="0.2">
      <c r="A100">
        <v>660.53234699999996</v>
      </c>
      <c r="B100">
        <v>19.989788000000001</v>
      </c>
      <c r="C100">
        <v>7.7608319999999997</v>
      </c>
      <c r="D100">
        <f t="shared" si="6"/>
        <v>0.4904699999999993</v>
      </c>
      <c r="E100">
        <f t="shared" si="7"/>
        <v>6.6221689999999853</v>
      </c>
      <c r="F100">
        <f t="shared" si="5"/>
        <v>2.0440603828905508E-2</v>
      </c>
    </row>
    <row r="101" spans="1:6" x14ac:dyDescent="0.2">
      <c r="A101">
        <v>660.31936199999996</v>
      </c>
      <c r="B101">
        <v>20.037154999999998</v>
      </c>
      <c r="C101">
        <v>7.7658370000000003</v>
      </c>
      <c r="D101">
        <f t="shared" si="6"/>
        <v>0.49547499999999989</v>
      </c>
      <c r="E101">
        <f t="shared" si="7"/>
        <v>6.409183999999982</v>
      </c>
      <c r="F101">
        <f t="shared" si="5"/>
        <v>1.9589662849771948E-2</v>
      </c>
    </row>
    <row r="102" spans="1:6" x14ac:dyDescent="0.2">
      <c r="A102">
        <v>660.21136300000001</v>
      </c>
      <c r="B102">
        <v>20.009461000000002</v>
      </c>
      <c r="C102">
        <v>7.770842</v>
      </c>
      <c r="D102">
        <f t="shared" si="6"/>
        <v>0.50047999999999959</v>
      </c>
      <c r="E102">
        <f t="shared" si="7"/>
        <v>6.3011850000000322</v>
      </c>
      <c r="F102">
        <f t="shared" si="5"/>
        <v>1.9070079725369997E-2</v>
      </c>
    </row>
    <row r="103" spans="1:6" x14ac:dyDescent="0.2">
      <c r="A103">
        <v>660.14074900000003</v>
      </c>
      <c r="B103">
        <v>19.992307</v>
      </c>
      <c r="C103">
        <v>7.7758459999999996</v>
      </c>
      <c r="D103">
        <f t="shared" si="6"/>
        <v>0.50548399999999916</v>
      </c>
      <c r="E103">
        <f t="shared" si="7"/>
        <v>6.2305710000000545</v>
      </c>
      <c r="F103">
        <f t="shared" si="5"/>
        <v>1.8671701434028218E-2</v>
      </c>
    </row>
    <row r="104" spans="1:6" x14ac:dyDescent="0.2">
      <c r="A104">
        <v>660.43058799999994</v>
      </c>
      <c r="B104">
        <v>19.962135</v>
      </c>
      <c r="C104">
        <v>7.7808510000000002</v>
      </c>
      <c r="D104">
        <f t="shared" si="6"/>
        <v>0.51048899999999975</v>
      </c>
      <c r="E104">
        <f t="shared" si="7"/>
        <v>6.5204099999999698</v>
      </c>
      <c r="F104">
        <f t="shared" si="5"/>
        <v>1.9340216746708504E-2</v>
      </c>
    </row>
    <row r="105" spans="1:6" x14ac:dyDescent="0.2">
      <c r="A105">
        <v>660.78819999999996</v>
      </c>
      <c r="B105">
        <v>19.974636</v>
      </c>
      <c r="C105">
        <v>7.7858559999999999</v>
      </c>
      <c r="D105">
        <f t="shared" si="6"/>
        <v>0.51549399999999945</v>
      </c>
      <c r="E105">
        <f t="shared" si="7"/>
        <v>6.8780219999999872</v>
      </c>
      <c r="F105">
        <f t="shared" si="5"/>
        <v>2.019192232366945E-2</v>
      </c>
    </row>
    <row r="106" spans="1:6" x14ac:dyDescent="0.2">
      <c r="A106">
        <v>660.60952699999996</v>
      </c>
      <c r="B106">
        <v>20.021063000000002</v>
      </c>
      <c r="C106">
        <v>7.7908609999999996</v>
      </c>
      <c r="D106">
        <f t="shared" si="6"/>
        <v>0.52049899999999916</v>
      </c>
      <c r="E106">
        <f t="shared" si="7"/>
        <v>6.6993489999999838</v>
      </c>
      <c r="F106">
        <f t="shared" si="5"/>
        <v>1.9483540146064536E-2</v>
      </c>
    </row>
    <row r="107" spans="1:6" x14ac:dyDescent="0.2">
      <c r="A107">
        <v>661.02770899999996</v>
      </c>
      <c r="B107">
        <v>19.925436000000001</v>
      </c>
      <c r="C107">
        <v>7.7958660000000002</v>
      </c>
      <c r="D107">
        <f t="shared" si="6"/>
        <v>0.52550399999999975</v>
      </c>
      <c r="E107">
        <f t="shared" si="7"/>
        <v>7.1175309999999854</v>
      </c>
      <c r="F107">
        <f t="shared" si="5"/>
        <v>2.0489609268811371E-2</v>
      </c>
    </row>
    <row r="108" spans="1:6" x14ac:dyDescent="0.2">
      <c r="A108">
        <v>662.06990399999995</v>
      </c>
      <c r="B108">
        <v>19.910088999999999</v>
      </c>
      <c r="C108">
        <v>7.8008699999999997</v>
      </c>
      <c r="D108">
        <f t="shared" si="6"/>
        <v>0.53050799999999931</v>
      </c>
      <c r="E108">
        <f t="shared" si="7"/>
        <v>8.1597259999999778</v>
      </c>
      <c r="F108">
        <f t="shared" si="5"/>
        <v>2.3231635858002555E-2</v>
      </c>
    </row>
    <row r="109" spans="1:6" x14ac:dyDescent="0.2">
      <c r="A109">
        <v>662.884501</v>
      </c>
      <c r="B109">
        <v>19.948117</v>
      </c>
      <c r="C109">
        <v>7.8058750000000003</v>
      </c>
      <c r="D109">
        <f t="shared" si="6"/>
        <v>0.53551299999999991</v>
      </c>
      <c r="E109">
        <f t="shared" si="7"/>
        <v>8.9743230000000267</v>
      </c>
      <c r="F109">
        <f t="shared" si="5"/>
        <v>2.5280974666840889E-2</v>
      </c>
    </row>
    <row r="110" spans="1:6" x14ac:dyDescent="0.2">
      <c r="A110">
        <v>663.04206299999998</v>
      </c>
      <c r="B110">
        <v>19.981228000000002</v>
      </c>
      <c r="C110">
        <v>7.81088</v>
      </c>
      <c r="D110">
        <f t="shared" si="6"/>
        <v>0.54051799999999961</v>
      </c>
      <c r="E110">
        <f t="shared" si="7"/>
        <v>9.1318850000000111</v>
      </c>
      <c r="F110">
        <f t="shared" si="5"/>
        <v>2.548057310603289E-2</v>
      </c>
    </row>
    <row r="111" spans="1:6" x14ac:dyDescent="0.2">
      <c r="A111">
        <v>663.16630299999997</v>
      </c>
      <c r="B111">
        <v>19.973913</v>
      </c>
      <c r="C111">
        <v>7.8158849999999997</v>
      </c>
      <c r="D111">
        <f t="shared" si="6"/>
        <v>0.54552299999999931</v>
      </c>
      <c r="E111">
        <f t="shared" si="7"/>
        <v>9.2561249999999973</v>
      </c>
      <c r="F111">
        <f t="shared" si="5"/>
        <v>2.5585487396436034E-2</v>
      </c>
    </row>
    <row r="112" spans="1:6" x14ac:dyDescent="0.2">
      <c r="A112">
        <v>663.79741300000001</v>
      </c>
      <c r="B112">
        <v>19.943861999999999</v>
      </c>
      <c r="C112">
        <v>7.8208900000000003</v>
      </c>
      <c r="D112">
        <f t="shared" si="6"/>
        <v>0.55052799999999991</v>
      </c>
      <c r="E112">
        <f t="shared" si="7"/>
        <v>9.8872350000000324</v>
      </c>
      <c r="F112">
        <f t="shared" si="5"/>
        <v>2.7055769410386787E-2</v>
      </c>
    </row>
    <row r="113" spans="1:6" x14ac:dyDescent="0.2">
      <c r="A113">
        <v>664.09929999999997</v>
      </c>
      <c r="B113">
        <v>19.997285999999999</v>
      </c>
      <c r="C113">
        <v>7.8258939999999999</v>
      </c>
      <c r="D113">
        <f t="shared" si="6"/>
        <v>0.55553199999999947</v>
      </c>
      <c r="E113">
        <f t="shared" si="7"/>
        <v>10.189121999999998</v>
      </c>
      <c r="F113">
        <f t="shared" si="5"/>
        <v>2.7618154795170127E-2</v>
      </c>
    </row>
    <row r="114" spans="1:6" x14ac:dyDescent="0.2">
      <c r="A114">
        <v>663.90627700000005</v>
      </c>
      <c r="B114">
        <v>20.014588</v>
      </c>
      <c r="C114">
        <v>7.8308989999999996</v>
      </c>
      <c r="D114">
        <f t="shared" si="6"/>
        <v>0.56053699999999917</v>
      </c>
      <c r="E114">
        <f t="shared" si="7"/>
        <v>9.996099000000072</v>
      </c>
      <c r="F114">
        <f t="shared" si="5"/>
        <v>2.6860833761160274E-2</v>
      </c>
    </row>
    <row r="115" spans="1:6" x14ac:dyDescent="0.2">
      <c r="A115">
        <v>663.76963799999999</v>
      </c>
      <c r="B115">
        <v>20.003215000000001</v>
      </c>
      <c r="C115">
        <v>7.8359040000000002</v>
      </c>
      <c r="D115">
        <f t="shared" si="6"/>
        <v>0.56554199999999977</v>
      </c>
      <c r="E115">
        <f t="shared" si="7"/>
        <v>9.8594600000000128</v>
      </c>
      <c r="F115">
        <f t="shared" si="5"/>
        <v>2.6264605555833362E-2</v>
      </c>
    </row>
    <row r="116" spans="1:6" x14ac:dyDescent="0.2">
      <c r="A116">
        <v>663.86900800000001</v>
      </c>
      <c r="B116">
        <v>19.980954000000001</v>
      </c>
      <c r="C116">
        <v>7.8409089999999999</v>
      </c>
      <c r="D116">
        <f t="shared" si="6"/>
        <v>0.57054699999999947</v>
      </c>
      <c r="E116">
        <f t="shared" si="7"/>
        <v>9.9588300000000345</v>
      </c>
      <c r="F116">
        <f t="shared" si="5"/>
        <v>2.6292658351796588E-2</v>
      </c>
    </row>
    <row r="117" spans="1:6" x14ac:dyDescent="0.2">
      <c r="A117">
        <v>663.85722999999996</v>
      </c>
      <c r="B117">
        <v>20.017731000000001</v>
      </c>
      <c r="C117">
        <v>7.8459139999999996</v>
      </c>
      <c r="D117">
        <f t="shared" si="6"/>
        <v>0.57555199999999918</v>
      </c>
      <c r="E117">
        <f t="shared" si="7"/>
        <v>9.9470519999999851</v>
      </c>
      <c r="F117">
        <f t="shared" si="5"/>
        <v>2.6033654171698669E-2</v>
      </c>
    </row>
    <row r="118" spans="1:6" x14ac:dyDescent="0.2">
      <c r="A118">
        <v>663.08774200000005</v>
      </c>
      <c r="B118">
        <v>20.093564000000001</v>
      </c>
      <c r="C118">
        <v>7.8509180000000001</v>
      </c>
      <c r="D118">
        <f t="shared" si="6"/>
        <v>0.58055599999999963</v>
      </c>
      <c r="E118">
        <f t="shared" si="7"/>
        <v>9.1775640000000749</v>
      </c>
      <c r="F118">
        <f t="shared" si="5"/>
        <v>2.384033229275196E-2</v>
      </c>
    </row>
    <row r="119" spans="1:6" x14ac:dyDescent="0.2">
      <c r="A119">
        <v>662.18731100000002</v>
      </c>
      <c r="B119">
        <v>20.054065000000001</v>
      </c>
      <c r="C119">
        <v>7.8559229999999998</v>
      </c>
      <c r="D119">
        <f t="shared" si="6"/>
        <v>0.58556099999999933</v>
      </c>
      <c r="E119">
        <f t="shared" si="7"/>
        <v>8.2771330000000489</v>
      </c>
      <c r="F119">
        <f t="shared" si="5"/>
        <v>2.134651266785037E-2</v>
      </c>
    </row>
    <row r="120" spans="1:6" x14ac:dyDescent="0.2">
      <c r="A120">
        <v>662.02601100000004</v>
      </c>
      <c r="B120">
        <v>20.003442</v>
      </c>
      <c r="C120">
        <v>7.8609280000000004</v>
      </c>
      <c r="D120">
        <f t="shared" si="6"/>
        <v>0.59056599999999992</v>
      </c>
      <c r="E120">
        <f t="shared" si="7"/>
        <v>8.115833000000066</v>
      </c>
      <c r="F120">
        <f t="shared" si="5"/>
        <v>2.0758196013531089E-2</v>
      </c>
    </row>
    <row r="121" spans="1:6" x14ac:dyDescent="0.2">
      <c r="A121">
        <v>661.92949199999998</v>
      </c>
      <c r="B121">
        <v>20.010746000000001</v>
      </c>
      <c r="C121">
        <v>7.8659330000000001</v>
      </c>
      <c r="D121">
        <f t="shared" si="6"/>
        <v>0.59557099999999963</v>
      </c>
      <c r="E121">
        <f t="shared" si="7"/>
        <v>8.0193140000000085</v>
      </c>
      <c r="F121">
        <f t="shared" si="5"/>
        <v>2.0341920135049422E-2</v>
      </c>
    </row>
    <row r="122" spans="1:6" x14ac:dyDescent="0.2">
      <c r="A122">
        <v>661.51312900000005</v>
      </c>
      <c r="B122">
        <v>20.051642999999999</v>
      </c>
      <c r="C122">
        <v>7.8709379999999998</v>
      </c>
      <c r="D122">
        <f t="shared" si="6"/>
        <v>0.60057599999999933</v>
      </c>
      <c r="E122">
        <f t="shared" si="7"/>
        <v>7.6029510000000755</v>
      </c>
      <c r="F122">
        <f t="shared" si="5"/>
        <v>1.9137083438494566E-2</v>
      </c>
    </row>
    <row r="123" spans="1:6" x14ac:dyDescent="0.2">
      <c r="A123">
        <v>660.92793099999994</v>
      </c>
      <c r="B123">
        <v>20.051158999999998</v>
      </c>
      <c r="C123">
        <v>7.8759420000000002</v>
      </c>
      <c r="D123">
        <f t="shared" si="6"/>
        <v>0.60557999999999979</v>
      </c>
      <c r="E123">
        <f t="shared" si="7"/>
        <v>7.0177529999999706</v>
      </c>
      <c r="F123">
        <f t="shared" si="5"/>
        <v>1.7533654688771501E-2</v>
      </c>
    </row>
    <row r="124" spans="1:6" x14ac:dyDescent="0.2">
      <c r="A124">
        <v>660.89025700000002</v>
      </c>
      <c r="B124">
        <v>19.951415000000001</v>
      </c>
      <c r="C124">
        <v>7.8809469999999999</v>
      </c>
      <c r="D124">
        <f t="shared" si="6"/>
        <v>0.61058499999999949</v>
      </c>
      <c r="E124">
        <f t="shared" si="7"/>
        <v>6.9800790000000461</v>
      </c>
      <c r="F124">
        <f t="shared" si="5"/>
        <v>1.7297560471951294E-2</v>
      </c>
    </row>
    <row r="125" spans="1:6" x14ac:dyDescent="0.2">
      <c r="A125">
        <v>662.05855299999996</v>
      </c>
      <c r="B125">
        <v>19.901648000000002</v>
      </c>
      <c r="C125">
        <v>7.8859519999999996</v>
      </c>
      <c r="D125">
        <f t="shared" si="6"/>
        <v>0.61558999999999919</v>
      </c>
      <c r="E125">
        <f t="shared" si="7"/>
        <v>8.1483749999999873</v>
      </c>
      <c r="F125">
        <f t="shared" si="5"/>
        <v>1.9993234086606176E-2</v>
      </c>
    </row>
    <row r="126" spans="1:6" x14ac:dyDescent="0.2">
      <c r="A126">
        <v>662.19879900000001</v>
      </c>
      <c r="B126">
        <v>19.989698000000001</v>
      </c>
      <c r="C126">
        <v>7.8909570000000002</v>
      </c>
      <c r="D126">
        <f t="shared" si="6"/>
        <v>0.62059499999999979</v>
      </c>
      <c r="E126">
        <f t="shared" si="7"/>
        <v>8.2886210000000347</v>
      </c>
      <c r="F126">
        <f t="shared" si="5"/>
        <v>2.0169058276455001E-2</v>
      </c>
    </row>
    <row r="127" spans="1:6" x14ac:dyDescent="0.2">
      <c r="A127">
        <v>662.860366</v>
      </c>
      <c r="B127">
        <v>19.964836999999999</v>
      </c>
      <c r="C127">
        <v>7.8959619999999999</v>
      </c>
      <c r="D127">
        <f t="shared" si="6"/>
        <v>0.62559999999999949</v>
      </c>
      <c r="E127">
        <f t="shared" si="7"/>
        <v>8.9501880000000256</v>
      </c>
      <c r="F127">
        <f t="shared" si="5"/>
        <v>2.1583077266326911E-2</v>
      </c>
    </row>
    <row r="128" spans="1:6" x14ac:dyDescent="0.2">
      <c r="A128">
        <v>662.87794599999995</v>
      </c>
      <c r="B128">
        <v>19.993496</v>
      </c>
      <c r="C128">
        <v>7.9009660000000004</v>
      </c>
      <c r="D128">
        <f t="shared" si="6"/>
        <v>0.63060399999999994</v>
      </c>
      <c r="E128">
        <f t="shared" si="7"/>
        <v>8.9677679999999782</v>
      </c>
      <c r="F128">
        <f t="shared" si="5"/>
        <v>2.1453298368804143E-2</v>
      </c>
    </row>
    <row r="129" spans="1:6" x14ac:dyDescent="0.2">
      <c r="A129">
        <v>663.47497299999998</v>
      </c>
      <c r="B129">
        <v>19.892453</v>
      </c>
      <c r="C129">
        <v>7.9059710000000001</v>
      </c>
      <c r="D129">
        <f t="shared" si="6"/>
        <v>0.63560899999999965</v>
      </c>
      <c r="E129">
        <f t="shared" si="7"/>
        <v>9.5647950000000037</v>
      </c>
      <c r="F129">
        <f t="shared" si="5"/>
        <v>2.2680941730760761E-2</v>
      </c>
    </row>
    <row r="130" spans="1:6" x14ac:dyDescent="0.2">
      <c r="A130">
        <v>664.07920799999999</v>
      </c>
      <c r="B130">
        <v>20.01972</v>
      </c>
      <c r="C130">
        <v>7.9109759999999998</v>
      </c>
      <c r="D130">
        <f t="shared" si="6"/>
        <v>0.64061399999999935</v>
      </c>
      <c r="E130">
        <f t="shared" si="7"/>
        <v>10.169030000000021</v>
      </c>
      <c r="F130">
        <f t="shared" si="5"/>
        <v>2.3903594902220011E-2</v>
      </c>
    </row>
    <row r="131" spans="1:6" x14ac:dyDescent="0.2">
      <c r="A131">
        <v>663.79625599999997</v>
      </c>
      <c r="B131">
        <v>19.996110000000002</v>
      </c>
      <c r="C131">
        <v>7.9159810000000004</v>
      </c>
      <c r="D131">
        <f t="shared" si="6"/>
        <v>0.64561899999999994</v>
      </c>
      <c r="E131">
        <f t="shared" si="7"/>
        <v>9.8860779999999977</v>
      </c>
      <c r="F131">
        <f t="shared" ref="F131:F194" si="8">(1/A131)*(E131/D131)</f>
        <v>2.306815874259497E-2</v>
      </c>
    </row>
    <row r="132" spans="1:6" x14ac:dyDescent="0.2">
      <c r="A132">
        <v>664.65965700000004</v>
      </c>
      <c r="B132">
        <v>19.867353999999999</v>
      </c>
      <c r="C132">
        <v>7.9209860000000001</v>
      </c>
      <c r="D132">
        <f t="shared" si="6"/>
        <v>0.65062399999999965</v>
      </c>
      <c r="E132">
        <f t="shared" si="7"/>
        <v>10.749479000000065</v>
      </c>
      <c r="F132">
        <f t="shared" si="8"/>
        <v>2.4857532571576153E-2</v>
      </c>
    </row>
    <row r="133" spans="1:6" x14ac:dyDescent="0.2">
      <c r="A133">
        <v>666.29018900000005</v>
      </c>
      <c r="B133">
        <v>19.868344</v>
      </c>
      <c r="C133">
        <v>7.9259899999999996</v>
      </c>
      <c r="D133">
        <f t="shared" si="6"/>
        <v>0.65562799999999921</v>
      </c>
      <c r="E133">
        <f t="shared" si="7"/>
        <v>12.380011000000081</v>
      </c>
      <c r="F133">
        <f t="shared" si="8"/>
        <v>2.8340017845691696E-2</v>
      </c>
    </row>
    <row r="134" spans="1:6" x14ac:dyDescent="0.2">
      <c r="A134">
        <v>666.252612</v>
      </c>
      <c r="B134">
        <v>20.045037000000001</v>
      </c>
      <c r="C134">
        <v>7.9309950000000002</v>
      </c>
      <c r="D134">
        <f t="shared" si="6"/>
        <v>0.6606329999999998</v>
      </c>
      <c r="E134">
        <f t="shared" si="7"/>
        <v>12.342434000000026</v>
      </c>
      <c r="F134">
        <f t="shared" si="8"/>
        <v>2.8041524782045642E-2</v>
      </c>
    </row>
    <row r="135" spans="1:6" x14ac:dyDescent="0.2">
      <c r="A135">
        <v>665.41984400000001</v>
      </c>
      <c r="B135">
        <v>20.072452999999999</v>
      </c>
      <c r="C135">
        <v>7.9359999999999999</v>
      </c>
      <c r="D135">
        <f t="shared" ref="D135:D198" si="9">C135-$C$2</f>
        <v>0.66563799999999951</v>
      </c>
      <c r="E135">
        <f t="shared" ref="E135:E198" si="10">A135-$A$2</f>
        <v>11.509666000000038</v>
      </c>
      <c r="F135">
        <f t="shared" si="8"/>
        <v>2.5985367652552292E-2</v>
      </c>
    </row>
    <row r="136" spans="1:6" x14ac:dyDescent="0.2">
      <c r="A136">
        <v>665.26318400000002</v>
      </c>
      <c r="B136">
        <v>19.997002999999999</v>
      </c>
      <c r="C136">
        <v>7.9410049999999996</v>
      </c>
      <c r="D136">
        <f t="shared" si="9"/>
        <v>0.67064299999999921</v>
      </c>
      <c r="E136">
        <f t="shared" si="10"/>
        <v>11.35300600000005</v>
      </c>
      <c r="F136">
        <f t="shared" si="8"/>
        <v>2.5446378422679397E-2</v>
      </c>
    </row>
    <row r="137" spans="1:6" x14ac:dyDescent="0.2">
      <c r="A137">
        <v>665.27852199999995</v>
      </c>
      <c r="B137">
        <v>19.996894999999999</v>
      </c>
      <c r="C137">
        <v>7.9460100000000002</v>
      </c>
      <c r="D137">
        <f t="shared" si="9"/>
        <v>0.6756479999999998</v>
      </c>
      <c r="E137">
        <f t="shared" si="10"/>
        <v>11.368343999999979</v>
      </c>
      <c r="F137">
        <f t="shared" si="8"/>
        <v>2.5291419683524673E-2</v>
      </c>
    </row>
    <row r="138" spans="1:6" x14ac:dyDescent="0.2">
      <c r="A138">
        <v>665.14065400000004</v>
      </c>
      <c r="B138">
        <v>20.024369</v>
      </c>
      <c r="C138">
        <v>7.9510139999999998</v>
      </c>
      <c r="D138">
        <f t="shared" si="9"/>
        <v>0.68065199999999937</v>
      </c>
      <c r="E138">
        <f t="shared" si="10"/>
        <v>11.230476000000067</v>
      </c>
      <c r="F138">
        <f t="shared" si="8"/>
        <v>2.4806160309315005E-2</v>
      </c>
    </row>
    <row r="139" spans="1:6" x14ac:dyDescent="0.2">
      <c r="A139">
        <v>664.84836299999995</v>
      </c>
      <c r="B139">
        <v>20.015025999999999</v>
      </c>
      <c r="C139">
        <v>7.9560190000000004</v>
      </c>
      <c r="D139">
        <f t="shared" si="9"/>
        <v>0.68565699999999996</v>
      </c>
      <c r="E139">
        <f t="shared" si="10"/>
        <v>10.938184999999976</v>
      </c>
      <c r="F139">
        <f t="shared" si="8"/>
        <v>2.3994723319419837E-2</v>
      </c>
    </row>
    <row r="140" spans="1:6" x14ac:dyDescent="0.2">
      <c r="A140">
        <v>664.69302000000005</v>
      </c>
      <c r="B140">
        <v>20.022928</v>
      </c>
      <c r="C140">
        <v>7.9610240000000001</v>
      </c>
      <c r="D140">
        <f t="shared" si="9"/>
        <v>0.69066199999999967</v>
      </c>
      <c r="E140">
        <f t="shared" si="10"/>
        <v>10.782842000000073</v>
      </c>
      <c r="F140">
        <f t="shared" si="8"/>
        <v>2.3488028295646775E-2</v>
      </c>
    </row>
    <row r="141" spans="1:6" x14ac:dyDescent="0.2">
      <c r="A141">
        <v>665.86048000000005</v>
      </c>
      <c r="B141">
        <v>19.854517000000001</v>
      </c>
      <c r="C141">
        <v>7.9660289999999998</v>
      </c>
      <c r="D141">
        <f t="shared" si="9"/>
        <v>0.69566699999999937</v>
      </c>
      <c r="E141">
        <f t="shared" si="10"/>
        <v>11.950302000000079</v>
      </c>
      <c r="F141">
        <f t="shared" si="8"/>
        <v>2.5798487116642663E-2</v>
      </c>
    </row>
    <row r="142" spans="1:6" x14ac:dyDescent="0.2">
      <c r="A142">
        <v>665.49272299999996</v>
      </c>
      <c r="B142">
        <v>20.083566000000001</v>
      </c>
      <c r="C142">
        <v>7.9710340000000004</v>
      </c>
      <c r="D142">
        <f t="shared" si="9"/>
        <v>0.70067199999999996</v>
      </c>
      <c r="E142">
        <f t="shared" si="10"/>
        <v>11.582544999999982</v>
      </c>
      <c r="F142">
        <f t="shared" si="8"/>
        <v>2.483967575799105E-2</v>
      </c>
    </row>
    <row r="143" spans="1:6" x14ac:dyDescent="0.2">
      <c r="A143">
        <v>664.30837899999995</v>
      </c>
      <c r="B143">
        <v>20.117685999999999</v>
      </c>
      <c r="C143">
        <v>7.976038</v>
      </c>
      <c r="D143">
        <f t="shared" si="9"/>
        <v>0.70567599999999953</v>
      </c>
      <c r="E143">
        <f t="shared" si="10"/>
        <v>10.398200999999972</v>
      </c>
      <c r="F143">
        <f t="shared" si="8"/>
        <v>2.2181102593998039E-2</v>
      </c>
    </row>
    <row r="144" spans="1:6" x14ac:dyDescent="0.2">
      <c r="A144">
        <v>663.66672500000004</v>
      </c>
      <c r="B144">
        <v>20.056273000000001</v>
      </c>
      <c r="C144">
        <v>7.9810429999999997</v>
      </c>
      <c r="D144">
        <f t="shared" si="9"/>
        <v>0.71068099999999923</v>
      </c>
      <c r="E144">
        <f t="shared" si="10"/>
        <v>9.7565470000000687</v>
      </c>
      <c r="F144">
        <f t="shared" si="8"/>
        <v>2.0685755767836364E-2</v>
      </c>
    </row>
    <row r="145" spans="1:6" x14ac:dyDescent="0.2">
      <c r="A145">
        <v>663.21503299999995</v>
      </c>
      <c r="B145">
        <v>20.032288000000001</v>
      </c>
      <c r="C145">
        <v>7.9860480000000003</v>
      </c>
      <c r="D145">
        <f t="shared" si="9"/>
        <v>0.71568599999999982</v>
      </c>
      <c r="E145">
        <f t="shared" si="10"/>
        <v>9.304854999999975</v>
      </c>
      <c r="F145">
        <f t="shared" si="8"/>
        <v>1.960345979277411E-2</v>
      </c>
    </row>
    <row r="146" spans="1:6" x14ac:dyDescent="0.2">
      <c r="A146">
        <v>663.06281100000001</v>
      </c>
      <c r="B146">
        <v>20.012851999999999</v>
      </c>
      <c r="C146">
        <v>7.991053</v>
      </c>
      <c r="D146">
        <f t="shared" si="9"/>
        <v>0.72069099999999953</v>
      </c>
      <c r="E146">
        <f t="shared" si="10"/>
        <v>9.1526330000000371</v>
      </c>
      <c r="F146">
        <f t="shared" si="8"/>
        <v>1.9153241269000761E-2</v>
      </c>
    </row>
    <row r="147" spans="1:6" x14ac:dyDescent="0.2">
      <c r="A147">
        <v>662.61718499999995</v>
      </c>
      <c r="B147">
        <v>20.043400999999999</v>
      </c>
      <c r="C147">
        <v>7.9960579999999997</v>
      </c>
      <c r="D147">
        <f t="shared" si="9"/>
        <v>0.72569599999999923</v>
      </c>
      <c r="E147">
        <f t="shared" si="10"/>
        <v>8.707006999999976</v>
      </c>
      <c r="F147">
        <f t="shared" si="8"/>
        <v>1.8107207115136349E-2</v>
      </c>
    </row>
    <row r="148" spans="1:6" x14ac:dyDescent="0.2">
      <c r="A148">
        <v>662.28507999999999</v>
      </c>
      <c r="B148">
        <v>20.030609999999999</v>
      </c>
      <c r="C148">
        <v>8.0010619999999992</v>
      </c>
      <c r="D148">
        <f t="shared" si="9"/>
        <v>0.73069999999999879</v>
      </c>
      <c r="E148">
        <f t="shared" si="10"/>
        <v>8.3749020000000201</v>
      </c>
      <c r="F148">
        <f t="shared" si="8"/>
        <v>1.7305958386924909E-2</v>
      </c>
    </row>
    <row r="149" spans="1:6" x14ac:dyDescent="0.2">
      <c r="A149">
        <v>661.93719899999996</v>
      </c>
      <c r="B149">
        <v>20.007738</v>
      </c>
      <c r="C149">
        <v>8.0060669999999998</v>
      </c>
      <c r="D149">
        <f t="shared" si="9"/>
        <v>0.73570499999999939</v>
      </c>
      <c r="E149">
        <f t="shared" si="10"/>
        <v>8.0270209999999906</v>
      </c>
      <c r="F149">
        <f t="shared" si="8"/>
        <v>1.6482910621007166E-2</v>
      </c>
    </row>
    <row r="150" spans="1:6" x14ac:dyDescent="0.2">
      <c r="A150">
        <v>661.88009699999998</v>
      </c>
      <c r="B150">
        <v>20.000250000000001</v>
      </c>
      <c r="C150">
        <v>8.0110720000000004</v>
      </c>
      <c r="D150">
        <f t="shared" si="9"/>
        <v>0.74070999999999998</v>
      </c>
      <c r="E150">
        <f t="shared" si="10"/>
        <v>7.9699190000000044</v>
      </c>
      <c r="F150">
        <f t="shared" si="8"/>
        <v>1.6256474899324719E-2</v>
      </c>
    </row>
    <row r="151" spans="1:6" x14ac:dyDescent="0.2">
      <c r="A151">
        <v>661.60469000000001</v>
      </c>
      <c r="B151">
        <v>20.030342999999998</v>
      </c>
      <c r="C151">
        <v>8.0160769999999992</v>
      </c>
      <c r="D151">
        <f t="shared" si="9"/>
        <v>0.7457149999999988</v>
      </c>
      <c r="E151">
        <f t="shared" si="10"/>
        <v>7.6945120000000315</v>
      </c>
      <c r="F151">
        <f t="shared" si="8"/>
        <v>1.5595870742211448E-2</v>
      </c>
    </row>
    <row r="152" spans="1:6" x14ac:dyDescent="0.2">
      <c r="A152">
        <v>661.84012199999995</v>
      </c>
      <c r="B152">
        <v>19.986249000000001</v>
      </c>
      <c r="C152">
        <v>8.0210819999999998</v>
      </c>
      <c r="D152">
        <f t="shared" si="9"/>
        <v>0.75071999999999939</v>
      </c>
      <c r="E152">
        <f t="shared" si="10"/>
        <v>7.9299439999999777</v>
      </c>
      <c r="F152">
        <f t="shared" si="8"/>
        <v>1.596022622713747E-2</v>
      </c>
    </row>
    <row r="153" spans="1:6" x14ac:dyDescent="0.2">
      <c r="A153">
        <v>661.89020700000003</v>
      </c>
      <c r="B153">
        <v>19.968347000000001</v>
      </c>
      <c r="C153">
        <v>8.0260859999999994</v>
      </c>
      <c r="D153">
        <f t="shared" si="9"/>
        <v>0.75572399999999895</v>
      </c>
      <c r="E153">
        <f t="shared" si="10"/>
        <v>7.9800290000000587</v>
      </c>
      <c r="F153">
        <f t="shared" si="8"/>
        <v>1.5953475124104815E-2</v>
      </c>
    </row>
    <row r="154" spans="1:6" x14ac:dyDescent="0.2">
      <c r="A154">
        <v>662.16185199999995</v>
      </c>
      <c r="B154">
        <v>19.989369</v>
      </c>
      <c r="C154">
        <v>8.031091</v>
      </c>
      <c r="D154">
        <f t="shared" si="9"/>
        <v>0.76072899999999954</v>
      </c>
      <c r="E154">
        <f t="shared" si="10"/>
        <v>8.25167399999998</v>
      </c>
      <c r="F154">
        <f t="shared" si="8"/>
        <v>1.6381283732146753E-2</v>
      </c>
    </row>
    <row r="155" spans="1:6" x14ac:dyDescent="0.2">
      <c r="A155">
        <v>662.21937300000002</v>
      </c>
      <c r="B155">
        <v>19.990238999999999</v>
      </c>
      <c r="C155">
        <v>8.0360960000000006</v>
      </c>
      <c r="D155">
        <f t="shared" si="9"/>
        <v>0.76573400000000014</v>
      </c>
      <c r="E155">
        <f t="shared" si="10"/>
        <v>8.3091950000000452</v>
      </c>
      <c r="F155">
        <f t="shared" si="8"/>
        <v>1.6386233469986345E-2</v>
      </c>
    </row>
    <row r="156" spans="1:6" x14ac:dyDescent="0.2">
      <c r="A156">
        <v>663.22355700000003</v>
      </c>
      <c r="B156">
        <v>19.880337999999998</v>
      </c>
      <c r="C156">
        <v>8.0411009999999994</v>
      </c>
      <c r="D156">
        <f t="shared" si="9"/>
        <v>0.77073899999999895</v>
      </c>
      <c r="E156">
        <f t="shared" si="10"/>
        <v>9.3133790000000545</v>
      </c>
      <c r="F156">
        <f t="shared" si="8"/>
        <v>1.8219648656176181E-2</v>
      </c>
    </row>
    <row r="157" spans="1:6" x14ac:dyDescent="0.2">
      <c r="A157">
        <v>664.27081699999997</v>
      </c>
      <c r="B157">
        <v>19.926452000000001</v>
      </c>
      <c r="C157">
        <v>8.046106</v>
      </c>
      <c r="D157">
        <f t="shared" si="9"/>
        <v>0.77574399999999955</v>
      </c>
      <c r="E157">
        <f t="shared" si="10"/>
        <v>10.360638999999992</v>
      </c>
      <c r="F157">
        <f t="shared" si="8"/>
        <v>2.0105873379763252E-2</v>
      </c>
    </row>
    <row r="158" spans="1:6" x14ac:dyDescent="0.2">
      <c r="A158">
        <v>664.52126299999998</v>
      </c>
      <c r="B158">
        <v>19.960332999999999</v>
      </c>
      <c r="C158">
        <v>8.0511099999999995</v>
      </c>
      <c r="D158">
        <f t="shared" si="9"/>
        <v>0.78074799999999911</v>
      </c>
      <c r="E158">
        <f t="shared" si="10"/>
        <v>10.611085000000003</v>
      </c>
      <c r="F158">
        <f t="shared" si="8"/>
        <v>2.0452200011394837E-2</v>
      </c>
    </row>
    <row r="159" spans="1:6" x14ac:dyDescent="0.2">
      <c r="A159">
        <v>664.65484200000003</v>
      </c>
      <c r="B159">
        <v>19.978149999999999</v>
      </c>
      <c r="C159">
        <v>8.0561150000000001</v>
      </c>
      <c r="D159">
        <f t="shared" si="9"/>
        <v>0.7857529999999997</v>
      </c>
      <c r="E159">
        <f t="shared" si="10"/>
        <v>10.744664000000057</v>
      </c>
      <c r="F159">
        <f t="shared" si="8"/>
        <v>2.0573615465240627E-2</v>
      </c>
    </row>
    <row r="160" spans="1:6" x14ac:dyDescent="0.2">
      <c r="A160">
        <v>665.36253099999999</v>
      </c>
      <c r="B160">
        <v>19.934518000000001</v>
      </c>
      <c r="C160">
        <v>8.0611200000000007</v>
      </c>
      <c r="D160">
        <f t="shared" si="9"/>
        <v>0.79075800000000029</v>
      </c>
      <c r="E160">
        <f t="shared" si="10"/>
        <v>11.452353000000016</v>
      </c>
      <c r="F160">
        <f t="shared" si="8"/>
        <v>2.1766709999787356E-2</v>
      </c>
    </row>
    <row r="161" spans="1:6" x14ac:dyDescent="0.2">
      <c r="A161">
        <v>666.09052999999994</v>
      </c>
      <c r="B161">
        <v>19.937633000000002</v>
      </c>
      <c r="C161">
        <v>8.0661249999999995</v>
      </c>
      <c r="D161">
        <f t="shared" si="9"/>
        <v>0.79576299999999911</v>
      </c>
      <c r="E161">
        <f t="shared" si="10"/>
        <v>12.180351999999971</v>
      </c>
      <c r="F161">
        <f t="shared" si="8"/>
        <v>2.297961973452119E-2</v>
      </c>
    </row>
    <row r="162" spans="1:6" x14ac:dyDescent="0.2">
      <c r="A162">
        <v>666.87264600000003</v>
      </c>
      <c r="B162">
        <v>19.893754999999999</v>
      </c>
      <c r="C162">
        <v>8.0711300000000001</v>
      </c>
      <c r="D162">
        <f t="shared" si="9"/>
        <v>0.8007679999999997</v>
      </c>
      <c r="E162">
        <f t="shared" si="10"/>
        <v>12.962468000000058</v>
      </c>
      <c r="F162">
        <f t="shared" si="8"/>
        <v>2.4273817578118969E-2</v>
      </c>
    </row>
    <row r="163" spans="1:6" x14ac:dyDescent="0.2">
      <c r="A163">
        <v>668.52287899999999</v>
      </c>
      <c r="B163">
        <v>19.851168000000001</v>
      </c>
      <c r="C163">
        <v>8.0761339999999997</v>
      </c>
      <c r="D163">
        <f t="shared" si="9"/>
        <v>0.80577199999999927</v>
      </c>
      <c r="E163">
        <f t="shared" si="10"/>
        <v>14.612701000000015</v>
      </c>
      <c r="F163">
        <f t="shared" si="8"/>
        <v>2.7127017733916858E-2</v>
      </c>
    </row>
    <row r="164" spans="1:6" x14ac:dyDescent="0.2">
      <c r="A164">
        <v>669.63723600000003</v>
      </c>
      <c r="B164">
        <v>19.915013999999999</v>
      </c>
      <c r="C164">
        <v>8.0811390000000003</v>
      </c>
      <c r="D164">
        <f t="shared" si="9"/>
        <v>0.81077699999999986</v>
      </c>
      <c r="E164">
        <f t="shared" si="10"/>
        <v>15.727058000000056</v>
      </c>
      <c r="F164">
        <f t="shared" si="8"/>
        <v>2.8967197013801994E-2</v>
      </c>
    </row>
    <row r="165" spans="1:6" x14ac:dyDescent="0.2">
      <c r="A165">
        <v>670.37042799999995</v>
      </c>
      <c r="B165">
        <v>19.948021000000001</v>
      </c>
      <c r="C165">
        <v>8.0861440000000009</v>
      </c>
      <c r="D165">
        <f t="shared" si="9"/>
        <v>0.81578200000000045</v>
      </c>
      <c r="E165">
        <f t="shared" si="10"/>
        <v>16.460249999999974</v>
      </c>
      <c r="F165">
        <f t="shared" si="8"/>
        <v>3.0098680747517051E-2</v>
      </c>
    </row>
    <row r="166" spans="1:6" x14ac:dyDescent="0.2">
      <c r="A166">
        <v>669.53996800000004</v>
      </c>
      <c r="B166">
        <v>20.115632000000002</v>
      </c>
      <c r="C166">
        <v>8.0911489999999997</v>
      </c>
      <c r="D166">
        <f t="shared" si="9"/>
        <v>0.82078699999999927</v>
      </c>
      <c r="E166">
        <f t="shared" si="10"/>
        <v>15.629790000000071</v>
      </c>
      <c r="F166">
        <f t="shared" si="8"/>
        <v>2.8441085403611094E-2</v>
      </c>
    </row>
    <row r="167" spans="1:6" x14ac:dyDescent="0.2">
      <c r="A167">
        <v>667.94640200000003</v>
      </c>
      <c r="B167">
        <v>20.137837999999999</v>
      </c>
      <c r="C167">
        <v>8.0961540000000003</v>
      </c>
      <c r="D167">
        <f t="shared" si="9"/>
        <v>0.82579199999999986</v>
      </c>
      <c r="E167">
        <f t="shared" si="10"/>
        <v>14.036224000000061</v>
      </c>
      <c r="F167">
        <f t="shared" si="8"/>
        <v>2.5447082882153915E-2</v>
      </c>
    </row>
    <row r="168" spans="1:6" x14ac:dyDescent="0.2">
      <c r="A168">
        <v>666.68693199999996</v>
      </c>
      <c r="B168">
        <v>20.116872000000001</v>
      </c>
      <c r="C168">
        <v>8.1011579999999999</v>
      </c>
      <c r="D168">
        <f t="shared" si="9"/>
        <v>0.83079599999999942</v>
      </c>
      <c r="E168">
        <f t="shared" si="10"/>
        <v>12.776753999999983</v>
      </c>
      <c r="F168">
        <f t="shared" si="8"/>
        <v>2.3067694639907543E-2</v>
      </c>
    </row>
    <row r="169" spans="1:6" x14ac:dyDescent="0.2">
      <c r="A169">
        <v>665.99237300000004</v>
      </c>
      <c r="B169">
        <v>20.051055999999999</v>
      </c>
      <c r="C169">
        <v>8.1061630000000005</v>
      </c>
      <c r="D169">
        <f t="shared" si="9"/>
        <v>0.83580100000000002</v>
      </c>
      <c r="E169">
        <f t="shared" si="10"/>
        <v>12.08219500000007</v>
      </c>
      <c r="F169">
        <f t="shared" si="8"/>
        <v>2.1705695124967561E-2</v>
      </c>
    </row>
    <row r="170" spans="1:6" x14ac:dyDescent="0.2">
      <c r="A170">
        <v>665.35993800000006</v>
      </c>
      <c r="B170">
        <v>20.043617000000001</v>
      </c>
      <c r="C170">
        <v>8.1111679999999993</v>
      </c>
      <c r="D170">
        <f t="shared" si="9"/>
        <v>0.84080599999999883</v>
      </c>
      <c r="E170">
        <f t="shared" si="10"/>
        <v>11.449760000000083</v>
      </c>
      <c r="F170">
        <f t="shared" si="8"/>
        <v>2.0466516658527074E-2</v>
      </c>
    </row>
    <row r="171" spans="1:6" x14ac:dyDescent="0.2">
      <c r="A171">
        <v>664.82062699999994</v>
      </c>
      <c r="B171">
        <v>20.038969000000002</v>
      </c>
      <c r="C171">
        <v>8.1161729999999999</v>
      </c>
      <c r="D171">
        <f t="shared" si="9"/>
        <v>0.84581099999999942</v>
      </c>
      <c r="E171">
        <f t="shared" si="10"/>
        <v>10.910448999999971</v>
      </c>
      <c r="F171">
        <f t="shared" si="8"/>
        <v>1.9402817957018904E-2</v>
      </c>
    </row>
    <row r="172" spans="1:6" x14ac:dyDescent="0.2">
      <c r="A172">
        <v>665.72968600000002</v>
      </c>
      <c r="B172">
        <v>19.899483</v>
      </c>
      <c r="C172">
        <v>8.1211780000000005</v>
      </c>
      <c r="D172">
        <f t="shared" si="9"/>
        <v>0.85081600000000002</v>
      </c>
      <c r="E172">
        <f t="shared" si="10"/>
        <v>11.819508000000042</v>
      </c>
      <c r="F172">
        <f t="shared" si="8"/>
        <v>2.0867279217079392E-2</v>
      </c>
    </row>
    <row r="173" spans="1:6" x14ac:dyDescent="0.2">
      <c r="A173">
        <v>665.57948899999997</v>
      </c>
      <c r="B173">
        <v>20.054248999999999</v>
      </c>
      <c r="C173">
        <v>8.126182</v>
      </c>
      <c r="D173">
        <f t="shared" si="9"/>
        <v>0.85581999999999958</v>
      </c>
      <c r="E173">
        <f t="shared" si="10"/>
        <v>11.669310999999993</v>
      </c>
      <c r="F173">
        <f t="shared" si="8"/>
        <v>2.0486268150147431E-2</v>
      </c>
    </row>
    <row r="174" spans="1:6" x14ac:dyDescent="0.2">
      <c r="A174">
        <v>664.93200999999999</v>
      </c>
      <c r="B174">
        <v>20.058817000000001</v>
      </c>
      <c r="C174">
        <v>8.1311870000000006</v>
      </c>
      <c r="D174">
        <f t="shared" si="9"/>
        <v>0.86082500000000017</v>
      </c>
      <c r="E174">
        <f t="shared" si="10"/>
        <v>11.021832000000018</v>
      </c>
      <c r="F174">
        <f t="shared" si="8"/>
        <v>1.9255804822586323E-2</v>
      </c>
    </row>
    <row r="175" spans="1:6" x14ac:dyDescent="0.2">
      <c r="A175">
        <v>664.30679599999996</v>
      </c>
      <c r="B175">
        <v>20.057030000000001</v>
      </c>
      <c r="C175">
        <v>8.1361919999999994</v>
      </c>
      <c r="D175">
        <f t="shared" si="9"/>
        <v>0.86582999999999899</v>
      </c>
      <c r="E175">
        <f t="shared" si="10"/>
        <v>10.396617999999989</v>
      </c>
      <c r="F175">
        <f t="shared" si="8"/>
        <v>1.8075518425436289E-2</v>
      </c>
    </row>
    <row r="176" spans="1:6" x14ac:dyDescent="0.2">
      <c r="A176">
        <v>663.46873700000003</v>
      </c>
      <c r="B176">
        <v>20.094214000000001</v>
      </c>
      <c r="C176">
        <v>8.141197</v>
      </c>
      <c r="D176">
        <f t="shared" si="9"/>
        <v>0.87083499999999958</v>
      </c>
      <c r="E176">
        <f t="shared" si="10"/>
        <v>9.5585590000000593</v>
      </c>
      <c r="F176">
        <f t="shared" si="8"/>
        <v>1.6543831041852305E-2</v>
      </c>
    </row>
    <row r="177" spans="1:6" x14ac:dyDescent="0.2">
      <c r="A177">
        <v>662.99427200000002</v>
      </c>
      <c r="B177">
        <v>20.023544000000001</v>
      </c>
      <c r="C177">
        <v>8.1462020000000006</v>
      </c>
      <c r="D177">
        <f t="shared" si="9"/>
        <v>0.87584000000000017</v>
      </c>
      <c r="E177">
        <f t="shared" si="10"/>
        <v>9.0840940000000501</v>
      </c>
      <c r="F177">
        <f t="shared" si="8"/>
        <v>1.5643973352684689E-2</v>
      </c>
    </row>
    <row r="178" spans="1:6" x14ac:dyDescent="0.2">
      <c r="A178">
        <v>662.89625999999998</v>
      </c>
      <c r="B178">
        <v>19.998248</v>
      </c>
      <c r="C178">
        <v>8.1512060000000002</v>
      </c>
      <c r="D178">
        <f t="shared" si="9"/>
        <v>0.88084399999999974</v>
      </c>
      <c r="E178">
        <f t="shared" si="10"/>
        <v>8.9860820000000103</v>
      </c>
      <c r="F178">
        <f t="shared" si="8"/>
        <v>1.5389546000519266E-2</v>
      </c>
    </row>
    <row r="179" spans="1:6" x14ac:dyDescent="0.2">
      <c r="A179">
        <v>662.82626300000004</v>
      </c>
      <c r="B179">
        <v>20.010055000000001</v>
      </c>
      <c r="C179">
        <v>8.1562110000000008</v>
      </c>
      <c r="D179">
        <f t="shared" si="9"/>
        <v>0.88584900000000033</v>
      </c>
      <c r="E179">
        <f t="shared" si="10"/>
        <v>8.9160850000000664</v>
      </c>
      <c r="F179">
        <f t="shared" si="8"/>
        <v>1.5184999879929767E-2</v>
      </c>
    </row>
    <row r="180" spans="1:6" x14ac:dyDescent="0.2">
      <c r="A180">
        <v>662.71364500000004</v>
      </c>
      <c r="B180">
        <v>20.018504</v>
      </c>
      <c r="C180">
        <v>8.1612159999999996</v>
      </c>
      <c r="D180">
        <f t="shared" si="9"/>
        <v>0.89085399999999915</v>
      </c>
      <c r="E180">
        <f t="shared" si="10"/>
        <v>8.8034670000000688</v>
      </c>
      <c r="F180">
        <f t="shared" si="8"/>
        <v>1.4911498653311615E-2</v>
      </c>
    </row>
    <row r="181" spans="1:6" x14ac:dyDescent="0.2">
      <c r="A181">
        <v>662.74676099999999</v>
      </c>
      <c r="B181">
        <v>19.975717</v>
      </c>
      <c r="C181">
        <v>8.1662210000000002</v>
      </c>
      <c r="D181">
        <f t="shared" si="9"/>
        <v>0.89585899999999974</v>
      </c>
      <c r="E181">
        <f t="shared" si="10"/>
        <v>8.8365830000000187</v>
      </c>
      <c r="F181">
        <f t="shared" si="8"/>
        <v>1.4883226327130367E-2</v>
      </c>
    </row>
    <row r="182" spans="1:6" x14ac:dyDescent="0.2">
      <c r="A182">
        <v>662.86758699999996</v>
      </c>
      <c r="B182">
        <v>19.995362</v>
      </c>
      <c r="C182">
        <v>8.1712260000000008</v>
      </c>
      <c r="D182">
        <f t="shared" si="9"/>
        <v>0.90086400000000033</v>
      </c>
      <c r="E182">
        <f t="shared" si="10"/>
        <v>8.9574089999999842</v>
      </c>
      <c r="F182">
        <f t="shared" si="8"/>
        <v>1.5000177193241485E-2</v>
      </c>
    </row>
    <row r="183" spans="1:6" x14ac:dyDescent="0.2">
      <c r="A183">
        <v>663.29120899999998</v>
      </c>
      <c r="B183">
        <v>19.948927000000001</v>
      </c>
      <c r="C183">
        <v>8.1762300000000003</v>
      </c>
      <c r="D183">
        <f t="shared" si="9"/>
        <v>0.9058679999999999</v>
      </c>
      <c r="E183">
        <f t="shared" si="10"/>
        <v>9.3810310000000072</v>
      </c>
      <c r="F183">
        <f t="shared" si="8"/>
        <v>1.5612822106756827E-2</v>
      </c>
    </row>
    <row r="184" spans="1:6" x14ac:dyDescent="0.2">
      <c r="A184">
        <v>663.62029399999994</v>
      </c>
      <c r="B184">
        <v>19.971748999999999</v>
      </c>
      <c r="C184">
        <v>8.1812349999999991</v>
      </c>
      <c r="D184">
        <f t="shared" si="9"/>
        <v>0.91087299999999871</v>
      </c>
      <c r="E184">
        <f t="shared" si="10"/>
        <v>9.7101159999999709</v>
      </c>
      <c r="F184">
        <f t="shared" si="8"/>
        <v>1.6063749778037994E-2</v>
      </c>
    </row>
    <row r="185" spans="1:6" x14ac:dyDescent="0.2">
      <c r="A185">
        <v>664.10343999999998</v>
      </c>
      <c r="B185">
        <v>19.920607</v>
      </c>
      <c r="C185">
        <v>8.1862399999999997</v>
      </c>
      <c r="D185">
        <f t="shared" si="9"/>
        <v>0.9158779999999993</v>
      </c>
      <c r="E185">
        <f t="shared" si="10"/>
        <v>10.193262000000004</v>
      </c>
      <c r="F185">
        <f t="shared" si="8"/>
        <v>1.675868084170971E-2</v>
      </c>
    </row>
    <row r="186" spans="1:6" x14ac:dyDescent="0.2">
      <c r="A186">
        <v>665.112753</v>
      </c>
      <c r="B186">
        <v>19.905494000000001</v>
      </c>
      <c r="C186">
        <v>8.1912450000000003</v>
      </c>
      <c r="D186">
        <f t="shared" si="9"/>
        <v>0.9208829999999999</v>
      </c>
      <c r="E186">
        <f t="shared" si="10"/>
        <v>11.202575000000024</v>
      </c>
      <c r="F186">
        <f t="shared" si="8"/>
        <v>1.8290186305261125E-2</v>
      </c>
    </row>
    <row r="187" spans="1:6" x14ac:dyDescent="0.2">
      <c r="A187">
        <v>665.79386</v>
      </c>
      <c r="B187">
        <v>19.960149000000001</v>
      </c>
      <c r="C187">
        <v>8.1962499999999991</v>
      </c>
      <c r="D187">
        <f t="shared" si="9"/>
        <v>0.92588799999999871</v>
      </c>
      <c r="E187">
        <f t="shared" si="10"/>
        <v>11.883682000000022</v>
      </c>
      <c r="F187">
        <f t="shared" si="8"/>
        <v>1.9277591832398893E-2</v>
      </c>
    </row>
    <row r="188" spans="1:6" x14ac:dyDescent="0.2">
      <c r="A188">
        <v>666.250899</v>
      </c>
      <c r="B188">
        <v>19.935689</v>
      </c>
      <c r="C188">
        <v>8.2012540000000005</v>
      </c>
      <c r="D188">
        <f t="shared" si="9"/>
        <v>0.93089200000000005</v>
      </c>
      <c r="E188">
        <f t="shared" si="10"/>
        <v>12.34072100000003</v>
      </c>
      <c r="F188">
        <f t="shared" si="8"/>
        <v>1.9897725158191489E-2</v>
      </c>
    </row>
    <row r="189" spans="1:6" x14ac:dyDescent="0.2">
      <c r="A189">
        <v>667.25293499999998</v>
      </c>
      <c r="B189">
        <v>19.897444</v>
      </c>
      <c r="C189">
        <v>8.2062589999999993</v>
      </c>
      <c r="D189">
        <f t="shared" si="9"/>
        <v>0.93589699999999887</v>
      </c>
      <c r="E189">
        <f t="shared" si="10"/>
        <v>13.342757000000006</v>
      </c>
      <c r="F189">
        <f t="shared" si="8"/>
        <v>2.1366187180334433E-2</v>
      </c>
    </row>
    <row r="190" spans="1:6" x14ac:dyDescent="0.2">
      <c r="A190">
        <v>668.24410799999998</v>
      </c>
      <c r="B190">
        <v>19.912310000000002</v>
      </c>
      <c r="C190">
        <v>8.2112639999999999</v>
      </c>
      <c r="D190">
        <f t="shared" si="9"/>
        <v>0.94090199999999946</v>
      </c>
      <c r="E190">
        <f t="shared" si="10"/>
        <v>14.333930000000009</v>
      </c>
      <c r="F190">
        <f t="shared" si="8"/>
        <v>2.2797422571821088E-2</v>
      </c>
    </row>
    <row r="191" spans="1:6" x14ac:dyDescent="0.2">
      <c r="A191">
        <v>668.97101899999996</v>
      </c>
      <c r="B191">
        <v>19.937442000000001</v>
      </c>
      <c r="C191">
        <v>8.2162690000000005</v>
      </c>
      <c r="D191">
        <f t="shared" si="9"/>
        <v>0.94590700000000005</v>
      </c>
      <c r="E191">
        <f t="shared" si="10"/>
        <v>15.060840999999982</v>
      </c>
      <c r="F191">
        <f t="shared" si="8"/>
        <v>2.3800905524693248E-2</v>
      </c>
    </row>
    <row r="192" spans="1:6" x14ac:dyDescent="0.2">
      <c r="A192">
        <v>669.67612399999996</v>
      </c>
      <c r="B192">
        <v>19.942654999999998</v>
      </c>
      <c r="C192">
        <v>8.2212739999999993</v>
      </c>
      <c r="D192">
        <f t="shared" si="9"/>
        <v>0.95091199999999887</v>
      </c>
      <c r="E192">
        <f t="shared" si="10"/>
        <v>15.765945999999985</v>
      </c>
      <c r="F192">
        <f t="shared" si="8"/>
        <v>2.4757961967016566E-2</v>
      </c>
    </row>
    <row r="193" spans="1:6" x14ac:dyDescent="0.2">
      <c r="A193">
        <v>670.09010699999999</v>
      </c>
      <c r="B193">
        <v>19.951477000000001</v>
      </c>
      <c r="C193">
        <v>8.2262780000000006</v>
      </c>
      <c r="D193">
        <f t="shared" si="9"/>
        <v>0.95591600000000021</v>
      </c>
      <c r="E193">
        <f t="shared" si="10"/>
        <v>16.179929000000016</v>
      </c>
      <c r="F193">
        <f t="shared" si="8"/>
        <v>2.5259437467200073E-2</v>
      </c>
    </row>
    <row r="194" spans="1:6" x14ac:dyDescent="0.2">
      <c r="A194">
        <v>670.13400200000001</v>
      </c>
      <c r="B194">
        <v>20.007521000000001</v>
      </c>
      <c r="C194">
        <v>8.2312829999999995</v>
      </c>
      <c r="D194">
        <f t="shared" si="9"/>
        <v>0.96092099999999903</v>
      </c>
      <c r="E194">
        <f t="shared" si="10"/>
        <v>16.223824000000036</v>
      </c>
      <c r="F194">
        <f t="shared" si="8"/>
        <v>2.5194392307139803E-2</v>
      </c>
    </row>
    <row r="195" spans="1:6" x14ac:dyDescent="0.2">
      <c r="A195">
        <v>669.96987899999999</v>
      </c>
      <c r="B195">
        <v>20.042259999999999</v>
      </c>
      <c r="C195">
        <v>8.2362880000000001</v>
      </c>
      <c r="D195">
        <f t="shared" si="9"/>
        <v>0.96592599999999962</v>
      </c>
      <c r="E195">
        <f t="shared" si="10"/>
        <v>16.059701000000018</v>
      </c>
      <c r="F195">
        <f t="shared" ref="F195:F258" si="11">(1/A195)*(E195/D195)</f>
        <v>2.4816373751883565E-2</v>
      </c>
    </row>
    <row r="196" spans="1:6" x14ac:dyDescent="0.2">
      <c r="A196">
        <v>669.376171</v>
      </c>
      <c r="B196">
        <v>20.059384000000001</v>
      </c>
      <c r="C196">
        <v>8.2412930000000006</v>
      </c>
      <c r="D196">
        <f t="shared" si="9"/>
        <v>0.97093100000000021</v>
      </c>
      <c r="E196">
        <f t="shared" si="10"/>
        <v>15.465993000000026</v>
      </c>
      <c r="F196">
        <f t="shared" si="11"/>
        <v>2.379683469793098E-2</v>
      </c>
    </row>
    <row r="197" spans="1:6" x14ac:dyDescent="0.2">
      <c r="A197">
        <v>668.94654800000001</v>
      </c>
      <c r="B197">
        <v>20.009316999999999</v>
      </c>
      <c r="C197">
        <v>8.2462979999999995</v>
      </c>
      <c r="D197">
        <f t="shared" si="9"/>
        <v>0.97593599999999903</v>
      </c>
      <c r="E197">
        <f t="shared" si="10"/>
        <v>15.036370000000034</v>
      </c>
      <c r="F197">
        <f t="shared" si="11"/>
        <v>2.3031925574262129E-2</v>
      </c>
    </row>
    <row r="198" spans="1:6" x14ac:dyDescent="0.2">
      <c r="A198">
        <v>668.63959199999999</v>
      </c>
      <c r="B198">
        <v>20.037531999999999</v>
      </c>
      <c r="C198">
        <v>8.2513020000000008</v>
      </c>
      <c r="D198">
        <f t="shared" si="9"/>
        <v>0.98094000000000037</v>
      </c>
      <c r="E198">
        <f t="shared" si="10"/>
        <v>14.72941400000002</v>
      </c>
      <c r="F198">
        <f t="shared" si="11"/>
        <v>2.2456958480948547E-2</v>
      </c>
    </row>
    <row r="199" spans="1:6" x14ac:dyDescent="0.2">
      <c r="A199">
        <v>667.85051799999997</v>
      </c>
      <c r="B199">
        <v>20.092085999999998</v>
      </c>
      <c r="C199">
        <v>8.2563069999999996</v>
      </c>
      <c r="D199">
        <f t="shared" ref="D199:D262" si="12">C199-$C$2</f>
        <v>0.98594499999999918</v>
      </c>
      <c r="E199">
        <f t="shared" ref="E199:E262" si="13">A199-$A$2</f>
        <v>13.940339999999992</v>
      </c>
      <c r="F199">
        <f t="shared" si="11"/>
        <v>2.1171001850270828E-2</v>
      </c>
    </row>
    <row r="200" spans="1:6" x14ac:dyDescent="0.2">
      <c r="A200">
        <v>666.56359899999995</v>
      </c>
      <c r="B200">
        <v>20.122598</v>
      </c>
      <c r="C200">
        <v>8.2613120000000002</v>
      </c>
      <c r="D200">
        <f t="shared" si="12"/>
        <v>0.99094999999999978</v>
      </c>
      <c r="E200">
        <f t="shared" si="13"/>
        <v>12.65342099999998</v>
      </c>
      <c r="F200">
        <f t="shared" si="11"/>
        <v>1.9156432020309987E-2</v>
      </c>
    </row>
    <row r="201" spans="1:6" x14ac:dyDescent="0.2">
      <c r="A201">
        <v>665.17379700000004</v>
      </c>
      <c r="B201">
        <v>20.135300000000001</v>
      </c>
      <c r="C201">
        <v>8.2663170000000008</v>
      </c>
      <c r="D201">
        <f t="shared" si="12"/>
        <v>0.99595500000000037</v>
      </c>
      <c r="E201">
        <f t="shared" si="13"/>
        <v>11.263619000000062</v>
      </c>
      <c r="F201">
        <f t="shared" si="11"/>
        <v>1.7002121000527309E-2</v>
      </c>
    </row>
    <row r="202" spans="1:6" x14ac:dyDescent="0.2">
      <c r="A202">
        <v>663.86359700000003</v>
      </c>
      <c r="B202">
        <v>20.106007999999999</v>
      </c>
      <c r="C202">
        <v>8.2713219999999996</v>
      </c>
      <c r="D202">
        <f t="shared" si="12"/>
        <v>1.0009599999999992</v>
      </c>
      <c r="E202">
        <f t="shared" si="13"/>
        <v>9.9534190000000535</v>
      </c>
      <c r="F202">
        <f t="shared" si="11"/>
        <v>1.4978789207556608E-2</v>
      </c>
    </row>
    <row r="203" spans="1:6" x14ac:dyDescent="0.2">
      <c r="A203">
        <v>663.06890999999996</v>
      </c>
      <c r="B203">
        <v>20.082004000000001</v>
      </c>
      <c r="C203">
        <v>8.2763259999999992</v>
      </c>
      <c r="D203">
        <f t="shared" si="12"/>
        <v>1.0059639999999987</v>
      </c>
      <c r="E203">
        <f t="shared" si="13"/>
        <v>9.1587319999999863</v>
      </c>
      <c r="F203">
        <f t="shared" si="11"/>
        <v>1.3730749584730192E-2</v>
      </c>
    </row>
    <row r="204" spans="1:6" x14ac:dyDescent="0.2">
      <c r="A204">
        <v>662.42507499999999</v>
      </c>
      <c r="B204">
        <v>20.066274</v>
      </c>
      <c r="C204">
        <v>8.2813309999999998</v>
      </c>
      <c r="D204">
        <f t="shared" si="12"/>
        <v>1.0109689999999993</v>
      </c>
      <c r="E204">
        <f t="shared" si="13"/>
        <v>8.514897000000019</v>
      </c>
      <c r="F204">
        <f t="shared" si="11"/>
        <v>1.2714661326063621E-2</v>
      </c>
    </row>
    <row r="205" spans="1:6" x14ac:dyDescent="0.2">
      <c r="A205">
        <v>661.84692900000005</v>
      </c>
      <c r="B205">
        <v>20.021380000000001</v>
      </c>
      <c r="C205">
        <v>8.2863360000000004</v>
      </c>
      <c r="D205">
        <f t="shared" si="12"/>
        <v>1.0159739999999999</v>
      </c>
      <c r="E205">
        <f t="shared" si="13"/>
        <v>7.9367510000000721</v>
      </c>
      <c r="F205">
        <f t="shared" si="11"/>
        <v>1.1803277110479963E-2</v>
      </c>
    </row>
    <row r="206" spans="1:6" x14ac:dyDescent="0.2">
      <c r="A206">
        <v>661.98230599999999</v>
      </c>
      <c r="B206">
        <v>19.969477999999999</v>
      </c>
      <c r="C206">
        <v>8.2913409999999992</v>
      </c>
      <c r="D206">
        <f t="shared" si="12"/>
        <v>1.0209789999999987</v>
      </c>
      <c r="E206">
        <f t="shared" si="13"/>
        <v>8.0721280000000206</v>
      </c>
      <c r="F206">
        <f t="shared" si="11"/>
        <v>1.1943313963170886E-2</v>
      </c>
    </row>
    <row r="207" spans="1:6" x14ac:dyDescent="0.2">
      <c r="A207">
        <v>662.43955100000005</v>
      </c>
      <c r="B207">
        <v>19.961485</v>
      </c>
      <c r="C207">
        <v>8.2963459999999998</v>
      </c>
      <c r="D207">
        <f t="shared" si="12"/>
        <v>1.0259839999999993</v>
      </c>
      <c r="E207">
        <f t="shared" si="13"/>
        <v>8.5293730000000778</v>
      </c>
      <c r="F207">
        <f t="shared" si="11"/>
        <v>1.2549611017798154E-2</v>
      </c>
    </row>
    <row r="208" spans="1:6" x14ac:dyDescent="0.2">
      <c r="A208">
        <v>662.79301699999996</v>
      </c>
      <c r="B208">
        <v>19.958796</v>
      </c>
      <c r="C208">
        <v>8.3013499999999993</v>
      </c>
      <c r="D208">
        <f t="shared" si="12"/>
        <v>1.0309879999999989</v>
      </c>
      <c r="E208">
        <f t="shared" si="13"/>
        <v>8.8828389999999899</v>
      </c>
      <c r="F208">
        <f t="shared" si="11"/>
        <v>1.2999308664917813E-2</v>
      </c>
    </row>
    <row r="209" spans="1:6" x14ac:dyDescent="0.2">
      <c r="A209">
        <v>663.68638199999998</v>
      </c>
      <c r="B209">
        <v>19.894428000000001</v>
      </c>
      <c r="C209">
        <v>8.3063549999999999</v>
      </c>
      <c r="D209">
        <f t="shared" si="12"/>
        <v>1.0359929999999995</v>
      </c>
      <c r="E209">
        <f t="shared" si="13"/>
        <v>9.776204000000007</v>
      </c>
      <c r="F209">
        <f t="shared" si="11"/>
        <v>1.4218393451970948E-2</v>
      </c>
    </row>
    <row r="210" spans="1:6" x14ac:dyDescent="0.2">
      <c r="A210">
        <v>665.18392500000004</v>
      </c>
      <c r="B210">
        <v>19.830586</v>
      </c>
      <c r="C210">
        <v>8.3113600000000005</v>
      </c>
      <c r="D210">
        <f t="shared" si="12"/>
        <v>1.0409980000000001</v>
      </c>
      <c r="E210">
        <f t="shared" si="13"/>
        <v>11.273747000000071</v>
      </c>
      <c r="F210">
        <f t="shared" si="11"/>
        <v>1.6280833834713643E-2</v>
      </c>
    </row>
    <row r="211" spans="1:6" x14ac:dyDescent="0.2">
      <c r="A211">
        <v>667.19102199999998</v>
      </c>
      <c r="B211">
        <v>19.832051</v>
      </c>
      <c r="C211">
        <v>8.3163649999999993</v>
      </c>
      <c r="D211">
        <f t="shared" si="12"/>
        <v>1.0460029999999989</v>
      </c>
      <c r="E211">
        <f t="shared" si="13"/>
        <v>13.280844000000002</v>
      </c>
      <c r="F211">
        <f t="shared" si="11"/>
        <v>1.9030164905052195E-2</v>
      </c>
    </row>
    <row r="212" spans="1:6" x14ac:dyDescent="0.2">
      <c r="A212">
        <v>668.262969</v>
      </c>
      <c r="B212">
        <v>19.926712999999999</v>
      </c>
      <c r="C212">
        <v>8.3213699999999999</v>
      </c>
      <c r="D212">
        <f t="shared" si="12"/>
        <v>1.0510079999999995</v>
      </c>
      <c r="E212">
        <f t="shared" si="13"/>
        <v>14.352791000000025</v>
      </c>
      <c r="F212">
        <f t="shared" si="11"/>
        <v>2.043539060100294E-2</v>
      </c>
    </row>
    <row r="213" spans="1:6" x14ac:dyDescent="0.2">
      <c r="A213">
        <v>669.16653199999996</v>
      </c>
      <c r="B213">
        <v>19.898427000000002</v>
      </c>
      <c r="C213">
        <v>8.3263739999999995</v>
      </c>
      <c r="D213">
        <f t="shared" si="12"/>
        <v>1.0560119999999991</v>
      </c>
      <c r="E213">
        <f t="shared" si="13"/>
        <v>15.256353999999988</v>
      </c>
      <c r="F213">
        <f t="shared" si="11"/>
        <v>2.1589753912242018E-2</v>
      </c>
    </row>
    <row r="214" spans="1:6" x14ac:dyDescent="0.2">
      <c r="A214">
        <v>670.24690099999998</v>
      </c>
      <c r="B214">
        <v>19.892522</v>
      </c>
      <c r="C214">
        <v>8.3313790000000001</v>
      </c>
      <c r="D214">
        <f t="shared" si="12"/>
        <v>1.0610169999999997</v>
      </c>
      <c r="E214">
        <f t="shared" si="13"/>
        <v>16.336723000000006</v>
      </c>
      <c r="F214">
        <f t="shared" si="11"/>
        <v>2.2972475041112637E-2</v>
      </c>
    </row>
    <row r="215" spans="1:6" x14ac:dyDescent="0.2">
      <c r="A215">
        <v>671.61170800000002</v>
      </c>
      <c r="B215">
        <v>19.879203</v>
      </c>
      <c r="C215">
        <v>8.3363840000000007</v>
      </c>
      <c r="D215">
        <f t="shared" si="12"/>
        <v>1.0660220000000002</v>
      </c>
      <c r="E215">
        <f t="shared" si="13"/>
        <v>17.701530000000048</v>
      </c>
      <c r="F215">
        <f t="shared" si="11"/>
        <v>2.4724435201375579E-2</v>
      </c>
    </row>
    <row r="216" spans="1:6" x14ac:dyDescent="0.2">
      <c r="A216">
        <v>672.07732999999996</v>
      </c>
      <c r="B216">
        <v>19.965600999999999</v>
      </c>
      <c r="C216">
        <v>8.3413889999999995</v>
      </c>
      <c r="D216">
        <f t="shared" si="12"/>
        <v>1.0710269999999991</v>
      </c>
      <c r="E216">
        <f t="shared" si="13"/>
        <v>18.167151999999987</v>
      </c>
      <c r="F216">
        <f t="shared" si="11"/>
        <v>2.5238711783539373E-2</v>
      </c>
    </row>
    <row r="217" spans="1:6" x14ac:dyDescent="0.2">
      <c r="A217">
        <v>672.12860599999999</v>
      </c>
      <c r="B217">
        <v>20.003323000000002</v>
      </c>
      <c r="C217">
        <v>8.3463940000000001</v>
      </c>
      <c r="D217">
        <f t="shared" si="12"/>
        <v>1.0760319999999997</v>
      </c>
      <c r="E217">
        <f t="shared" si="13"/>
        <v>18.218428000000017</v>
      </c>
      <c r="F217">
        <f t="shared" si="11"/>
        <v>2.5190299678382828E-2</v>
      </c>
    </row>
    <row r="218" spans="1:6" x14ac:dyDescent="0.2">
      <c r="A218">
        <v>672.23745699999995</v>
      </c>
      <c r="B218">
        <v>19.988516000000001</v>
      </c>
      <c r="C218">
        <v>8.3513979999999997</v>
      </c>
      <c r="D218">
        <f t="shared" si="12"/>
        <v>1.0810359999999992</v>
      </c>
      <c r="E218">
        <f t="shared" si="13"/>
        <v>18.327278999999976</v>
      </c>
      <c r="F218">
        <f t="shared" si="11"/>
        <v>2.521942188271932E-2</v>
      </c>
    </row>
    <row r="219" spans="1:6" x14ac:dyDescent="0.2">
      <c r="A219">
        <v>672.33351300000004</v>
      </c>
      <c r="B219">
        <v>20.011935000000001</v>
      </c>
      <c r="C219">
        <v>8.3564030000000002</v>
      </c>
      <c r="D219">
        <f t="shared" si="12"/>
        <v>1.0860409999999998</v>
      </c>
      <c r="E219">
        <f t="shared" si="13"/>
        <v>18.423335000000066</v>
      </c>
      <c r="F219">
        <f t="shared" si="11"/>
        <v>2.5231162964158619E-2</v>
      </c>
    </row>
    <row r="220" spans="1:6" x14ac:dyDescent="0.2">
      <c r="A220">
        <v>671.549578</v>
      </c>
      <c r="B220">
        <v>20.078244999999999</v>
      </c>
      <c r="C220">
        <v>8.3614080000000008</v>
      </c>
      <c r="D220">
        <f t="shared" si="12"/>
        <v>1.0910460000000004</v>
      </c>
      <c r="E220">
        <f t="shared" si="13"/>
        <v>17.639400000000023</v>
      </c>
      <c r="F220">
        <f t="shared" si="11"/>
        <v>2.4074798820982863E-2</v>
      </c>
    </row>
    <row r="221" spans="1:6" x14ac:dyDescent="0.2">
      <c r="A221">
        <v>670.155078</v>
      </c>
      <c r="B221">
        <v>20.138674999999999</v>
      </c>
      <c r="C221">
        <v>8.3664129999999997</v>
      </c>
      <c r="D221">
        <f t="shared" si="12"/>
        <v>1.0960509999999992</v>
      </c>
      <c r="E221">
        <f t="shared" si="13"/>
        <v>16.24490000000003</v>
      </c>
      <c r="F221">
        <f t="shared" si="11"/>
        <v>2.2116223334568308E-2</v>
      </c>
    </row>
    <row r="222" spans="1:6" x14ac:dyDescent="0.2">
      <c r="A222">
        <v>668.75084200000003</v>
      </c>
      <c r="B222">
        <v>20.136113999999999</v>
      </c>
      <c r="C222">
        <v>8.3714180000000002</v>
      </c>
      <c r="D222">
        <f t="shared" si="12"/>
        <v>1.1010559999999998</v>
      </c>
      <c r="E222">
        <f t="shared" si="13"/>
        <v>14.840664000000061</v>
      </c>
      <c r="F222">
        <f t="shared" si="11"/>
        <v>2.0154850581717475E-2</v>
      </c>
    </row>
    <row r="223" spans="1:6" x14ac:dyDescent="0.2">
      <c r="A223">
        <v>667.79220299999997</v>
      </c>
      <c r="B223">
        <v>20.067107</v>
      </c>
      <c r="C223">
        <v>8.3764219999999998</v>
      </c>
      <c r="D223">
        <f t="shared" si="12"/>
        <v>1.1060599999999994</v>
      </c>
      <c r="E223">
        <f t="shared" si="13"/>
        <v>13.882024999999999</v>
      </c>
      <c r="F223">
        <f t="shared" si="11"/>
        <v>1.879458720634701E-2</v>
      </c>
    </row>
    <row r="224" spans="1:6" x14ac:dyDescent="0.2">
      <c r="A224">
        <v>666.43111499999998</v>
      </c>
      <c r="B224">
        <v>20.152007000000001</v>
      </c>
      <c r="C224">
        <v>8.3814270000000004</v>
      </c>
      <c r="D224">
        <f t="shared" si="12"/>
        <v>1.111065</v>
      </c>
      <c r="E224">
        <f t="shared" si="13"/>
        <v>12.520937000000004</v>
      </c>
      <c r="F224">
        <f t="shared" si="11"/>
        <v>1.6909941211861821E-2</v>
      </c>
    </row>
    <row r="225" spans="1:6" x14ac:dyDescent="0.2">
      <c r="A225">
        <v>664.72699399999999</v>
      </c>
      <c r="B225">
        <v>20.153614999999999</v>
      </c>
      <c r="C225">
        <v>8.3864319999999992</v>
      </c>
      <c r="D225">
        <f t="shared" si="12"/>
        <v>1.1160699999999988</v>
      </c>
      <c r="E225">
        <f t="shared" si="13"/>
        <v>10.816816000000017</v>
      </c>
      <c r="F225">
        <f t="shared" si="11"/>
        <v>1.4580240653813194E-2</v>
      </c>
    </row>
    <row r="226" spans="1:6" x14ac:dyDescent="0.2">
      <c r="A226">
        <v>663.32560599999999</v>
      </c>
      <c r="B226">
        <v>20.114706000000002</v>
      </c>
      <c r="C226">
        <v>8.3914369999999998</v>
      </c>
      <c r="D226">
        <f t="shared" si="12"/>
        <v>1.1210749999999994</v>
      </c>
      <c r="E226">
        <f t="shared" si="13"/>
        <v>9.4154280000000199</v>
      </c>
      <c r="F226">
        <f t="shared" si="11"/>
        <v>1.2661309828024547E-2</v>
      </c>
    </row>
    <row r="227" spans="1:6" x14ac:dyDescent="0.2">
      <c r="A227">
        <v>662.65814799999998</v>
      </c>
      <c r="B227">
        <v>20.057770000000001</v>
      </c>
      <c r="C227">
        <v>8.3964420000000004</v>
      </c>
      <c r="D227">
        <f t="shared" si="12"/>
        <v>1.12608</v>
      </c>
      <c r="E227">
        <f t="shared" si="13"/>
        <v>8.7479700000000093</v>
      </c>
      <c r="F227">
        <f t="shared" si="11"/>
        <v>1.1723262713729253E-2</v>
      </c>
    </row>
    <row r="228" spans="1:6" x14ac:dyDescent="0.2">
      <c r="A228">
        <v>662.33953899999995</v>
      </c>
      <c r="B228">
        <v>20.002095000000001</v>
      </c>
      <c r="C228">
        <v>8.401446</v>
      </c>
      <c r="D228">
        <f t="shared" si="12"/>
        <v>1.1310839999999995</v>
      </c>
      <c r="E228">
        <f t="shared" si="13"/>
        <v>8.4293609999999717</v>
      </c>
      <c r="F228">
        <f t="shared" si="11"/>
        <v>1.125172510135232E-2</v>
      </c>
    </row>
    <row r="229" spans="1:6" x14ac:dyDescent="0.2">
      <c r="A229">
        <v>662.38862099999994</v>
      </c>
      <c r="B229">
        <v>20.011482999999998</v>
      </c>
      <c r="C229">
        <v>8.4064510000000006</v>
      </c>
      <c r="D229">
        <f t="shared" si="12"/>
        <v>1.1360890000000001</v>
      </c>
      <c r="E229">
        <f t="shared" si="13"/>
        <v>8.4784429999999702</v>
      </c>
      <c r="F229">
        <f t="shared" si="11"/>
        <v>1.1266548399221376E-2</v>
      </c>
    </row>
    <row r="230" spans="1:6" x14ac:dyDescent="0.2">
      <c r="A230">
        <v>662.24723200000005</v>
      </c>
      <c r="B230">
        <v>19.990448000000001</v>
      </c>
      <c r="C230">
        <v>8.4114559999999994</v>
      </c>
      <c r="D230">
        <f t="shared" si="12"/>
        <v>1.1410939999999989</v>
      </c>
      <c r="E230">
        <f t="shared" si="13"/>
        <v>8.3370540000000801</v>
      </c>
      <c r="F230">
        <f t="shared" si="11"/>
        <v>1.1032426452798502E-2</v>
      </c>
    </row>
    <row r="231" spans="1:6" x14ac:dyDescent="0.2">
      <c r="A231">
        <v>662.97301100000004</v>
      </c>
      <c r="B231">
        <v>19.916772999999999</v>
      </c>
      <c r="C231">
        <v>8.416461</v>
      </c>
      <c r="D231">
        <f t="shared" si="12"/>
        <v>1.1460989999999995</v>
      </c>
      <c r="E231">
        <f t="shared" si="13"/>
        <v>9.0628330000000688</v>
      </c>
      <c r="F231">
        <f t="shared" si="11"/>
        <v>1.1927405784390681E-2</v>
      </c>
    </row>
    <row r="232" spans="1:6" x14ac:dyDescent="0.2">
      <c r="A232">
        <v>664.07542000000001</v>
      </c>
      <c r="B232">
        <v>19.876833000000001</v>
      </c>
      <c r="C232">
        <v>8.4214660000000006</v>
      </c>
      <c r="D232">
        <f t="shared" si="12"/>
        <v>1.1511040000000001</v>
      </c>
      <c r="E232">
        <f t="shared" si="13"/>
        <v>10.165242000000035</v>
      </c>
      <c r="F232">
        <f t="shared" si="11"/>
        <v>1.3297982390093624E-2</v>
      </c>
    </row>
    <row r="233" spans="1:6" x14ac:dyDescent="0.2">
      <c r="A233">
        <v>665.39062000000001</v>
      </c>
      <c r="B233">
        <v>19.878454999999999</v>
      </c>
      <c r="C233">
        <v>8.4264700000000001</v>
      </c>
      <c r="D233">
        <f t="shared" si="12"/>
        <v>1.1561079999999997</v>
      </c>
      <c r="E233">
        <f t="shared" si="13"/>
        <v>11.480442000000039</v>
      </c>
      <c r="F233">
        <f t="shared" si="11"/>
        <v>1.49239411595998E-2</v>
      </c>
    </row>
    <row r="234" spans="1:6" x14ac:dyDescent="0.2">
      <c r="A234">
        <v>666.54513999999995</v>
      </c>
      <c r="B234">
        <v>19.884899999999998</v>
      </c>
      <c r="C234">
        <v>8.4314750000000007</v>
      </c>
      <c r="D234">
        <f t="shared" si="12"/>
        <v>1.1611130000000003</v>
      </c>
      <c r="E234">
        <f t="shared" si="13"/>
        <v>12.634961999999973</v>
      </c>
      <c r="F234">
        <f t="shared" si="11"/>
        <v>1.6325627626882298E-2</v>
      </c>
    </row>
    <row r="235" spans="1:6" x14ac:dyDescent="0.2">
      <c r="A235">
        <v>667.62449800000002</v>
      </c>
      <c r="B235">
        <v>19.909493000000001</v>
      </c>
      <c r="C235">
        <v>8.4364799999999995</v>
      </c>
      <c r="D235">
        <f t="shared" si="12"/>
        <v>1.1661179999999991</v>
      </c>
      <c r="E235">
        <f t="shared" si="13"/>
        <v>13.714320000000043</v>
      </c>
      <c r="F235">
        <f t="shared" si="11"/>
        <v>1.7615684168680285E-2</v>
      </c>
    </row>
    <row r="236" spans="1:6" x14ac:dyDescent="0.2">
      <c r="A236">
        <v>668.73994900000002</v>
      </c>
      <c r="B236">
        <v>19.890356000000001</v>
      </c>
      <c r="C236">
        <v>8.4414850000000001</v>
      </c>
      <c r="D236">
        <f t="shared" si="12"/>
        <v>1.1711229999999997</v>
      </c>
      <c r="E236">
        <f t="shared" si="13"/>
        <v>14.829771000000051</v>
      </c>
      <c r="F236">
        <f t="shared" si="11"/>
        <v>1.8935407975898502E-2</v>
      </c>
    </row>
    <row r="237" spans="1:6" x14ac:dyDescent="0.2">
      <c r="A237">
        <v>670.05647699999997</v>
      </c>
      <c r="B237">
        <v>19.89237</v>
      </c>
      <c r="C237">
        <v>8.4464900000000007</v>
      </c>
      <c r="D237">
        <f t="shared" si="12"/>
        <v>1.1761280000000003</v>
      </c>
      <c r="E237">
        <f t="shared" si="13"/>
        <v>16.146298999999999</v>
      </c>
      <c r="F237">
        <f t="shared" si="11"/>
        <v>2.0488350336560612E-2</v>
      </c>
    </row>
    <row r="238" spans="1:6" x14ac:dyDescent="0.2">
      <c r="A238">
        <v>670.711232</v>
      </c>
      <c r="B238">
        <v>19.953748999999998</v>
      </c>
      <c r="C238">
        <v>8.4514940000000003</v>
      </c>
      <c r="D238">
        <f t="shared" si="12"/>
        <v>1.1811319999999998</v>
      </c>
      <c r="E238">
        <f t="shared" si="13"/>
        <v>16.801054000000022</v>
      </c>
      <c r="F238">
        <f t="shared" si="11"/>
        <v>2.1208136627205366E-2</v>
      </c>
    </row>
    <row r="239" spans="1:6" x14ac:dyDescent="0.2">
      <c r="A239">
        <v>671.22849199999996</v>
      </c>
      <c r="B239">
        <v>19.941454</v>
      </c>
      <c r="C239">
        <v>8.4564990000000009</v>
      </c>
      <c r="D239">
        <f t="shared" si="12"/>
        <v>1.1861370000000004</v>
      </c>
      <c r="E239">
        <f t="shared" si="13"/>
        <v>17.318313999999987</v>
      </c>
      <c r="F239">
        <f t="shared" si="11"/>
        <v>2.1752059037237415E-2</v>
      </c>
    </row>
    <row r="240" spans="1:6" x14ac:dyDescent="0.2">
      <c r="A240">
        <v>671.735859</v>
      </c>
      <c r="B240">
        <v>19.948062</v>
      </c>
      <c r="C240">
        <v>8.4615039999999997</v>
      </c>
      <c r="D240">
        <f t="shared" si="12"/>
        <v>1.1911419999999993</v>
      </c>
      <c r="E240">
        <f t="shared" si="13"/>
        <v>17.825681000000031</v>
      </c>
      <c r="F240">
        <f t="shared" si="11"/>
        <v>2.2278403186536993E-2</v>
      </c>
    </row>
    <row r="241" spans="1:6" x14ac:dyDescent="0.2">
      <c r="A241">
        <v>672.08658000000003</v>
      </c>
      <c r="B241">
        <v>19.980108999999999</v>
      </c>
      <c r="C241">
        <v>8.4665090000000003</v>
      </c>
      <c r="D241">
        <f t="shared" si="12"/>
        <v>1.1961469999999998</v>
      </c>
      <c r="E241">
        <f t="shared" si="13"/>
        <v>18.176402000000053</v>
      </c>
      <c r="F241">
        <f t="shared" si="11"/>
        <v>2.2609873901655635E-2</v>
      </c>
    </row>
    <row r="242" spans="1:6" x14ac:dyDescent="0.2">
      <c r="A242">
        <v>672.19670099999996</v>
      </c>
      <c r="B242">
        <v>20.009046999999999</v>
      </c>
      <c r="C242">
        <v>8.4715140000000009</v>
      </c>
      <c r="D242">
        <f t="shared" si="12"/>
        <v>1.2011520000000004</v>
      </c>
      <c r="E242">
        <f t="shared" si="13"/>
        <v>18.286522999999988</v>
      </c>
      <c r="F242">
        <f t="shared" si="11"/>
        <v>2.2648361642058936E-2</v>
      </c>
    </row>
    <row r="243" spans="1:6" x14ac:dyDescent="0.2">
      <c r="A243">
        <v>671.67355899999995</v>
      </c>
      <c r="B243">
        <v>20.054452999999999</v>
      </c>
      <c r="C243">
        <v>8.4765180000000004</v>
      </c>
      <c r="D243">
        <f t="shared" si="12"/>
        <v>1.206156</v>
      </c>
      <c r="E243">
        <f t="shared" si="13"/>
        <v>17.763380999999981</v>
      </c>
      <c r="F243">
        <f t="shared" si="11"/>
        <v>2.1926226549924314E-2</v>
      </c>
    </row>
    <row r="244" spans="1:6" x14ac:dyDescent="0.2">
      <c r="A244">
        <v>670.6318</v>
      </c>
      <c r="B244">
        <v>20.095329</v>
      </c>
      <c r="C244">
        <v>8.4815229999999993</v>
      </c>
      <c r="D244">
        <f t="shared" si="12"/>
        <v>1.2111609999999988</v>
      </c>
      <c r="E244">
        <f t="shared" si="13"/>
        <v>16.721622000000025</v>
      </c>
      <c r="F244">
        <f t="shared" si="11"/>
        <v>2.0586967596833164E-2</v>
      </c>
    </row>
    <row r="245" spans="1:6" x14ac:dyDescent="0.2">
      <c r="A245">
        <v>669.56371100000001</v>
      </c>
      <c r="B245">
        <v>20.095199000000001</v>
      </c>
      <c r="C245">
        <v>8.4865279999999998</v>
      </c>
      <c r="D245">
        <f t="shared" si="12"/>
        <v>1.2161659999999994</v>
      </c>
      <c r="E245">
        <f t="shared" si="13"/>
        <v>15.653533000000039</v>
      </c>
      <c r="F245">
        <f t="shared" si="11"/>
        <v>1.9223285126661955E-2</v>
      </c>
    </row>
    <row r="246" spans="1:6" x14ac:dyDescent="0.2">
      <c r="A246">
        <v>668.40392499999996</v>
      </c>
      <c r="B246">
        <v>20.131214</v>
      </c>
      <c r="C246">
        <v>8.4915330000000004</v>
      </c>
      <c r="D246">
        <f t="shared" si="12"/>
        <v>1.221171</v>
      </c>
      <c r="E246">
        <f t="shared" si="13"/>
        <v>14.493746999999985</v>
      </c>
      <c r="F246">
        <f t="shared" si="11"/>
        <v>1.775682041091636E-2</v>
      </c>
    </row>
    <row r="247" spans="1:6" x14ac:dyDescent="0.2">
      <c r="A247">
        <v>666.841948</v>
      </c>
      <c r="B247">
        <v>20.139102999999999</v>
      </c>
      <c r="C247">
        <v>8.4965379999999993</v>
      </c>
      <c r="D247">
        <f t="shared" si="12"/>
        <v>1.2261759999999988</v>
      </c>
      <c r="E247">
        <f t="shared" si="13"/>
        <v>12.931770000000029</v>
      </c>
      <c r="F247">
        <f t="shared" si="11"/>
        <v>1.5815475323542751E-2</v>
      </c>
    </row>
    <row r="248" spans="1:6" x14ac:dyDescent="0.2">
      <c r="A248">
        <v>664.75053400000002</v>
      </c>
      <c r="B248">
        <v>20.198522000000001</v>
      </c>
      <c r="C248">
        <v>8.5015420000000006</v>
      </c>
      <c r="D248">
        <f t="shared" si="12"/>
        <v>1.2311800000000002</v>
      </c>
      <c r="E248">
        <f t="shared" si="13"/>
        <v>10.840356000000043</v>
      </c>
      <c r="F248">
        <f t="shared" si="11"/>
        <v>1.3245345706035798E-2</v>
      </c>
    </row>
    <row r="249" spans="1:6" x14ac:dyDescent="0.2">
      <c r="A249">
        <v>663.29856500000005</v>
      </c>
      <c r="B249">
        <v>20.131025000000001</v>
      </c>
      <c r="C249">
        <v>8.5065469999999994</v>
      </c>
      <c r="D249">
        <f t="shared" si="12"/>
        <v>1.236184999999999</v>
      </c>
      <c r="E249">
        <f t="shared" si="13"/>
        <v>9.3883870000000798</v>
      </c>
      <c r="F249">
        <f t="shared" si="11"/>
        <v>1.1449814644827734E-2</v>
      </c>
    </row>
    <row r="250" spans="1:6" x14ac:dyDescent="0.2">
      <c r="A250">
        <v>662.45712300000002</v>
      </c>
      <c r="B250">
        <v>20.064508</v>
      </c>
      <c r="C250">
        <v>8.511552</v>
      </c>
      <c r="D250">
        <f t="shared" si="12"/>
        <v>1.2411899999999996</v>
      </c>
      <c r="E250">
        <f t="shared" si="13"/>
        <v>8.5469450000000506</v>
      </c>
      <c r="F250">
        <f t="shared" si="11"/>
        <v>1.0394769589297885E-2</v>
      </c>
    </row>
    <row r="251" spans="1:6" x14ac:dyDescent="0.2">
      <c r="A251">
        <v>661.90378299999998</v>
      </c>
      <c r="B251">
        <v>20.040405</v>
      </c>
      <c r="C251">
        <v>8.5165570000000006</v>
      </c>
      <c r="D251">
        <f t="shared" si="12"/>
        <v>1.2461950000000002</v>
      </c>
      <c r="E251">
        <f t="shared" si="13"/>
        <v>7.9936050000000023</v>
      </c>
      <c r="F251">
        <f t="shared" si="11"/>
        <v>9.6908487716009292E-3</v>
      </c>
    </row>
    <row r="252" spans="1:6" x14ac:dyDescent="0.2">
      <c r="A252">
        <v>661.65896699999996</v>
      </c>
      <c r="B252">
        <v>20.02177</v>
      </c>
      <c r="C252">
        <v>8.5215619999999994</v>
      </c>
      <c r="D252">
        <f t="shared" si="12"/>
        <v>1.251199999999999</v>
      </c>
      <c r="E252">
        <f t="shared" si="13"/>
        <v>7.7487889999999879</v>
      </c>
      <c r="F252">
        <f t="shared" si="11"/>
        <v>9.3599363818429194E-3</v>
      </c>
    </row>
    <row r="253" spans="1:6" x14ac:dyDescent="0.2">
      <c r="A253">
        <v>661.70250699999997</v>
      </c>
      <c r="B253">
        <v>19.983574999999998</v>
      </c>
      <c r="C253">
        <v>8.5265660000000008</v>
      </c>
      <c r="D253">
        <f t="shared" si="12"/>
        <v>1.2562040000000003</v>
      </c>
      <c r="E253">
        <f t="shared" si="13"/>
        <v>7.7923289999999952</v>
      </c>
      <c r="F253">
        <f t="shared" si="11"/>
        <v>9.3744183029618247E-3</v>
      </c>
    </row>
    <row r="254" spans="1:6" x14ac:dyDescent="0.2">
      <c r="A254">
        <v>662.64872200000002</v>
      </c>
      <c r="B254">
        <v>19.86711</v>
      </c>
      <c r="C254">
        <v>8.5315709999999996</v>
      </c>
      <c r="D254">
        <f t="shared" si="12"/>
        <v>1.2612089999999991</v>
      </c>
      <c r="E254">
        <f t="shared" si="13"/>
        <v>8.7385440000000472</v>
      </c>
      <c r="F254">
        <f t="shared" si="11"/>
        <v>1.045607407717288E-2</v>
      </c>
    </row>
    <row r="255" spans="1:6" x14ac:dyDescent="0.2">
      <c r="A255">
        <v>664.27279999999996</v>
      </c>
      <c r="B255">
        <v>19.831187</v>
      </c>
      <c r="C255">
        <v>8.5365760000000002</v>
      </c>
      <c r="D255">
        <f t="shared" si="12"/>
        <v>1.2662139999999997</v>
      </c>
      <c r="E255">
        <f t="shared" si="13"/>
        <v>10.362621999999988</v>
      </c>
      <c r="F255">
        <f t="shared" si="11"/>
        <v>1.2320152279108447E-2</v>
      </c>
    </row>
    <row r="256" spans="1:6" x14ac:dyDescent="0.2">
      <c r="A256">
        <v>665.68902300000002</v>
      </c>
      <c r="B256">
        <v>19.885795000000002</v>
      </c>
      <c r="C256">
        <v>8.5415810000000008</v>
      </c>
      <c r="D256">
        <f t="shared" si="12"/>
        <v>1.2712190000000003</v>
      </c>
      <c r="E256">
        <f t="shared" si="13"/>
        <v>11.778845000000047</v>
      </c>
      <c r="F256">
        <f t="shared" si="11"/>
        <v>1.391909297809159E-2</v>
      </c>
    </row>
    <row r="257" spans="1:6" x14ac:dyDescent="0.2">
      <c r="A257">
        <v>666.82173899999998</v>
      </c>
      <c r="B257">
        <v>19.891354</v>
      </c>
      <c r="C257">
        <v>8.5465859999999996</v>
      </c>
      <c r="D257">
        <f t="shared" si="12"/>
        <v>1.2762239999999991</v>
      </c>
      <c r="E257">
        <f t="shared" si="13"/>
        <v>12.911561000000006</v>
      </c>
      <c r="F257">
        <f t="shared" si="11"/>
        <v>1.517197415140621E-2</v>
      </c>
    </row>
    <row r="258" spans="1:6" x14ac:dyDescent="0.2">
      <c r="A258">
        <v>668.43281400000001</v>
      </c>
      <c r="B258">
        <v>19.838968999999999</v>
      </c>
      <c r="C258">
        <v>8.5515899999999991</v>
      </c>
      <c r="D258">
        <f t="shared" si="12"/>
        <v>1.2812279999999987</v>
      </c>
      <c r="E258">
        <f t="shared" si="13"/>
        <v>14.522636000000034</v>
      </c>
      <c r="F258">
        <f t="shared" si="11"/>
        <v>1.6957478275160542E-2</v>
      </c>
    </row>
    <row r="259" spans="1:6" x14ac:dyDescent="0.2">
      <c r="A259">
        <v>670.03932199999997</v>
      </c>
      <c r="B259">
        <v>19.860699</v>
      </c>
      <c r="C259">
        <v>8.5565949999999997</v>
      </c>
      <c r="D259">
        <f t="shared" si="12"/>
        <v>1.2862329999999993</v>
      </c>
      <c r="E259">
        <f t="shared" si="13"/>
        <v>16.129143999999997</v>
      </c>
      <c r="F259">
        <f t="shared" ref="F259:F322" si="14">(1/A259)*(E259/D259)</f>
        <v>1.8715066774493947E-2</v>
      </c>
    </row>
    <row r="260" spans="1:6" x14ac:dyDescent="0.2">
      <c r="A260">
        <v>671.33339999999998</v>
      </c>
      <c r="B260">
        <v>19.883876999999998</v>
      </c>
      <c r="C260">
        <v>8.5616000000000003</v>
      </c>
      <c r="D260">
        <f t="shared" si="12"/>
        <v>1.2912379999999999</v>
      </c>
      <c r="E260">
        <f t="shared" si="13"/>
        <v>17.42322200000001</v>
      </c>
      <c r="F260">
        <f t="shared" si="14"/>
        <v>2.0099438133487347E-2</v>
      </c>
    </row>
    <row r="261" spans="1:6" x14ac:dyDescent="0.2">
      <c r="A261">
        <v>672.44955700000003</v>
      </c>
      <c r="B261">
        <v>19.897293999999999</v>
      </c>
      <c r="C261">
        <v>8.5666049999999991</v>
      </c>
      <c r="D261">
        <f t="shared" si="12"/>
        <v>1.2962429999999987</v>
      </c>
      <c r="E261">
        <f t="shared" si="13"/>
        <v>18.539379000000054</v>
      </c>
      <c r="F261">
        <f t="shared" si="14"/>
        <v>2.1269096753802442E-2</v>
      </c>
    </row>
    <row r="262" spans="1:6" x14ac:dyDescent="0.2">
      <c r="A262">
        <v>673.28426300000001</v>
      </c>
      <c r="B262">
        <v>19.924765000000001</v>
      </c>
      <c r="C262">
        <v>8.5716099999999997</v>
      </c>
      <c r="D262">
        <f t="shared" si="12"/>
        <v>1.3012479999999993</v>
      </c>
      <c r="E262">
        <f t="shared" si="13"/>
        <v>19.374085000000036</v>
      </c>
      <c r="F262">
        <f t="shared" si="14"/>
        <v>2.2113763577807265E-2</v>
      </c>
    </row>
    <row r="263" spans="1:6" x14ac:dyDescent="0.2">
      <c r="A263">
        <v>674.260493</v>
      </c>
      <c r="B263">
        <v>19.911356999999999</v>
      </c>
      <c r="C263">
        <v>8.5766139999999993</v>
      </c>
      <c r="D263">
        <f t="shared" ref="D263:D326" si="15">C263-$C$2</f>
        <v>1.3062519999999989</v>
      </c>
      <c r="E263">
        <f t="shared" ref="E263:E326" si="16">A263-$A$2</f>
        <v>20.350315000000023</v>
      </c>
      <c r="F263">
        <f t="shared" si="14"/>
        <v>2.3105557607510561E-2</v>
      </c>
    </row>
    <row r="264" spans="1:6" x14ac:dyDescent="0.2">
      <c r="A264">
        <v>674.32620999999995</v>
      </c>
      <c r="B264">
        <v>20.020356</v>
      </c>
      <c r="C264">
        <v>8.5816189999999999</v>
      </c>
      <c r="D264">
        <f t="shared" si="15"/>
        <v>1.3112569999999995</v>
      </c>
      <c r="E264">
        <f t="shared" si="16"/>
        <v>20.416031999999973</v>
      </c>
      <c r="F264">
        <f t="shared" si="14"/>
        <v>2.3089444140779167E-2</v>
      </c>
    </row>
    <row r="265" spans="1:6" x14ac:dyDescent="0.2">
      <c r="A265">
        <v>673.48408400000005</v>
      </c>
      <c r="B265">
        <v>20.089383000000002</v>
      </c>
      <c r="C265">
        <v>8.5866240000000005</v>
      </c>
      <c r="D265">
        <f t="shared" si="15"/>
        <v>1.316262</v>
      </c>
      <c r="E265">
        <f t="shared" si="16"/>
        <v>19.573906000000079</v>
      </c>
      <c r="F265">
        <f t="shared" si="14"/>
        <v>2.2080444811514624E-2</v>
      </c>
    </row>
    <row r="266" spans="1:6" x14ac:dyDescent="0.2">
      <c r="A266">
        <v>672.39723600000002</v>
      </c>
      <c r="B266">
        <v>20.091107999999998</v>
      </c>
      <c r="C266">
        <v>8.5916289999999993</v>
      </c>
      <c r="D266">
        <f t="shared" si="15"/>
        <v>1.3212669999999989</v>
      </c>
      <c r="E266">
        <f t="shared" si="16"/>
        <v>18.487058000000047</v>
      </c>
      <c r="F266">
        <f t="shared" si="14"/>
        <v>2.0809004113022393E-2</v>
      </c>
    </row>
    <row r="267" spans="1:6" x14ac:dyDescent="0.2">
      <c r="A267">
        <v>671.65209000000004</v>
      </c>
      <c r="B267">
        <v>20.058344000000002</v>
      </c>
      <c r="C267">
        <v>8.5966339999999999</v>
      </c>
      <c r="D267">
        <f t="shared" si="15"/>
        <v>1.3262719999999995</v>
      </c>
      <c r="E267">
        <f t="shared" si="16"/>
        <v>17.74191200000007</v>
      </c>
      <c r="F267">
        <f t="shared" si="14"/>
        <v>1.9916978260692577E-2</v>
      </c>
    </row>
    <row r="268" spans="1:6" x14ac:dyDescent="0.2">
      <c r="A268">
        <v>670.91713200000004</v>
      </c>
      <c r="B268">
        <v>20.105225999999998</v>
      </c>
      <c r="C268">
        <v>8.6016379999999995</v>
      </c>
      <c r="D268">
        <f t="shared" si="15"/>
        <v>1.331275999999999</v>
      </c>
      <c r="E268">
        <f t="shared" si="16"/>
        <v>17.006954000000064</v>
      </c>
      <c r="F268">
        <f t="shared" si="14"/>
        <v>1.9040991209461674E-2</v>
      </c>
    </row>
    <row r="269" spans="1:6" x14ac:dyDescent="0.2">
      <c r="A269">
        <v>669.31988899999999</v>
      </c>
      <c r="B269">
        <v>20.161415000000002</v>
      </c>
      <c r="C269">
        <v>8.606643</v>
      </c>
      <c r="D269">
        <f t="shared" si="15"/>
        <v>1.3362809999999996</v>
      </c>
      <c r="E269">
        <f t="shared" si="16"/>
        <v>15.409711000000016</v>
      </c>
      <c r="F269">
        <f t="shared" si="14"/>
        <v>1.7229115010956732E-2</v>
      </c>
    </row>
    <row r="270" spans="1:6" x14ac:dyDescent="0.2">
      <c r="A270">
        <v>667.29377299999999</v>
      </c>
      <c r="B270">
        <v>20.170266999999999</v>
      </c>
      <c r="C270">
        <v>8.6116480000000006</v>
      </c>
      <c r="D270">
        <f t="shared" si="15"/>
        <v>1.3412860000000002</v>
      </c>
      <c r="E270">
        <f t="shared" si="16"/>
        <v>13.383595000000014</v>
      </c>
      <c r="F270">
        <f t="shared" si="14"/>
        <v>1.4953206205202445E-2</v>
      </c>
    </row>
    <row r="271" spans="1:6" x14ac:dyDescent="0.2">
      <c r="A271">
        <v>666.32523000000003</v>
      </c>
      <c r="B271">
        <v>20.065885999999999</v>
      </c>
      <c r="C271">
        <v>8.6166529999999995</v>
      </c>
      <c r="D271">
        <f t="shared" si="15"/>
        <v>1.346290999999999</v>
      </c>
      <c r="E271">
        <f t="shared" si="16"/>
        <v>12.41505200000006</v>
      </c>
      <c r="F271">
        <f t="shared" si="14"/>
        <v>1.3839593768131878E-2</v>
      </c>
    </row>
    <row r="272" spans="1:6" x14ac:dyDescent="0.2">
      <c r="A272">
        <v>665.83093099999996</v>
      </c>
      <c r="B272">
        <v>20.053163999999999</v>
      </c>
      <c r="C272">
        <v>8.621658</v>
      </c>
      <c r="D272">
        <f t="shared" si="15"/>
        <v>1.3512959999999996</v>
      </c>
      <c r="E272">
        <f t="shared" si="16"/>
        <v>11.920752999999991</v>
      </c>
      <c r="F272">
        <f t="shared" si="14"/>
        <v>1.3249187063663338E-2</v>
      </c>
    </row>
    <row r="273" spans="1:6" x14ac:dyDescent="0.2">
      <c r="A273">
        <v>664.68831599999999</v>
      </c>
      <c r="B273">
        <v>20.112061000000001</v>
      </c>
      <c r="C273">
        <v>8.6266619999999996</v>
      </c>
      <c r="D273">
        <f t="shared" si="15"/>
        <v>1.3562999999999992</v>
      </c>
      <c r="E273">
        <f t="shared" si="16"/>
        <v>10.778138000000013</v>
      </c>
      <c r="F273">
        <f t="shared" si="14"/>
        <v>1.1955560276265225E-2</v>
      </c>
    </row>
    <row r="274" spans="1:6" x14ac:dyDescent="0.2">
      <c r="A274">
        <v>663.48389699999996</v>
      </c>
      <c r="B274">
        <v>20.103670999999999</v>
      </c>
      <c r="C274">
        <v>8.6316670000000002</v>
      </c>
      <c r="D274">
        <f t="shared" si="15"/>
        <v>1.3613049999999998</v>
      </c>
      <c r="E274">
        <f t="shared" si="16"/>
        <v>9.5737189999999828</v>
      </c>
      <c r="F274">
        <f t="shared" si="14"/>
        <v>1.0599731143890389E-2</v>
      </c>
    </row>
    <row r="275" spans="1:6" x14ac:dyDescent="0.2">
      <c r="A275">
        <v>663.00534900000002</v>
      </c>
      <c r="B275">
        <v>20.032146000000001</v>
      </c>
      <c r="C275">
        <v>8.6366720000000008</v>
      </c>
      <c r="D275">
        <f t="shared" si="15"/>
        <v>1.3663100000000004</v>
      </c>
      <c r="E275">
        <f t="shared" si="16"/>
        <v>9.0951710000000503</v>
      </c>
      <c r="F275">
        <f t="shared" si="14"/>
        <v>1.0040251451457325E-2</v>
      </c>
    </row>
    <row r="276" spans="1:6" x14ac:dyDescent="0.2">
      <c r="A276">
        <v>662.98893199999998</v>
      </c>
      <c r="B276">
        <v>19.974701</v>
      </c>
      <c r="C276">
        <v>8.6416769999999996</v>
      </c>
      <c r="D276">
        <f t="shared" si="15"/>
        <v>1.3713149999999992</v>
      </c>
      <c r="E276">
        <f t="shared" si="16"/>
        <v>9.0787540000000035</v>
      </c>
      <c r="F276">
        <f t="shared" si="14"/>
        <v>9.9857972434313474E-3</v>
      </c>
    </row>
    <row r="277" spans="1:6" x14ac:dyDescent="0.2">
      <c r="A277">
        <v>663.34060299999999</v>
      </c>
      <c r="B277">
        <v>19.981251</v>
      </c>
      <c r="C277">
        <v>8.6466820000000002</v>
      </c>
      <c r="D277">
        <f t="shared" si="15"/>
        <v>1.3763199999999998</v>
      </c>
      <c r="E277">
        <f t="shared" si="16"/>
        <v>9.4304250000000138</v>
      </c>
      <c r="F277">
        <f t="shared" si="14"/>
        <v>1.032940399178502E-2</v>
      </c>
    </row>
    <row r="278" spans="1:6" x14ac:dyDescent="0.2">
      <c r="A278">
        <v>663.61042699999996</v>
      </c>
      <c r="B278">
        <v>19.963079</v>
      </c>
      <c r="C278">
        <v>8.6516859999999998</v>
      </c>
      <c r="D278">
        <f t="shared" si="15"/>
        <v>1.3813239999999993</v>
      </c>
      <c r="E278">
        <f t="shared" si="16"/>
        <v>9.7002489999999852</v>
      </c>
      <c r="F278">
        <f t="shared" si="14"/>
        <v>1.0582155125871188E-2</v>
      </c>
    </row>
    <row r="279" spans="1:6" x14ac:dyDescent="0.2">
      <c r="A279">
        <v>664.14124100000004</v>
      </c>
      <c r="B279">
        <v>19.923797</v>
      </c>
      <c r="C279">
        <v>8.6566910000000004</v>
      </c>
      <c r="D279">
        <f t="shared" si="15"/>
        <v>1.3863289999999999</v>
      </c>
      <c r="E279">
        <f t="shared" si="16"/>
        <v>10.231063000000063</v>
      </c>
      <c r="F279">
        <f t="shared" si="14"/>
        <v>1.1112045255063596E-2</v>
      </c>
    </row>
    <row r="280" spans="1:6" x14ac:dyDescent="0.2">
      <c r="A280">
        <v>665.34939399999996</v>
      </c>
      <c r="B280">
        <v>19.87979</v>
      </c>
      <c r="C280">
        <v>8.6616959999999992</v>
      </c>
      <c r="D280">
        <f t="shared" si="15"/>
        <v>1.3913339999999987</v>
      </c>
      <c r="E280">
        <f t="shared" si="16"/>
        <v>11.439215999999988</v>
      </c>
      <c r="F280">
        <f t="shared" si="14"/>
        <v>1.2357058333343657E-2</v>
      </c>
    </row>
    <row r="281" spans="1:6" x14ac:dyDescent="0.2">
      <c r="A281">
        <v>666.47224800000004</v>
      </c>
      <c r="B281">
        <v>19.911830999999999</v>
      </c>
      <c r="C281">
        <v>8.6667009999999998</v>
      </c>
      <c r="D281">
        <f t="shared" si="15"/>
        <v>1.3963389999999993</v>
      </c>
      <c r="E281">
        <f t="shared" si="16"/>
        <v>12.562070000000062</v>
      </c>
      <c r="F281">
        <f t="shared" si="14"/>
        <v>1.349858578757738E-2</v>
      </c>
    </row>
    <row r="282" spans="1:6" x14ac:dyDescent="0.2">
      <c r="A282">
        <v>667.31142599999998</v>
      </c>
      <c r="B282">
        <v>19.922689999999999</v>
      </c>
      <c r="C282">
        <v>8.6717060000000004</v>
      </c>
      <c r="D282">
        <f t="shared" si="15"/>
        <v>1.4013439999999999</v>
      </c>
      <c r="E282">
        <f t="shared" si="16"/>
        <v>13.40124800000001</v>
      </c>
      <c r="F282">
        <f t="shared" si="14"/>
        <v>1.4330849156161856E-2</v>
      </c>
    </row>
    <row r="283" spans="1:6" x14ac:dyDescent="0.2">
      <c r="A283">
        <v>667.98873600000002</v>
      </c>
      <c r="B283">
        <v>19.940788000000001</v>
      </c>
      <c r="C283">
        <v>8.6767099999999999</v>
      </c>
      <c r="D283">
        <f t="shared" si="15"/>
        <v>1.4063479999999995</v>
      </c>
      <c r="E283">
        <f t="shared" si="16"/>
        <v>14.078558000000044</v>
      </c>
      <c r="F283">
        <f t="shared" si="14"/>
        <v>1.4986362563712271E-2</v>
      </c>
    </row>
    <row r="284" spans="1:6" x14ac:dyDescent="0.2">
      <c r="A284">
        <v>669.10116800000003</v>
      </c>
      <c r="B284">
        <v>19.88842</v>
      </c>
      <c r="C284">
        <v>8.6817150000000005</v>
      </c>
      <c r="D284">
        <f t="shared" si="15"/>
        <v>1.4113530000000001</v>
      </c>
      <c r="E284">
        <f t="shared" si="16"/>
        <v>15.190990000000056</v>
      </c>
      <c r="F284">
        <f t="shared" si="14"/>
        <v>1.6086391687036853E-2</v>
      </c>
    </row>
    <row r="285" spans="1:6" x14ac:dyDescent="0.2">
      <c r="A285">
        <v>670.31322899999998</v>
      </c>
      <c r="B285">
        <v>19.876235999999999</v>
      </c>
      <c r="C285">
        <v>8.6867199999999993</v>
      </c>
      <c r="D285">
        <f t="shared" si="15"/>
        <v>1.4163579999999989</v>
      </c>
      <c r="E285">
        <f t="shared" si="16"/>
        <v>16.403051000000005</v>
      </c>
      <c r="F285">
        <f t="shared" si="14"/>
        <v>1.7277217667704587E-2</v>
      </c>
    </row>
    <row r="286" spans="1:6" x14ac:dyDescent="0.2">
      <c r="A286">
        <v>671.01171799999997</v>
      </c>
      <c r="B286">
        <v>19.948373</v>
      </c>
      <c r="C286">
        <v>8.6917249999999999</v>
      </c>
      <c r="D286">
        <f t="shared" si="15"/>
        <v>1.4213629999999995</v>
      </c>
      <c r="E286">
        <f t="shared" si="16"/>
        <v>17.10154</v>
      </c>
      <c r="F286">
        <f t="shared" si="14"/>
        <v>1.793081831866053E-2</v>
      </c>
    </row>
    <row r="287" spans="1:6" x14ac:dyDescent="0.2">
      <c r="A287">
        <v>670.92309399999999</v>
      </c>
      <c r="B287">
        <v>20.026844000000001</v>
      </c>
      <c r="C287">
        <v>8.6967300000000005</v>
      </c>
      <c r="D287">
        <f t="shared" si="15"/>
        <v>1.4263680000000001</v>
      </c>
      <c r="E287">
        <f t="shared" si="16"/>
        <v>17.012916000000018</v>
      </c>
      <c r="F287">
        <f t="shared" si="14"/>
        <v>1.7777653187319515E-2</v>
      </c>
    </row>
    <row r="288" spans="1:6" x14ac:dyDescent="0.2">
      <c r="A288">
        <v>670.684665</v>
      </c>
      <c r="B288">
        <v>20.033189</v>
      </c>
      <c r="C288">
        <v>8.7017340000000001</v>
      </c>
      <c r="D288">
        <f t="shared" si="15"/>
        <v>1.4313719999999996</v>
      </c>
      <c r="E288">
        <f t="shared" si="16"/>
        <v>16.774487000000022</v>
      </c>
      <c r="F288">
        <f t="shared" si="14"/>
        <v>1.747343760380711E-2</v>
      </c>
    </row>
    <row r="289" spans="1:6" x14ac:dyDescent="0.2">
      <c r="A289">
        <v>670.37683500000003</v>
      </c>
      <c r="B289">
        <v>20.03697</v>
      </c>
      <c r="C289">
        <v>8.7067390000000007</v>
      </c>
      <c r="D289">
        <f t="shared" si="15"/>
        <v>1.4363770000000002</v>
      </c>
      <c r="E289">
        <f t="shared" si="16"/>
        <v>16.466657000000055</v>
      </c>
      <c r="F289">
        <f t="shared" si="14"/>
        <v>1.7100861834230652E-2</v>
      </c>
    </row>
    <row r="290" spans="1:6" x14ac:dyDescent="0.2">
      <c r="A290">
        <v>669.33814099999995</v>
      </c>
      <c r="B290">
        <v>20.112586</v>
      </c>
      <c r="C290">
        <v>8.7117439999999995</v>
      </c>
      <c r="D290">
        <f t="shared" si="15"/>
        <v>1.4413819999999991</v>
      </c>
      <c r="E290">
        <f t="shared" si="16"/>
        <v>15.427962999999977</v>
      </c>
      <c r="F290">
        <f t="shared" si="14"/>
        <v>1.5991305537408979E-2</v>
      </c>
    </row>
    <row r="291" spans="1:6" x14ac:dyDescent="0.2">
      <c r="A291">
        <v>667.73849800000005</v>
      </c>
      <c r="B291">
        <v>20.144010999999999</v>
      </c>
      <c r="C291">
        <v>8.7167490000000001</v>
      </c>
      <c r="D291">
        <f t="shared" si="15"/>
        <v>1.4463869999999996</v>
      </c>
      <c r="E291">
        <f t="shared" si="16"/>
        <v>13.828320000000076</v>
      </c>
      <c r="F291">
        <f t="shared" si="14"/>
        <v>1.4317872651062739E-2</v>
      </c>
    </row>
    <row r="292" spans="1:6" x14ac:dyDescent="0.2">
      <c r="A292">
        <v>666.75100499999996</v>
      </c>
      <c r="B292">
        <v>20.078384</v>
      </c>
      <c r="C292">
        <v>8.7217540000000007</v>
      </c>
      <c r="D292">
        <f t="shared" si="15"/>
        <v>1.4513920000000002</v>
      </c>
      <c r="E292">
        <f t="shared" si="16"/>
        <v>12.84082699999999</v>
      </c>
      <c r="F292">
        <f t="shared" si="14"/>
        <v>1.3269195446053286E-2</v>
      </c>
    </row>
    <row r="293" spans="1:6" x14ac:dyDescent="0.2">
      <c r="A293">
        <v>666.03878299999997</v>
      </c>
      <c r="B293">
        <v>20.068242000000001</v>
      </c>
      <c r="C293">
        <v>8.7267580000000002</v>
      </c>
      <c r="D293">
        <f t="shared" si="15"/>
        <v>1.4563959999999998</v>
      </c>
      <c r="E293">
        <f t="shared" si="16"/>
        <v>12.128604999999993</v>
      </c>
      <c r="F293">
        <f t="shared" si="14"/>
        <v>1.250350742323281E-2</v>
      </c>
    </row>
    <row r="294" spans="1:6" x14ac:dyDescent="0.2">
      <c r="A294">
        <v>665.17374800000005</v>
      </c>
      <c r="B294">
        <v>20.066400000000002</v>
      </c>
      <c r="C294">
        <v>8.7317630000000008</v>
      </c>
      <c r="D294">
        <f t="shared" si="15"/>
        <v>1.4614010000000004</v>
      </c>
      <c r="E294">
        <f t="shared" si="16"/>
        <v>11.263570000000072</v>
      </c>
      <c r="F294">
        <f t="shared" si="14"/>
        <v>1.1587014791635503E-2</v>
      </c>
    </row>
    <row r="295" spans="1:6" x14ac:dyDescent="0.2">
      <c r="A295">
        <v>664.32137699999998</v>
      </c>
      <c r="B295">
        <v>20.079159000000001</v>
      </c>
      <c r="C295">
        <v>8.7367679999999996</v>
      </c>
      <c r="D295">
        <f t="shared" si="15"/>
        <v>1.4664059999999992</v>
      </c>
      <c r="E295">
        <f t="shared" si="16"/>
        <v>10.411199000000011</v>
      </c>
      <c r="F295">
        <f t="shared" si="14"/>
        <v>1.0687307149520715E-2</v>
      </c>
    </row>
    <row r="296" spans="1:6" x14ac:dyDescent="0.2">
      <c r="A296">
        <v>663.81441900000004</v>
      </c>
      <c r="B296">
        <v>20.050014000000001</v>
      </c>
      <c r="C296">
        <v>8.7417730000000002</v>
      </c>
      <c r="D296">
        <f t="shared" si="15"/>
        <v>1.4714109999999998</v>
      </c>
      <c r="E296">
        <f t="shared" si="16"/>
        <v>9.90424100000007</v>
      </c>
      <c r="F296">
        <f t="shared" si="14"/>
        <v>1.0140059874365387E-2</v>
      </c>
    </row>
    <row r="297" spans="1:6" x14ac:dyDescent="0.2">
      <c r="A297">
        <v>663.61407399999996</v>
      </c>
      <c r="B297">
        <v>20.003350999999999</v>
      </c>
      <c r="C297">
        <v>8.7467780000000008</v>
      </c>
      <c r="D297">
        <f t="shared" si="15"/>
        <v>1.4764160000000004</v>
      </c>
      <c r="E297">
        <f t="shared" si="16"/>
        <v>9.7038959999999861</v>
      </c>
      <c r="F297">
        <f t="shared" si="14"/>
        <v>9.9042547485859583E-3</v>
      </c>
    </row>
    <row r="298" spans="1:6" x14ac:dyDescent="0.2">
      <c r="A298">
        <v>663.59339499999999</v>
      </c>
      <c r="B298">
        <v>19.997226000000001</v>
      </c>
      <c r="C298">
        <v>8.7517820000000004</v>
      </c>
      <c r="D298">
        <f t="shared" si="15"/>
        <v>1.48142</v>
      </c>
      <c r="E298">
        <f t="shared" si="16"/>
        <v>9.6832170000000133</v>
      </c>
      <c r="F298">
        <f t="shared" si="14"/>
        <v>9.8500720269730987E-3</v>
      </c>
    </row>
    <row r="299" spans="1:6" x14ac:dyDescent="0.2">
      <c r="A299">
        <v>663.72917399999994</v>
      </c>
      <c r="B299">
        <v>19.981538</v>
      </c>
      <c r="C299">
        <v>8.7567869999999992</v>
      </c>
      <c r="D299">
        <f t="shared" si="15"/>
        <v>1.4864249999999988</v>
      </c>
      <c r="E299">
        <f t="shared" si="16"/>
        <v>9.8189959999999701</v>
      </c>
      <c r="F299">
        <f t="shared" si="14"/>
        <v>9.952522652058194E-3</v>
      </c>
    </row>
    <row r="300" spans="1:6" x14ac:dyDescent="0.2">
      <c r="A300">
        <v>663.99962700000003</v>
      </c>
      <c r="B300">
        <v>19.967803</v>
      </c>
      <c r="C300">
        <v>8.7617919999999998</v>
      </c>
      <c r="D300">
        <f t="shared" si="15"/>
        <v>1.4914299999999994</v>
      </c>
      <c r="E300">
        <f t="shared" si="16"/>
        <v>10.089449000000059</v>
      </c>
      <c r="F300">
        <f t="shared" si="14"/>
        <v>1.0188183051820841E-2</v>
      </c>
    </row>
    <row r="301" spans="1:6" x14ac:dyDescent="0.2">
      <c r="A301">
        <v>664.66333699999996</v>
      </c>
      <c r="B301">
        <v>19.9129</v>
      </c>
      <c r="C301">
        <v>8.7667970000000004</v>
      </c>
      <c r="D301">
        <f t="shared" si="15"/>
        <v>1.496435</v>
      </c>
      <c r="E301">
        <f t="shared" si="16"/>
        <v>10.753158999999982</v>
      </c>
      <c r="F301">
        <f t="shared" si="14"/>
        <v>1.0811264348861475E-2</v>
      </c>
    </row>
    <row r="302" spans="1:6" x14ac:dyDescent="0.2">
      <c r="A302">
        <v>665.58820400000002</v>
      </c>
      <c r="B302">
        <v>19.927652999999999</v>
      </c>
      <c r="C302">
        <v>8.7718019999999992</v>
      </c>
      <c r="D302">
        <f t="shared" si="15"/>
        <v>1.5014399999999988</v>
      </c>
      <c r="E302">
        <f t="shared" si="16"/>
        <v>11.678026000000045</v>
      </c>
      <c r="F302">
        <f t="shared" si="14"/>
        <v>1.1685729782140946E-2</v>
      </c>
    </row>
    <row r="303" spans="1:6" x14ac:dyDescent="0.2">
      <c r="A303">
        <v>666.08113000000003</v>
      </c>
      <c r="B303">
        <v>19.961406</v>
      </c>
      <c r="C303">
        <v>8.7768060000000006</v>
      </c>
      <c r="D303">
        <f t="shared" si="15"/>
        <v>1.5064440000000001</v>
      </c>
      <c r="E303">
        <f t="shared" si="16"/>
        <v>12.170952000000057</v>
      </c>
      <c r="F303">
        <f t="shared" si="14"/>
        <v>1.2129542689766567E-2</v>
      </c>
    </row>
    <row r="304" spans="1:6" x14ac:dyDescent="0.2">
      <c r="A304">
        <v>666.76955699999996</v>
      </c>
      <c r="B304">
        <v>19.923589</v>
      </c>
      <c r="C304">
        <v>8.7818109999999994</v>
      </c>
      <c r="D304">
        <f t="shared" si="15"/>
        <v>1.5114489999999989</v>
      </c>
      <c r="E304">
        <f t="shared" si="16"/>
        <v>12.85937899999999</v>
      </c>
      <c r="F304">
        <f t="shared" si="14"/>
        <v>1.2760001807108647E-2</v>
      </c>
    </row>
    <row r="305" spans="1:6" x14ac:dyDescent="0.2">
      <c r="A305">
        <v>667.44912999999997</v>
      </c>
      <c r="B305">
        <v>19.942464000000001</v>
      </c>
      <c r="C305">
        <v>8.786816</v>
      </c>
      <c r="D305">
        <f t="shared" si="15"/>
        <v>1.5164539999999995</v>
      </c>
      <c r="E305">
        <f t="shared" si="16"/>
        <v>13.538951999999995</v>
      </c>
      <c r="F305">
        <f t="shared" si="14"/>
        <v>1.3376350382457214E-2</v>
      </c>
    </row>
    <row r="306" spans="1:6" x14ac:dyDescent="0.2">
      <c r="A306">
        <v>667.656387</v>
      </c>
      <c r="B306">
        <v>19.984188</v>
      </c>
      <c r="C306">
        <v>8.7918210000000006</v>
      </c>
      <c r="D306">
        <f t="shared" si="15"/>
        <v>1.5214590000000001</v>
      </c>
      <c r="E306">
        <f t="shared" si="16"/>
        <v>13.746209000000022</v>
      </c>
      <c r="F306">
        <f t="shared" si="14"/>
        <v>1.3532239676802208E-2</v>
      </c>
    </row>
    <row r="307" spans="1:6" x14ac:dyDescent="0.2">
      <c r="A307">
        <v>668.27873799999998</v>
      </c>
      <c r="B307">
        <v>19.933499999999999</v>
      </c>
      <c r="C307">
        <v>8.7968259999999994</v>
      </c>
      <c r="D307">
        <f t="shared" si="15"/>
        <v>1.5264639999999989</v>
      </c>
      <c r="E307">
        <f t="shared" si="16"/>
        <v>14.368560000000002</v>
      </c>
      <c r="F307">
        <f t="shared" si="14"/>
        <v>1.4085395166463047E-2</v>
      </c>
    </row>
    <row r="308" spans="1:6" x14ac:dyDescent="0.2">
      <c r="A308">
        <v>668.82292099999995</v>
      </c>
      <c r="B308">
        <v>19.941804999999999</v>
      </c>
      <c r="C308">
        <v>8.8018300000000007</v>
      </c>
      <c r="D308">
        <f t="shared" si="15"/>
        <v>1.5314680000000003</v>
      </c>
      <c r="E308">
        <f t="shared" si="16"/>
        <v>14.912742999999978</v>
      </c>
      <c r="F308">
        <f t="shared" si="14"/>
        <v>1.4559231733061501E-2</v>
      </c>
    </row>
    <row r="309" spans="1:6" x14ac:dyDescent="0.2">
      <c r="A309">
        <v>669.28790800000002</v>
      </c>
      <c r="B309">
        <v>19.967452999999999</v>
      </c>
      <c r="C309">
        <v>8.8068349999999995</v>
      </c>
      <c r="D309">
        <f t="shared" si="15"/>
        <v>1.5364729999999991</v>
      </c>
      <c r="E309">
        <f t="shared" si="16"/>
        <v>15.377730000000042</v>
      </c>
      <c r="F309">
        <f t="shared" si="14"/>
        <v>1.4953894753740414E-2</v>
      </c>
    </row>
    <row r="310" spans="1:6" x14ac:dyDescent="0.2">
      <c r="A310">
        <v>669.42150400000003</v>
      </c>
      <c r="B310">
        <v>19.978228000000001</v>
      </c>
      <c r="C310">
        <v>8.8118400000000001</v>
      </c>
      <c r="D310">
        <f t="shared" si="15"/>
        <v>1.5414779999999997</v>
      </c>
      <c r="E310">
        <f t="shared" si="16"/>
        <v>15.511326000000054</v>
      </c>
      <c r="F310">
        <f t="shared" si="14"/>
        <v>1.5031832764737364E-2</v>
      </c>
    </row>
    <row r="311" spans="1:6" x14ac:dyDescent="0.2">
      <c r="A311">
        <v>669.94051400000001</v>
      </c>
      <c r="B311">
        <v>19.954839</v>
      </c>
      <c r="C311">
        <v>8.8168450000000007</v>
      </c>
      <c r="D311">
        <f t="shared" si="15"/>
        <v>1.5464830000000003</v>
      </c>
      <c r="E311">
        <f t="shared" si="16"/>
        <v>16.030336000000034</v>
      </c>
      <c r="F311">
        <f t="shared" si="14"/>
        <v>1.5472526420302942E-2</v>
      </c>
    </row>
    <row r="312" spans="1:6" x14ac:dyDescent="0.2">
      <c r="A312">
        <v>670.15687700000001</v>
      </c>
      <c r="B312">
        <v>19.977495000000001</v>
      </c>
      <c r="C312">
        <v>8.8218499999999995</v>
      </c>
      <c r="D312">
        <f t="shared" si="15"/>
        <v>1.5514879999999991</v>
      </c>
      <c r="E312">
        <f t="shared" si="16"/>
        <v>16.246699000000035</v>
      </c>
      <c r="F312">
        <f t="shared" si="14"/>
        <v>1.5625727092840071E-2</v>
      </c>
    </row>
    <row r="313" spans="1:6" x14ac:dyDescent="0.2">
      <c r="A313">
        <v>670.11485000000005</v>
      </c>
      <c r="B313">
        <v>20.024025999999999</v>
      </c>
      <c r="C313">
        <v>8.8268540000000009</v>
      </c>
      <c r="D313">
        <f t="shared" si="15"/>
        <v>1.5564920000000004</v>
      </c>
      <c r="E313">
        <f t="shared" si="16"/>
        <v>16.204672000000073</v>
      </c>
      <c r="F313">
        <f t="shared" si="14"/>
        <v>1.5536175191146858E-2</v>
      </c>
    </row>
    <row r="314" spans="1:6" x14ac:dyDescent="0.2">
      <c r="A314">
        <v>669.61654399999998</v>
      </c>
      <c r="B314">
        <v>20.058636</v>
      </c>
      <c r="C314">
        <v>8.8318589999999997</v>
      </c>
      <c r="D314">
        <f t="shared" si="15"/>
        <v>1.5614969999999992</v>
      </c>
      <c r="E314">
        <f t="shared" si="16"/>
        <v>15.706366000000003</v>
      </c>
      <c r="F314">
        <f t="shared" si="14"/>
        <v>1.5021329897469462E-2</v>
      </c>
    </row>
    <row r="315" spans="1:6" x14ac:dyDescent="0.2">
      <c r="A315">
        <v>669.03233599999999</v>
      </c>
      <c r="B315">
        <v>20.036348</v>
      </c>
      <c r="C315">
        <v>8.8368640000000003</v>
      </c>
      <c r="D315">
        <f t="shared" si="15"/>
        <v>1.5665019999999998</v>
      </c>
      <c r="E315">
        <f t="shared" si="16"/>
        <v>15.122158000000013</v>
      </c>
      <c r="F315">
        <f t="shared" si="14"/>
        <v>1.4428982572271926E-2</v>
      </c>
    </row>
    <row r="316" spans="1:6" x14ac:dyDescent="0.2">
      <c r="A316">
        <v>668.57235200000002</v>
      </c>
      <c r="B316">
        <v>20.060604999999999</v>
      </c>
      <c r="C316">
        <v>8.8418690000000009</v>
      </c>
      <c r="D316">
        <f t="shared" si="15"/>
        <v>1.5715070000000004</v>
      </c>
      <c r="E316">
        <f t="shared" si="16"/>
        <v>14.66217400000005</v>
      </c>
      <c r="F316">
        <f t="shared" si="14"/>
        <v>1.395512196020848E-2</v>
      </c>
    </row>
    <row r="317" spans="1:6" x14ac:dyDescent="0.2">
      <c r="A317">
        <v>667.88476200000002</v>
      </c>
      <c r="B317">
        <v>20.062501000000001</v>
      </c>
      <c r="C317">
        <v>8.8468739999999997</v>
      </c>
      <c r="D317">
        <f t="shared" si="15"/>
        <v>1.5765119999999992</v>
      </c>
      <c r="E317">
        <f t="shared" si="16"/>
        <v>13.97458400000005</v>
      </c>
      <c r="F317">
        <f t="shared" si="14"/>
        <v>1.3272113061985216E-2</v>
      </c>
    </row>
    <row r="318" spans="1:6" x14ac:dyDescent="0.2">
      <c r="A318">
        <v>666.95479699999999</v>
      </c>
      <c r="B318">
        <v>20.101331999999999</v>
      </c>
      <c r="C318">
        <v>8.8518779999999992</v>
      </c>
      <c r="D318">
        <f t="shared" si="15"/>
        <v>1.5815159999999988</v>
      </c>
      <c r="E318">
        <f t="shared" si="16"/>
        <v>13.044619000000012</v>
      </c>
      <c r="F318">
        <f t="shared" si="14"/>
        <v>1.2366915930625321E-2</v>
      </c>
    </row>
    <row r="319" spans="1:6" x14ac:dyDescent="0.2">
      <c r="A319">
        <v>666.30158300000005</v>
      </c>
      <c r="B319">
        <v>20.036892000000002</v>
      </c>
      <c r="C319">
        <v>8.8568829999999998</v>
      </c>
      <c r="D319">
        <f t="shared" si="15"/>
        <v>1.5865209999999994</v>
      </c>
      <c r="E319">
        <f t="shared" si="16"/>
        <v>12.391405000000077</v>
      </c>
      <c r="F319">
        <f t="shared" si="14"/>
        <v>1.1722058422957407E-2</v>
      </c>
    </row>
    <row r="320" spans="1:6" x14ac:dyDescent="0.2">
      <c r="A320">
        <v>666.13254700000005</v>
      </c>
      <c r="B320">
        <v>20.009036999999999</v>
      </c>
      <c r="C320">
        <v>8.8618880000000004</v>
      </c>
      <c r="D320">
        <f t="shared" si="15"/>
        <v>1.591526</v>
      </c>
      <c r="E320">
        <f t="shared" si="16"/>
        <v>12.222369000000072</v>
      </c>
      <c r="F320">
        <f t="shared" si="14"/>
        <v>1.1528717560857445E-2</v>
      </c>
    </row>
    <row r="321" spans="1:6" x14ac:dyDescent="0.2">
      <c r="A321">
        <v>666.22900500000003</v>
      </c>
      <c r="B321">
        <v>19.990123000000001</v>
      </c>
      <c r="C321">
        <v>8.8668929999999992</v>
      </c>
      <c r="D321">
        <f t="shared" si="15"/>
        <v>1.5965309999999988</v>
      </c>
      <c r="E321">
        <f t="shared" si="16"/>
        <v>12.318827000000056</v>
      </c>
      <c r="F321">
        <f t="shared" si="14"/>
        <v>1.158159741046659E-2</v>
      </c>
    </row>
    <row r="322" spans="1:6" x14ac:dyDescent="0.2">
      <c r="A322">
        <v>665.72882000000004</v>
      </c>
      <c r="B322">
        <v>20.047712000000001</v>
      </c>
      <c r="C322">
        <v>8.8718979999999998</v>
      </c>
      <c r="D322">
        <f t="shared" si="15"/>
        <v>1.6015359999999994</v>
      </c>
      <c r="E322">
        <f t="shared" si="16"/>
        <v>11.818642000000068</v>
      </c>
      <c r="F322">
        <f t="shared" si="14"/>
        <v>1.1084944265758043E-2</v>
      </c>
    </row>
    <row r="323" spans="1:6" x14ac:dyDescent="0.2">
      <c r="A323">
        <v>665.28997000000004</v>
      </c>
      <c r="B323">
        <v>20.025862</v>
      </c>
      <c r="C323">
        <v>8.8769019999999994</v>
      </c>
      <c r="D323">
        <f t="shared" si="15"/>
        <v>1.606539999999999</v>
      </c>
      <c r="E323">
        <f t="shared" si="16"/>
        <v>11.379792000000066</v>
      </c>
      <c r="F323">
        <f t="shared" ref="F323:F386" si="17">(1/A323)*(E323/D323)</f>
        <v>1.0647111566875997E-2</v>
      </c>
    </row>
    <row r="324" spans="1:6" x14ac:dyDescent="0.2">
      <c r="A324">
        <v>665.19371000000001</v>
      </c>
      <c r="B324">
        <v>19.988855000000001</v>
      </c>
      <c r="C324">
        <v>8.881907</v>
      </c>
      <c r="D324">
        <f t="shared" si="15"/>
        <v>1.6115449999999996</v>
      </c>
      <c r="E324">
        <f t="shared" si="16"/>
        <v>11.283532000000037</v>
      </c>
      <c r="F324">
        <f t="shared" si="17"/>
        <v>1.0525784977351526E-2</v>
      </c>
    </row>
    <row r="325" spans="1:6" x14ac:dyDescent="0.2">
      <c r="A325">
        <v>665.18851800000004</v>
      </c>
      <c r="B325">
        <v>20.009705</v>
      </c>
      <c r="C325">
        <v>8.8869120000000006</v>
      </c>
      <c r="D325">
        <f t="shared" si="15"/>
        <v>1.6165500000000002</v>
      </c>
      <c r="E325">
        <f t="shared" si="16"/>
        <v>11.278340000000071</v>
      </c>
      <c r="F325">
        <f t="shared" si="17"/>
        <v>1.0488449627219716E-2</v>
      </c>
    </row>
    <row r="326" spans="1:6" x14ac:dyDescent="0.2">
      <c r="A326">
        <v>665.18032300000004</v>
      </c>
      <c r="B326">
        <v>19.991596999999999</v>
      </c>
      <c r="C326">
        <v>8.8919169999999994</v>
      </c>
      <c r="D326">
        <f t="shared" si="15"/>
        <v>1.621554999999999</v>
      </c>
      <c r="E326">
        <f t="shared" si="16"/>
        <v>11.27014500000007</v>
      </c>
      <c r="F326">
        <f t="shared" si="17"/>
        <v>1.0448607764550286E-2</v>
      </c>
    </row>
    <row r="327" spans="1:6" x14ac:dyDescent="0.2">
      <c r="A327">
        <v>665.28789099999995</v>
      </c>
      <c r="B327">
        <v>19.997771</v>
      </c>
      <c r="C327">
        <v>8.896922</v>
      </c>
      <c r="D327">
        <f t="shared" ref="D327:D390" si="18">C327-$C$2</f>
        <v>1.6265599999999996</v>
      </c>
      <c r="E327">
        <f t="shared" ref="E327:E390" si="19">A327-$A$2</f>
        <v>11.377712999999972</v>
      </c>
      <c r="F327">
        <f t="shared" si="17"/>
        <v>1.051417660967853E-2</v>
      </c>
    </row>
    <row r="328" spans="1:6" x14ac:dyDescent="0.2">
      <c r="A328">
        <v>665.51287000000002</v>
      </c>
      <c r="B328">
        <v>19.980084999999999</v>
      </c>
      <c r="C328">
        <v>8.9019259999999996</v>
      </c>
      <c r="D328">
        <f t="shared" si="18"/>
        <v>1.6315639999999991</v>
      </c>
      <c r="E328">
        <f t="shared" si="19"/>
        <v>11.602692000000047</v>
      </c>
      <c r="F328">
        <f t="shared" si="17"/>
        <v>1.0685582240310505E-2</v>
      </c>
    </row>
    <row r="329" spans="1:6" x14ac:dyDescent="0.2">
      <c r="A329">
        <v>665.75148000000002</v>
      </c>
      <c r="B329">
        <v>19.963953</v>
      </c>
      <c r="C329">
        <v>8.9069310000000002</v>
      </c>
      <c r="D329">
        <f t="shared" si="18"/>
        <v>1.6365689999999997</v>
      </c>
      <c r="E329">
        <f t="shared" si="19"/>
        <v>11.841302000000042</v>
      </c>
      <c r="F329">
        <f t="shared" si="17"/>
        <v>1.0868084249852361E-2</v>
      </c>
    </row>
    <row r="330" spans="1:6" x14ac:dyDescent="0.2">
      <c r="A330">
        <v>665.68472899999995</v>
      </c>
      <c r="B330">
        <v>20.016183000000002</v>
      </c>
      <c r="C330">
        <v>8.9119360000000007</v>
      </c>
      <c r="D330">
        <f t="shared" si="18"/>
        <v>1.6415740000000003</v>
      </c>
      <c r="E330">
        <f t="shared" si="19"/>
        <v>11.774550999999974</v>
      </c>
      <c r="F330">
        <f t="shared" si="17"/>
        <v>1.0774950804585055E-2</v>
      </c>
    </row>
    <row r="331" spans="1:6" x14ac:dyDescent="0.2">
      <c r="A331">
        <v>666.06772999999998</v>
      </c>
      <c r="B331">
        <v>19.934442000000001</v>
      </c>
      <c r="C331">
        <v>8.9169409999999996</v>
      </c>
      <c r="D331">
        <f t="shared" si="18"/>
        <v>1.6465789999999991</v>
      </c>
      <c r="E331">
        <f t="shared" si="19"/>
        <v>12.15755200000001</v>
      </c>
      <c r="F331">
        <f t="shared" si="17"/>
        <v>1.1085241789557656E-2</v>
      </c>
    </row>
    <row r="332" spans="1:6" x14ac:dyDescent="0.2">
      <c r="A332">
        <v>666.84907999999996</v>
      </c>
      <c r="B332">
        <v>19.941084</v>
      </c>
      <c r="C332">
        <v>8.9219460000000002</v>
      </c>
      <c r="D332">
        <f t="shared" si="18"/>
        <v>1.6515839999999997</v>
      </c>
      <c r="E332">
        <f t="shared" si="19"/>
        <v>12.938901999999985</v>
      </c>
      <c r="F332">
        <f t="shared" si="17"/>
        <v>1.1748142352503634E-2</v>
      </c>
    </row>
    <row r="333" spans="1:6" x14ac:dyDescent="0.2">
      <c r="A333">
        <v>667.76431100000002</v>
      </c>
      <c r="B333">
        <v>19.911943999999998</v>
      </c>
      <c r="C333">
        <v>8.9269499999999997</v>
      </c>
      <c r="D333">
        <f t="shared" si="18"/>
        <v>1.6565879999999993</v>
      </c>
      <c r="E333">
        <f t="shared" si="19"/>
        <v>13.854133000000047</v>
      </c>
      <c r="F333">
        <f t="shared" si="17"/>
        <v>1.2523959000878661E-2</v>
      </c>
    </row>
    <row r="334" spans="1:6" x14ac:dyDescent="0.2">
      <c r="A334">
        <v>668.44799999999998</v>
      </c>
      <c r="B334">
        <v>19.938283999999999</v>
      </c>
      <c r="C334">
        <v>8.9319550000000003</v>
      </c>
      <c r="D334">
        <f t="shared" si="18"/>
        <v>1.6615929999999999</v>
      </c>
      <c r="E334">
        <f t="shared" si="19"/>
        <v>14.537822000000006</v>
      </c>
      <c r="F334">
        <f t="shared" si="17"/>
        <v>1.3089017999912298E-2</v>
      </c>
    </row>
    <row r="335" spans="1:6" x14ac:dyDescent="0.2">
      <c r="A335">
        <v>668.89249900000004</v>
      </c>
      <c r="B335">
        <v>19.948222000000001</v>
      </c>
      <c r="C335">
        <v>8.9369599999999991</v>
      </c>
      <c r="D335">
        <f t="shared" si="18"/>
        <v>1.6665979999999987</v>
      </c>
      <c r="E335">
        <f t="shared" si="19"/>
        <v>14.98232100000007</v>
      </c>
      <c r="F335">
        <f t="shared" si="17"/>
        <v>1.3439772447253518E-2</v>
      </c>
    </row>
    <row r="336" spans="1:6" x14ac:dyDescent="0.2">
      <c r="A336">
        <v>669.27886999999998</v>
      </c>
      <c r="B336">
        <v>19.975992999999999</v>
      </c>
      <c r="C336">
        <v>8.9419649999999997</v>
      </c>
      <c r="D336">
        <f t="shared" si="18"/>
        <v>1.6716029999999993</v>
      </c>
      <c r="E336">
        <f t="shared" si="19"/>
        <v>15.36869200000001</v>
      </c>
      <c r="F336">
        <f t="shared" si="17"/>
        <v>1.3737150340389132E-2</v>
      </c>
    </row>
    <row r="337" spans="1:6" x14ac:dyDescent="0.2">
      <c r="A337">
        <v>669.48703399999999</v>
      </c>
      <c r="B337">
        <v>20.009392999999999</v>
      </c>
      <c r="C337">
        <v>8.9469700000000003</v>
      </c>
      <c r="D337">
        <f t="shared" si="18"/>
        <v>1.6766079999999999</v>
      </c>
      <c r="E337">
        <f t="shared" si="19"/>
        <v>15.576856000000021</v>
      </c>
      <c r="F337">
        <f t="shared" si="17"/>
        <v>1.3877335903405161E-2</v>
      </c>
    </row>
    <row r="338" spans="1:6" x14ac:dyDescent="0.2">
      <c r="A338">
        <v>669.016976</v>
      </c>
      <c r="B338">
        <v>20.046548000000001</v>
      </c>
      <c r="C338">
        <v>8.9519739999999999</v>
      </c>
      <c r="D338">
        <f t="shared" si="18"/>
        <v>1.6816119999999994</v>
      </c>
      <c r="E338">
        <f t="shared" si="19"/>
        <v>15.106798000000026</v>
      </c>
      <c r="F338">
        <f t="shared" si="17"/>
        <v>1.342794291611682E-2</v>
      </c>
    </row>
    <row r="339" spans="1:6" x14ac:dyDescent="0.2">
      <c r="A339">
        <v>668.40297499999997</v>
      </c>
      <c r="B339">
        <v>20.049029000000001</v>
      </c>
      <c r="C339">
        <v>8.9569790000000005</v>
      </c>
      <c r="D339">
        <f t="shared" si="18"/>
        <v>1.686617</v>
      </c>
      <c r="E339">
        <f t="shared" si="19"/>
        <v>14.492796999999996</v>
      </c>
      <c r="F339">
        <f t="shared" si="17"/>
        <v>1.285574831709357E-2</v>
      </c>
    </row>
    <row r="340" spans="1:6" x14ac:dyDescent="0.2">
      <c r="A340">
        <v>667.77658199999996</v>
      </c>
      <c r="B340">
        <v>20.065926999999999</v>
      </c>
      <c r="C340">
        <v>8.9619839999999993</v>
      </c>
      <c r="D340">
        <f t="shared" si="18"/>
        <v>1.6916219999999988</v>
      </c>
      <c r="E340">
        <f t="shared" si="19"/>
        <v>13.866403999999989</v>
      </c>
      <c r="F340">
        <f t="shared" si="17"/>
        <v>1.2275221564940221E-2</v>
      </c>
    </row>
    <row r="341" spans="1:6" x14ac:dyDescent="0.2">
      <c r="A341">
        <v>667.32312200000001</v>
      </c>
      <c r="B341">
        <v>20.040441000000001</v>
      </c>
      <c r="C341">
        <v>8.9669889999999999</v>
      </c>
      <c r="D341">
        <f t="shared" si="18"/>
        <v>1.6966269999999994</v>
      </c>
      <c r="E341">
        <f t="shared" si="19"/>
        <v>13.412944000000039</v>
      </c>
      <c r="F341">
        <f t="shared" si="17"/>
        <v>1.1846813849893272E-2</v>
      </c>
    </row>
    <row r="342" spans="1:6" x14ac:dyDescent="0.2">
      <c r="A342">
        <v>666.44533799999999</v>
      </c>
      <c r="B342">
        <v>20.078023000000002</v>
      </c>
      <c r="C342">
        <v>8.9719940000000005</v>
      </c>
      <c r="D342">
        <f t="shared" si="18"/>
        <v>1.701632</v>
      </c>
      <c r="E342">
        <f t="shared" si="19"/>
        <v>12.535160000000019</v>
      </c>
      <c r="F342">
        <f t="shared" si="17"/>
        <v>1.1053497143433438E-2</v>
      </c>
    </row>
    <row r="343" spans="1:6" x14ac:dyDescent="0.2">
      <c r="A343">
        <v>665.45289300000002</v>
      </c>
      <c r="B343">
        <v>20.083224999999999</v>
      </c>
      <c r="C343">
        <v>8.976998</v>
      </c>
      <c r="D343">
        <f t="shared" si="18"/>
        <v>1.7066359999999996</v>
      </c>
      <c r="E343">
        <f t="shared" si="19"/>
        <v>11.542715000000044</v>
      </c>
      <c r="F343">
        <f t="shared" si="17"/>
        <v>1.0163651209365347E-2</v>
      </c>
    </row>
    <row r="344" spans="1:6" x14ac:dyDescent="0.2">
      <c r="A344">
        <v>664.72791400000006</v>
      </c>
      <c r="B344">
        <v>20.056812000000001</v>
      </c>
      <c r="C344">
        <v>8.9820030000000006</v>
      </c>
      <c r="D344">
        <f t="shared" si="18"/>
        <v>1.7116410000000002</v>
      </c>
      <c r="E344">
        <f t="shared" si="19"/>
        <v>10.817736000000082</v>
      </c>
      <c r="F344">
        <f t="shared" si="17"/>
        <v>9.5077943854950126E-3</v>
      </c>
    </row>
    <row r="345" spans="1:6" x14ac:dyDescent="0.2">
      <c r="A345">
        <v>664.47436200000004</v>
      </c>
      <c r="B345">
        <v>20.027885999999999</v>
      </c>
      <c r="C345">
        <v>8.9870079999999994</v>
      </c>
      <c r="D345">
        <f t="shared" si="18"/>
        <v>1.716645999999999</v>
      </c>
      <c r="E345">
        <f t="shared" si="19"/>
        <v>10.564184000000068</v>
      </c>
      <c r="F345">
        <f t="shared" si="17"/>
        <v>9.2614072577780412E-3</v>
      </c>
    </row>
    <row r="346" spans="1:6" x14ac:dyDescent="0.2">
      <c r="A346">
        <v>664.46767999999997</v>
      </c>
      <c r="B346">
        <v>19.994924999999999</v>
      </c>
      <c r="C346">
        <v>8.992013</v>
      </c>
      <c r="D346">
        <f t="shared" si="18"/>
        <v>1.7216509999999996</v>
      </c>
      <c r="E346">
        <f t="shared" si="19"/>
        <v>10.557501999999999</v>
      </c>
      <c r="F346">
        <f t="shared" si="17"/>
        <v>9.2287353429702634E-3</v>
      </c>
    </row>
    <row r="347" spans="1:6" x14ac:dyDescent="0.2">
      <c r="A347">
        <v>664.12158199999999</v>
      </c>
      <c r="B347">
        <v>20.046899</v>
      </c>
      <c r="C347">
        <v>8.9970180000000006</v>
      </c>
      <c r="D347">
        <f t="shared" si="18"/>
        <v>1.7266560000000002</v>
      </c>
      <c r="E347">
        <f t="shared" si="19"/>
        <v>10.211404000000016</v>
      </c>
      <c r="F347">
        <f t="shared" si="17"/>
        <v>8.904961433344686E-3</v>
      </c>
    </row>
    <row r="348" spans="1:6" x14ac:dyDescent="0.2">
      <c r="A348">
        <v>663.21767199999999</v>
      </c>
      <c r="B348">
        <v>20.079552</v>
      </c>
      <c r="C348">
        <v>9.0020220000000002</v>
      </c>
      <c r="D348">
        <f t="shared" si="18"/>
        <v>1.7316599999999998</v>
      </c>
      <c r="E348">
        <f t="shared" si="19"/>
        <v>9.3074940000000197</v>
      </c>
      <c r="F348">
        <f t="shared" si="17"/>
        <v>8.1042727699189888E-3</v>
      </c>
    </row>
    <row r="349" spans="1:6" x14ac:dyDescent="0.2">
      <c r="A349">
        <v>662.91504999999995</v>
      </c>
      <c r="B349">
        <v>20.008680999999999</v>
      </c>
      <c r="C349">
        <v>9.0070270000000008</v>
      </c>
      <c r="D349">
        <f t="shared" si="18"/>
        <v>1.7366650000000003</v>
      </c>
      <c r="E349">
        <f t="shared" si="19"/>
        <v>9.0048719999999776</v>
      </c>
      <c r="F349">
        <f t="shared" si="17"/>
        <v>7.8217442809686618E-3</v>
      </c>
    </row>
    <row r="350" spans="1:6" x14ac:dyDescent="0.2">
      <c r="A350">
        <v>662.98422000000005</v>
      </c>
      <c r="B350">
        <v>19.977146000000001</v>
      </c>
      <c r="C350">
        <v>9.0120319999999996</v>
      </c>
      <c r="D350">
        <f t="shared" si="18"/>
        <v>1.7416699999999992</v>
      </c>
      <c r="E350">
        <f t="shared" si="19"/>
        <v>9.0740420000000768</v>
      </c>
      <c r="F350">
        <f t="shared" si="17"/>
        <v>7.8583564126387014E-3</v>
      </c>
    </row>
    <row r="351" spans="1:6" x14ac:dyDescent="0.2">
      <c r="A351">
        <v>663.58706400000005</v>
      </c>
      <c r="B351">
        <v>19.951654999999999</v>
      </c>
      <c r="C351">
        <v>9.0170370000000002</v>
      </c>
      <c r="D351">
        <f t="shared" si="18"/>
        <v>1.7466749999999998</v>
      </c>
      <c r="E351">
        <f t="shared" si="19"/>
        <v>9.6768860000000814</v>
      </c>
      <c r="F351">
        <f t="shared" si="17"/>
        <v>8.3488298323158502E-3</v>
      </c>
    </row>
    <row r="352" spans="1:6" x14ac:dyDescent="0.2">
      <c r="A352">
        <v>664.394993</v>
      </c>
      <c r="B352">
        <v>19.919737999999999</v>
      </c>
      <c r="C352">
        <v>9.0220420000000008</v>
      </c>
      <c r="D352">
        <f t="shared" si="18"/>
        <v>1.7516800000000003</v>
      </c>
      <c r="E352">
        <f t="shared" si="19"/>
        <v>10.484815000000026</v>
      </c>
      <c r="F352">
        <f t="shared" si="17"/>
        <v>9.0090635338480104E-3</v>
      </c>
    </row>
    <row r="353" spans="1:6" x14ac:dyDescent="0.2">
      <c r="A353">
        <v>665.00285299999996</v>
      </c>
      <c r="B353">
        <v>19.935759999999998</v>
      </c>
      <c r="C353">
        <v>9.0270460000000003</v>
      </c>
      <c r="D353">
        <f t="shared" si="18"/>
        <v>1.7566839999999999</v>
      </c>
      <c r="E353">
        <f t="shared" si="19"/>
        <v>11.092674999999986</v>
      </c>
      <c r="F353">
        <f t="shared" si="17"/>
        <v>9.4955283488632209E-3</v>
      </c>
    </row>
    <row r="354" spans="1:6" x14ac:dyDescent="0.2">
      <c r="A354">
        <v>665.69773699999996</v>
      </c>
      <c r="B354">
        <v>19.933765000000001</v>
      </c>
      <c r="C354">
        <v>9.0320509999999992</v>
      </c>
      <c r="D354">
        <f t="shared" si="18"/>
        <v>1.7616889999999987</v>
      </c>
      <c r="E354">
        <f t="shared" si="19"/>
        <v>11.787558999999987</v>
      </c>
      <c r="F354">
        <f t="shared" si="17"/>
        <v>1.0051191705099303E-2</v>
      </c>
    </row>
    <row r="355" spans="1:6" x14ac:dyDescent="0.2">
      <c r="A355">
        <v>666.60452499999997</v>
      </c>
      <c r="B355">
        <v>19.914643999999999</v>
      </c>
      <c r="C355">
        <v>9.0370559999999998</v>
      </c>
      <c r="D355">
        <f t="shared" si="18"/>
        <v>1.7666939999999993</v>
      </c>
      <c r="E355">
        <f t="shared" si="19"/>
        <v>12.694346999999993</v>
      </c>
      <c r="F355">
        <f t="shared" si="17"/>
        <v>1.0779057139034045E-2</v>
      </c>
    </row>
    <row r="356" spans="1:6" x14ac:dyDescent="0.2">
      <c r="A356">
        <v>667.29051000000004</v>
      </c>
      <c r="B356">
        <v>19.928350999999999</v>
      </c>
      <c r="C356">
        <v>9.0420610000000003</v>
      </c>
      <c r="D356">
        <f t="shared" si="18"/>
        <v>1.7716989999999999</v>
      </c>
      <c r="E356">
        <f t="shared" si="19"/>
        <v>13.380332000000067</v>
      </c>
      <c r="F356">
        <f t="shared" si="17"/>
        <v>1.1317799631237182E-2</v>
      </c>
    </row>
    <row r="357" spans="1:6" x14ac:dyDescent="0.2">
      <c r="A357">
        <v>667.93102499999998</v>
      </c>
      <c r="B357">
        <v>19.936436</v>
      </c>
      <c r="C357">
        <v>9.0470659999999992</v>
      </c>
      <c r="D357">
        <f t="shared" si="18"/>
        <v>1.7767039999999987</v>
      </c>
      <c r="E357">
        <f t="shared" si="19"/>
        <v>14.020847000000003</v>
      </c>
      <c r="F357">
        <f t="shared" si="17"/>
        <v>1.1814832076726981E-2</v>
      </c>
    </row>
    <row r="358" spans="1:6" x14ac:dyDescent="0.2">
      <c r="A358">
        <v>668.51393499999995</v>
      </c>
      <c r="B358">
        <v>19.969601999999998</v>
      </c>
      <c r="C358">
        <v>9.0520700000000005</v>
      </c>
      <c r="D358">
        <f t="shared" si="18"/>
        <v>1.7817080000000001</v>
      </c>
      <c r="E358">
        <f t="shared" si="19"/>
        <v>14.603756999999973</v>
      </c>
      <c r="F358">
        <f t="shared" si="17"/>
        <v>1.2260765986555552E-2</v>
      </c>
    </row>
    <row r="359" spans="1:6" x14ac:dyDescent="0.2">
      <c r="A359">
        <v>668.79709000000003</v>
      </c>
      <c r="B359">
        <v>19.974260999999998</v>
      </c>
      <c r="C359">
        <v>9.0570749999999993</v>
      </c>
      <c r="D359">
        <f t="shared" si="18"/>
        <v>1.7867129999999989</v>
      </c>
      <c r="E359">
        <f t="shared" si="19"/>
        <v>14.886912000000052</v>
      </c>
      <c r="F359">
        <f t="shared" si="17"/>
        <v>1.2458204315757001E-2</v>
      </c>
    </row>
    <row r="360" spans="1:6" x14ac:dyDescent="0.2">
      <c r="A360">
        <v>669.01095299999997</v>
      </c>
      <c r="B360">
        <v>19.973036</v>
      </c>
      <c r="C360">
        <v>9.0620799999999999</v>
      </c>
      <c r="D360">
        <f t="shared" si="18"/>
        <v>1.7917179999999995</v>
      </c>
      <c r="E360">
        <f t="shared" si="19"/>
        <v>15.100774999999999</v>
      </c>
      <c r="F360">
        <f t="shared" si="17"/>
        <v>1.2597847647008834E-2</v>
      </c>
    </row>
    <row r="361" spans="1:6" x14ac:dyDescent="0.2">
      <c r="A361">
        <v>669.34100699999999</v>
      </c>
      <c r="B361">
        <v>19.962637000000001</v>
      </c>
      <c r="C361">
        <v>9.0670850000000005</v>
      </c>
      <c r="D361">
        <f t="shared" si="18"/>
        <v>1.7967230000000001</v>
      </c>
      <c r="E361">
        <f t="shared" si="19"/>
        <v>15.430829000000017</v>
      </c>
      <c r="F361">
        <f t="shared" si="17"/>
        <v>1.2831005718361019E-2</v>
      </c>
    </row>
    <row r="362" spans="1:6" x14ac:dyDescent="0.2">
      <c r="A362">
        <v>669.16018999999994</v>
      </c>
      <c r="B362">
        <v>20.039732000000001</v>
      </c>
      <c r="C362">
        <v>9.0720899999999993</v>
      </c>
      <c r="D362">
        <f t="shared" si="18"/>
        <v>1.8017279999999989</v>
      </c>
      <c r="E362">
        <f t="shared" si="19"/>
        <v>15.25001199999997</v>
      </c>
      <c r="F362">
        <f t="shared" si="17"/>
        <v>1.2648844740260463E-2</v>
      </c>
    </row>
    <row r="363" spans="1:6" x14ac:dyDescent="0.2">
      <c r="A363">
        <v>668.82326899999998</v>
      </c>
      <c r="B363">
        <v>20.043555999999999</v>
      </c>
      <c r="C363">
        <v>9.0770940000000007</v>
      </c>
      <c r="D363">
        <f t="shared" si="18"/>
        <v>1.8067320000000002</v>
      </c>
      <c r="E363">
        <f t="shared" si="19"/>
        <v>14.913091000000009</v>
      </c>
      <c r="F363">
        <f t="shared" si="17"/>
        <v>1.2341346817951199E-2</v>
      </c>
    </row>
    <row r="364" spans="1:6" x14ac:dyDescent="0.2">
      <c r="A364">
        <v>668.31519500000002</v>
      </c>
      <c r="B364">
        <v>20.027744999999999</v>
      </c>
      <c r="C364">
        <v>9.0820989999999995</v>
      </c>
      <c r="D364">
        <f t="shared" si="18"/>
        <v>1.811736999999999</v>
      </c>
      <c r="E364">
        <f t="shared" si="19"/>
        <v>14.405017000000043</v>
      </c>
      <c r="F364">
        <f t="shared" si="17"/>
        <v>1.1896995187870721E-2</v>
      </c>
    </row>
    <row r="365" spans="1:6" x14ac:dyDescent="0.2">
      <c r="A365">
        <v>667.44902300000001</v>
      </c>
      <c r="B365">
        <v>20.087060999999999</v>
      </c>
      <c r="C365">
        <v>9.0871040000000001</v>
      </c>
      <c r="D365">
        <f t="shared" si="18"/>
        <v>1.8167419999999996</v>
      </c>
      <c r="E365">
        <f t="shared" si="19"/>
        <v>13.538845000000038</v>
      </c>
      <c r="F365">
        <f t="shared" si="17"/>
        <v>1.1165296438831537E-2</v>
      </c>
    </row>
    <row r="366" spans="1:6" x14ac:dyDescent="0.2">
      <c r="A366">
        <v>666.38524099999995</v>
      </c>
      <c r="B366">
        <v>20.116188999999999</v>
      </c>
      <c r="C366">
        <v>9.0921090000000007</v>
      </c>
      <c r="D366">
        <f t="shared" si="18"/>
        <v>1.8217470000000002</v>
      </c>
      <c r="E366">
        <f t="shared" si="19"/>
        <v>12.475062999999977</v>
      </c>
      <c r="F366">
        <f t="shared" si="17"/>
        <v>1.0276123491672E-2</v>
      </c>
    </row>
    <row r="367" spans="1:6" x14ac:dyDescent="0.2">
      <c r="A367">
        <v>665.45419700000002</v>
      </c>
      <c r="B367">
        <v>20.074933999999999</v>
      </c>
      <c r="C367">
        <v>9.0971139999999995</v>
      </c>
      <c r="D367">
        <f t="shared" si="18"/>
        <v>1.826751999999999</v>
      </c>
      <c r="E367">
        <f t="shared" si="19"/>
        <v>11.544019000000048</v>
      </c>
      <c r="F367">
        <f t="shared" si="17"/>
        <v>9.4964059813806723E-3</v>
      </c>
    </row>
    <row r="368" spans="1:6" x14ac:dyDescent="0.2">
      <c r="A368">
        <v>664.64000399999998</v>
      </c>
      <c r="B368">
        <v>20.056419999999999</v>
      </c>
      <c r="C368">
        <v>9.1021180000000008</v>
      </c>
      <c r="D368">
        <f t="shared" si="18"/>
        <v>1.8317560000000004</v>
      </c>
      <c r="E368">
        <f t="shared" si="19"/>
        <v>10.729826000000003</v>
      </c>
      <c r="F368">
        <f t="shared" si="17"/>
        <v>8.8133005182423584E-3</v>
      </c>
    </row>
    <row r="369" spans="1:6" x14ac:dyDescent="0.2">
      <c r="A369">
        <v>663.916741</v>
      </c>
      <c r="B369">
        <v>20.072085000000001</v>
      </c>
      <c r="C369">
        <v>9.1071229999999996</v>
      </c>
      <c r="D369">
        <f t="shared" si="18"/>
        <v>1.8367609999999992</v>
      </c>
      <c r="E369">
        <f t="shared" si="19"/>
        <v>10.006563000000028</v>
      </c>
      <c r="F369">
        <f t="shared" si="17"/>
        <v>8.2057572437861607E-3</v>
      </c>
    </row>
    <row r="370" spans="1:6" x14ac:dyDescent="0.2">
      <c r="A370">
        <v>663.206909</v>
      </c>
      <c r="B370">
        <v>20.070553</v>
      </c>
      <c r="C370">
        <v>9.1121280000000002</v>
      </c>
      <c r="D370">
        <f t="shared" si="18"/>
        <v>1.8417659999999998</v>
      </c>
      <c r="E370">
        <f t="shared" si="19"/>
        <v>9.2967310000000225</v>
      </c>
      <c r="F370">
        <f t="shared" si="17"/>
        <v>7.6110884960148761E-3</v>
      </c>
    </row>
    <row r="371" spans="1:6" x14ac:dyDescent="0.2">
      <c r="A371">
        <v>662.59065399999997</v>
      </c>
      <c r="B371">
        <v>20.049265999999999</v>
      </c>
      <c r="C371">
        <v>9.1171330000000008</v>
      </c>
      <c r="D371">
        <f t="shared" si="18"/>
        <v>1.8467710000000004</v>
      </c>
      <c r="E371">
        <f t="shared" si="19"/>
        <v>8.6804759999999987</v>
      </c>
      <c r="F371">
        <f t="shared" si="17"/>
        <v>7.0939020686686914E-3</v>
      </c>
    </row>
    <row r="372" spans="1:6" x14ac:dyDescent="0.2">
      <c r="A372">
        <v>662.55926799999997</v>
      </c>
      <c r="B372">
        <v>19.993942000000001</v>
      </c>
      <c r="C372">
        <v>9.1221379999999996</v>
      </c>
      <c r="D372">
        <f t="shared" si="18"/>
        <v>1.8517759999999992</v>
      </c>
      <c r="E372">
        <f t="shared" si="19"/>
        <v>8.6490900000000011</v>
      </c>
      <c r="F372">
        <f t="shared" si="17"/>
        <v>7.0494824198405037E-3</v>
      </c>
    </row>
    <row r="373" spans="1:6" x14ac:dyDescent="0.2">
      <c r="A373">
        <v>663.321416</v>
      </c>
      <c r="B373">
        <v>19.904059</v>
      </c>
      <c r="C373">
        <v>9.1271419999999992</v>
      </c>
      <c r="D373">
        <f t="shared" si="18"/>
        <v>1.8567799999999988</v>
      </c>
      <c r="E373">
        <f t="shared" si="19"/>
        <v>9.4112380000000257</v>
      </c>
      <c r="F373">
        <f t="shared" si="17"/>
        <v>7.6412126800146302E-3</v>
      </c>
    </row>
    <row r="374" spans="1:6" x14ac:dyDescent="0.2">
      <c r="A374">
        <v>664.01268400000004</v>
      </c>
      <c r="B374">
        <v>19.950513000000001</v>
      </c>
      <c r="C374">
        <v>9.1321469999999998</v>
      </c>
      <c r="D374">
        <f t="shared" si="18"/>
        <v>1.8617849999999994</v>
      </c>
      <c r="E374">
        <f t="shared" si="19"/>
        <v>10.102506000000062</v>
      </c>
      <c r="F374">
        <f t="shared" si="17"/>
        <v>8.1719032216802431E-3</v>
      </c>
    </row>
    <row r="375" spans="1:6" x14ac:dyDescent="0.2">
      <c r="A375">
        <v>664.26199799999995</v>
      </c>
      <c r="B375">
        <v>19.964738000000001</v>
      </c>
      <c r="C375">
        <v>9.1371520000000004</v>
      </c>
      <c r="D375">
        <f t="shared" si="18"/>
        <v>1.8667899999999999</v>
      </c>
      <c r="E375">
        <f t="shared" si="19"/>
        <v>10.351819999999975</v>
      </c>
      <c r="F375">
        <f t="shared" si="17"/>
        <v>8.3479884309987876E-3</v>
      </c>
    </row>
    <row r="376" spans="1:6" x14ac:dyDescent="0.2">
      <c r="A376">
        <v>665.23973899999999</v>
      </c>
      <c r="B376">
        <v>19.898250000000001</v>
      </c>
      <c r="C376">
        <v>9.1421569999999992</v>
      </c>
      <c r="D376">
        <f t="shared" si="18"/>
        <v>1.8717949999999988</v>
      </c>
      <c r="E376">
        <f t="shared" si="19"/>
        <v>11.329561000000012</v>
      </c>
      <c r="F376">
        <f t="shared" si="17"/>
        <v>9.0986427823874869E-3</v>
      </c>
    </row>
    <row r="377" spans="1:6" x14ac:dyDescent="0.2">
      <c r="A377">
        <v>666.73934999999994</v>
      </c>
      <c r="B377">
        <v>19.853687999999998</v>
      </c>
      <c r="C377">
        <v>9.1471619999999998</v>
      </c>
      <c r="D377">
        <f t="shared" si="18"/>
        <v>1.8767999999999994</v>
      </c>
      <c r="E377">
        <f t="shared" si="19"/>
        <v>12.829171999999971</v>
      </c>
      <c r="F377">
        <f t="shared" si="17"/>
        <v>1.0252376480178528E-2</v>
      </c>
    </row>
    <row r="378" spans="1:6" x14ac:dyDescent="0.2">
      <c r="A378">
        <v>668.04420400000004</v>
      </c>
      <c r="B378">
        <v>19.878563</v>
      </c>
      <c r="C378">
        <v>9.1521659999999994</v>
      </c>
      <c r="D378">
        <f t="shared" si="18"/>
        <v>1.8818039999999989</v>
      </c>
      <c r="E378">
        <f t="shared" si="19"/>
        <v>14.134026000000063</v>
      </c>
      <c r="F378">
        <f t="shared" si="17"/>
        <v>1.1243105817418534E-2</v>
      </c>
    </row>
    <row r="379" spans="1:6" x14ac:dyDescent="0.2">
      <c r="A379">
        <v>668.86154399999998</v>
      </c>
      <c r="B379">
        <v>19.92174</v>
      </c>
      <c r="C379">
        <v>9.1571709999999999</v>
      </c>
      <c r="D379">
        <f t="shared" si="18"/>
        <v>1.8868089999999995</v>
      </c>
      <c r="E379">
        <f t="shared" si="19"/>
        <v>14.951366000000007</v>
      </c>
      <c r="F379">
        <f t="shared" si="17"/>
        <v>1.1847226913026369E-2</v>
      </c>
    </row>
    <row r="380" spans="1:6" x14ac:dyDescent="0.2">
      <c r="A380">
        <v>669.79883199999995</v>
      </c>
      <c r="B380">
        <v>19.910450000000001</v>
      </c>
      <c r="C380">
        <v>9.1621760000000005</v>
      </c>
      <c r="D380">
        <f t="shared" si="18"/>
        <v>1.8918140000000001</v>
      </c>
      <c r="E380">
        <f t="shared" si="19"/>
        <v>15.888653999999974</v>
      </c>
      <c r="F380">
        <f t="shared" si="17"/>
        <v>1.2539039970482372E-2</v>
      </c>
    </row>
    <row r="381" spans="1:6" x14ac:dyDescent="0.2">
      <c r="A381">
        <v>671.18747199999996</v>
      </c>
      <c r="B381">
        <v>19.874047000000001</v>
      </c>
      <c r="C381">
        <v>9.1671809999999994</v>
      </c>
      <c r="D381">
        <f t="shared" si="18"/>
        <v>1.8968189999999989</v>
      </c>
      <c r="E381">
        <f t="shared" si="19"/>
        <v>17.277293999999983</v>
      </c>
      <c r="F381">
        <f t="shared" si="17"/>
        <v>1.3570816891576003E-2</v>
      </c>
    </row>
    <row r="382" spans="1:6" x14ac:dyDescent="0.2">
      <c r="A382">
        <v>672.22950200000002</v>
      </c>
      <c r="B382">
        <v>19.924458000000001</v>
      </c>
      <c r="C382">
        <v>9.172186</v>
      </c>
      <c r="D382">
        <f t="shared" si="18"/>
        <v>1.9018239999999995</v>
      </c>
      <c r="E382">
        <f t="shared" si="19"/>
        <v>18.319324000000051</v>
      </c>
      <c r="F382">
        <f t="shared" si="17"/>
        <v>1.4329187045265378E-2</v>
      </c>
    </row>
    <row r="383" spans="1:6" x14ac:dyDescent="0.2">
      <c r="A383">
        <v>672.30753000000004</v>
      </c>
      <c r="B383">
        <v>20.011941</v>
      </c>
      <c r="C383">
        <v>9.1771899999999995</v>
      </c>
      <c r="D383">
        <f t="shared" si="18"/>
        <v>1.9068279999999991</v>
      </c>
      <c r="E383">
        <f t="shared" si="19"/>
        <v>18.397352000000069</v>
      </c>
      <c r="F383">
        <f t="shared" si="17"/>
        <v>1.4350790415372509E-2</v>
      </c>
    </row>
    <row r="384" spans="1:6" x14ac:dyDescent="0.2">
      <c r="A384">
        <v>671.76393800000005</v>
      </c>
      <c r="B384">
        <v>20.046178000000001</v>
      </c>
      <c r="C384">
        <v>9.1821950000000001</v>
      </c>
      <c r="D384">
        <f t="shared" si="18"/>
        <v>1.9118329999999997</v>
      </c>
      <c r="E384">
        <f t="shared" si="19"/>
        <v>17.853760000000079</v>
      </c>
      <c r="F384">
        <f t="shared" si="17"/>
        <v>1.3901544450263164E-2</v>
      </c>
    </row>
    <row r="385" spans="1:6" x14ac:dyDescent="0.2">
      <c r="A385">
        <v>671.47271699999999</v>
      </c>
      <c r="B385">
        <v>20.022369000000001</v>
      </c>
      <c r="C385">
        <v>9.1872000000000007</v>
      </c>
      <c r="D385">
        <f t="shared" si="18"/>
        <v>1.9168380000000003</v>
      </c>
      <c r="E385">
        <f t="shared" si="19"/>
        <v>17.562539000000015</v>
      </c>
      <c r="F385">
        <f t="shared" si="17"/>
        <v>1.3644999370947548E-2</v>
      </c>
    </row>
    <row r="386" spans="1:6" x14ac:dyDescent="0.2">
      <c r="A386">
        <v>671.30131500000005</v>
      </c>
      <c r="B386">
        <v>20.015556</v>
      </c>
      <c r="C386">
        <v>9.1922049999999995</v>
      </c>
      <c r="D386">
        <f t="shared" si="18"/>
        <v>1.9218429999999991</v>
      </c>
      <c r="E386">
        <f t="shared" si="19"/>
        <v>17.391137000000072</v>
      </c>
      <c r="F386">
        <f t="shared" si="17"/>
        <v>1.3480083183103869E-2</v>
      </c>
    </row>
    <row r="387" spans="1:6" x14ac:dyDescent="0.2">
      <c r="A387">
        <v>670.504638</v>
      </c>
      <c r="B387">
        <v>20.078569999999999</v>
      </c>
      <c r="C387">
        <v>9.1972100000000001</v>
      </c>
      <c r="D387">
        <f t="shared" si="18"/>
        <v>1.9268479999999997</v>
      </c>
      <c r="E387">
        <f t="shared" si="19"/>
        <v>16.594460000000026</v>
      </c>
      <c r="F387">
        <f t="shared" ref="F387:F401" si="20">(1/A387)*(E387/D387)</f>
        <v>1.2844401770681744E-2</v>
      </c>
    </row>
    <row r="388" spans="1:6" x14ac:dyDescent="0.2">
      <c r="A388">
        <v>669.14541799999995</v>
      </c>
      <c r="B388">
        <v>20.164684000000001</v>
      </c>
      <c r="C388">
        <v>9.2022139999999997</v>
      </c>
      <c r="D388">
        <f t="shared" si="18"/>
        <v>1.9318519999999992</v>
      </c>
      <c r="E388">
        <f t="shared" si="19"/>
        <v>15.235239999999976</v>
      </c>
      <c r="F388">
        <f t="shared" si="20"/>
        <v>1.1785687993974673E-2</v>
      </c>
    </row>
    <row r="389" spans="1:6" x14ac:dyDescent="0.2">
      <c r="A389">
        <v>667.53777200000002</v>
      </c>
      <c r="B389">
        <v>20.12867</v>
      </c>
      <c r="C389">
        <v>9.2072190000000003</v>
      </c>
      <c r="D389">
        <f t="shared" si="18"/>
        <v>1.9368569999999998</v>
      </c>
      <c r="E389">
        <f t="shared" si="19"/>
        <v>13.627594000000045</v>
      </c>
      <c r="F389">
        <f t="shared" si="20"/>
        <v>1.0540125547775994E-2</v>
      </c>
    </row>
    <row r="390" spans="1:6" x14ac:dyDescent="0.2">
      <c r="A390">
        <v>666.73051499999997</v>
      </c>
      <c r="B390">
        <v>20.052855999999998</v>
      </c>
      <c r="C390">
        <v>9.2122240000000009</v>
      </c>
      <c r="D390">
        <f t="shared" si="18"/>
        <v>1.9418620000000004</v>
      </c>
      <c r="E390">
        <f t="shared" si="19"/>
        <v>12.820336999999995</v>
      </c>
      <c r="F390">
        <f t="shared" si="20"/>
        <v>9.9021783848617685E-3</v>
      </c>
    </row>
    <row r="391" spans="1:6" x14ac:dyDescent="0.2">
      <c r="A391">
        <v>666.35893299999998</v>
      </c>
      <c r="B391">
        <v>20.039567999999999</v>
      </c>
      <c r="C391">
        <v>9.2172289999999997</v>
      </c>
      <c r="D391">
        <f t="shared" ref="D391:D401" si="21">C391-$C$2</f>
        <v>1.9468669999999992</v>
      </c>
      <c r="E391">
        <f t="shared" ref="E391:E401" si="22">A391-$A$2</f>
        <v>12.448755000000006</v>
      </c>
      <c r="F391">
        <f t="shared" si="20"/>
        <v>9.5958049563293988E-3</v>
      </c>
    </row>
    <row r="392" spans="1:6" x14ac:dyDescent="0.2">
      <c r="A392">
        <v>665.43975399999999</v>
      </c>
      <c r="B392">
        <v>20.096060000000001</v>
      </c>
      <c r="C392">
        <v>9.2222340000000003</v>
      </c>
      <c r="D392">
        <f t="shared" si="21"/>
        <v>1.9518719999999998</v>
      </c>
      <c r="E392">
        <f t="shared" si="22"/>
        <v>11.52957600000002</v>
      </c>
      <c r="F392">
        <f t="shared" si="20"/>
        <v>8.8767351007979622E-3</v>
      </c>
    </row>
    <row r="393" spans="1:6" x14ac:dyDescent="0.2">
      <c r="A393">
        <v>664.58625199999994</v>
      </c>
      <c r="B393">
        <v>20.049182999999999</v>
      </c>
      <c r="C393">
        <v>9.2272379999999998</v>
      </c>
      <c r="D393">
        <f t="shared" si="21"/>
        <v>1.9568759999999994</v>
      </c>
      <c r="E393">
        <f t="shared" si="22"/>
        <v>10.676073999999971</v>
      </c>
      <c r="F393">
        <f t="shared" si="20"/>
        <v>8.2091258849333153E-3</v>
      </c>
    </row>
    <row r="394" spans="1:6" x14ac:dyDescent="0.2">
      <c r="A394">
        <v>664.55899599999998</v>
      </c>
      <c r="B394">
        <v>19.995778000000001</v>
      </c>
      <c r="C394">
        <v>9.2322430000000004</v>
      </c>
      <c r="D394">
        <f t="shared" si="21"/>
        <v>1.961881</v>
      </c>
      <c r="E394">
        <f t="shared" si="22"/>
        <v>10.648818000000006</v>
      </c>
      <c r="F394">
        <f t="shared" si="20"/>
        <v>8.1676139448174766E-3</v>
      </c>
    </row>
    <row r="395" spans="1:6" x14ac:dyDescent="0.2">
      <c r="A395">
        <v>664.64740400000005</v>
      </c>
      <c r="B395">
        <v>19.987404999999999</v>
      </c>
      <c r="C395">
        <v>9.2372479999999992</v>
      </c>
      <c r="D395">
        <f t="shared" si="21"/>
        <v>1.9668859999999988</v>
      </c>
      <c r="E395">
        <f t="shared" si="22"/>
        <v>10.737226000000078</v>
      </c>
      <c r="F395">
        <f t="shared" si="20"/>
        <v>8.2133738743300592E-3</v>
      </c>
    </row>
    <row r="396" spans="1:6" x14ac:dyDescent="0.2">
      <c r="A396">
        <v>664.563669</v>
      </c>
      <c r="B396">
        <v>20.000629</v>
      </c>
      <c r="C396">
        <v>9.2422529999999998</v>
      </c>
      <c r="D396">
        <f t="shared" si="21"/>
        <v>1.9718909999999994</v>
      </c>
      <c r="E396">
        <f t="shared" si="22"/>
        <v>10.653491000000031</v>
      </c>
      <c r="F396">
        <f t="shared" si="20"/>
        <v>8.1296611324972942E-3</v>
      </c>
    </row>
    <row r="397" spans="1:6" x14ac:dyDescent="0.2">
      <c r="A397">
        <v>664.54652799999997</v>
      </c>
      <c r="B397">
        <v>20.016386000000001</v>
      </c>
      <c r="C397">
        <v>9.2472580000000004</v>
      </c>
      <c r="D397">
        <f t="shared" si="21"/>
        <v>1.976896</v>
      </c>
      <c r="E397">
        <f t="shared" si="22"/>
        <v>10.636349999999993</v>
      </c>
      <c r="F397">
        <f t="shared" si="20"/>
        <v>8.0962405622151089E-3</v>
      </c>
    </row>
    <row r="398" spans="1:6" x14ac:dyDescent="0.2">
      <c r="A398">
        <v>664.79900899999996</v>
      </c>
      <c r="B398">
        <v>19.945637000000001</v>
      </c>
      <c r="C398">
        <v>9.252262</v>
      </c>
      <c r="D398">
        <f t="shared" si="21"/>
        <v>1.9818999999999996</v>
      </c>
      <c r="E398">
        <f t="shared" si="22"/>
        <v>10.888830999999982</v>
      </c>
      <c r="F398">
        <f t="shared" si="20"/>
        <v>8.2643586550036341E-3</v>
      </c>
    </row>
    <row r="399" spans="1:6" x14ac:dyDescent="0.2">
      <c r="A399">
        <v>665.50754099999995</v>
      </c>
      <c r="B399">
        <v>19.938521999999999</v>
      </c>
      <c r="C399">
        <v>9.2572670000000006</v>
      </c>
      <c r="D399">
        <f t="shared" si="21"/>
        <v>1.9869050000000001</v>
      </c>
      <c r="E399">
        <f t="shared" si="22"/>
        <v>11.597362999999973</v>
      </c>
      <c r="F399">
        <f t="shared" si="20"/>
        <v>8.7705972268482483E-3</v>
      </c>
    </row>
    <row r="400" spans="1:6" x14ac:dyDescent="0.2">
      <c r="A400">
        <v>666.09874000000002</v>
      </c>
      <c r="B400">
        <v>19.943930000000002</v>
      </c>
      <c r="C400">
        <v>9.2622719999999994</v>
      </c>
      <c r="D400">
        <f t="shared" si="21"/>
        <v>1.991909999999999</v>
      </c>
      <c r="E400">
        <f t="shared" si="22"/>
        <v>12.188562000000047</v>
      </c>
      <c r="F400">
        <f t="shared" si="20"/>
        <v>9.1863745101928053E-3</v>
      </c>
    </row>
    <row r="401" spans="1:7" x14ac:dyDescent="0.2">
      <c r="A401">
        <v>666.81404899999995</v>
      </c>
      <c r="B401">
        <v>19.923856000000001</v>
      </c>
      <c r="C401">
        <v>9.267277</v>
      </c>
      <c r="D401">
        <f t="shared" si="21"/>
        <v>1.9969149999999996</v>
      </c>
      <c r="E401">
        <f t="shared" si="22"/>
        <v>12.903870999999981</v>
      </c>
      <c r="F401">
        <f t="shared" si="20"/>
        <v>9.6907121183868496E-3</v>
      </c>
    </row>
    <row r="402" spans="1:7" ht="15" x14ac:dyDescent="0.25">
      <c r="A402">
        <f>MAX(A2:A401)</f>
        <v>674.32620999999995</v>
      </c>
      <c r="B402" s="3" t="s">
        <v>16</v>
      </c>
    </row>
    <row r="403" spans="1:7" ht="15" x14ac:dyDescent="0.25">
      <c r="A403">
        <f>MIN(A2:A401)</f>
        <v>653.91017799999997</v>
      </c>
      <c r="B403" s="3" t="s">
        <v>17</v>
      </c>
    </row>
    <row r="405" spans="1:7" x14ac:dyDescent="0.2">
      <c r="A405" t="s">
        <v>20</v>
      </c>
      <c r="C405" s="14">
        <f>E401/A403</f>
        <v>1.9733399837064444E-2</v>
      </c>
    </row>
    <row r="408" spans="1:7" s="1" customFormat="1" x14ac:dyDescent="0.2">
      <c r="A408"/>
      <c r="B408"/>
      <c r="C408"/>
      <c r="D408"/>
      <c r="E408"/>
      <c r="F408"/>
      <c r="G408"/>
    </row>
    <row r="409" spans="1:7" s="1" customFormat="1" x14ac:dyDescent="0.2">
      <c r="A409"/>
      <c r="B409"/>
      <c r="C409"/>
      <c r="D409"/>
      <c r="E409"/>
      <c r="F409"/>
      <c r="G409"/>
    </row>
    <row r="410" spans="1:7" s="1" customFormat="1" x14ac:dyDescent="0.2">
      <c r="A410"/>
      <c r="B410"/>
      <c r="C410"/>
      <c r="D410"/>
      <c r="E410"/>
      <c r="F410"/>
      <c r="G410"/>
    </row>
    <row r="411" spans="1:7" x14ac:dyDescent="0.2">
      <c r="A411" s="1"/>
      <c r="B411" s="1"/>
      <c r="C411" s="1"/>
    </row>
    <row r="412" spans="1:7" x14ac:dyDescent="0.2">
      <c r="A412" s="1"/>
      <c r="B412" s="1"/>
      <c r="C412" s="1"/>
    </row>
    <row r="413" spans="1:7" s="1" customFormat="1" x14ac:dyDescent="0.2">
      <c r="D413"/>
      <c r="E413"/>
      <c r="F413"/>
      <c r="G413"/>
    </row>
    <row r="414" spans="1:7" s="1" customFormat="1" x14ac:dyDescent="0.2">
      <c r="D414"/>
      <c r="E414"/>
      <c r="F414"/>
      <c r="G414"/>
    </row>
    <row r="415" spans="1:7" x14ac:dyDescent="0.2">
      <c r="A415" s="1"/>
      <c r="B415" s="1"/>
      <c r="C415" s="1"/>
    </row>
    <row r="416" spans="1:7" x14ac:dyDescent="0.2">
      <c r="A416" s="1"/>
      <c r="B416" s="1"/>
      <c r="C416" s="1"/>
    </row>
    <row r="417" spans="1:3" x14ac:dyDescent="0.2">
      <c r="A417" s="1"/>
      <c r="B417" s="1"/>
      <c r="C417" s="1"/>
    </row>
    <row r="418" spans="1:3" x14ac:dyDescent="0.2">
      <c r="A418" s="1"/>
      <c r="B418" s="1"/>
      <c r="C418" s="1"/>
    </row>
  </sheetData>
  <pageMargins left="0.7" right="0.7" top="0.75" bottom="0.75" header="0.3" footer="0.3"/>
  <drawing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13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>
        <v>652.84452499999998</v>
      </c>
      <c r="B2">
        <v>19.906074</v>
      </c>
      <c r="C2">
        <v>8.8198779999999992</v>
      </c>
      <c r="D2">
        <f>C2-$C$2</f>
        <v>0</v>
      </c>
      <c r="E2">
        <f>A2-$A$2</f>
        <v>0</v>
      </c>
      <c r="G2" s="3">
        <f>(A399-A400)/A399</f>
        <v>2.4837224092066672E-2</v>
      </c>
    </row>
    <row r="3" spans="1:7" x14ac:dyDescent="0.2">
      <c r="A3">
        <v>653.93622000000005</v>
      </c>
      <c r="B3">
        <v>19.907923</v>
      </c>
      <c r="C3">
        <v>8.8248829999999998</v>
      </c>
      <c r="D3">
        <f t="shared" ref="D3:D66" si="0">C3-$C$2</f>
        <v>5.0050000000005923E-3</v>
      </c>
      <c r="E3">
        <f t="shared" ref="E3:E66" si="1">A3-$A$2</f>
        <v>1.0916950000000725</v>
      </c>
      <c r="F3">
        <f t="shared" ref="F3:F66" si="2">(1/A3)*(E3/D3)</f>
        <v>0.33355069263615306</v>
      </c>
      <c r="G3" s="4">
        <f>G2*100</f>
        <v>2.483722409206667</v>
      </c>
    </row>
    <row r="4" spans="1:7" x14ac:dyDescent="0.2">
      <c r="A4">
        <v>653.88486899999998</v>
      </c>
      <c r="B4">
        <v>20.050905</v>
      </c>
      <c r="C4">
        <v>8.8298880000000004</v>
      </c>
      <c r="D4">
        <f t="shared" si="0"/>
        <v>1.0010000000001185E-2</v>
      </c>
      <c r="E4">
        <f t="shared" si="1"/>
        <v>1.0403440000000046</v>
      </c>
      <c r="F4">
        <f t="shared" si="2"/>
        <v>0.15894307156763049</v>
      </c>
    </row>
    <row r="5" spans="1:7" x14ac:dyDescent="0.2">
      <c r="A5">
        <v>653.03272900000002</v>
      </c>
      <c r="B5">
        <v>20.058923</v>
      </c>
      <c r="C5">
        <v>8.8348929999999992</v>
      </c>
      <c r="D5">
        <f t="shared" si="0"/>
        <v>1.5015000000000001E-2</v>
      </c>
      <c r="E5">
        <f t="shared" si="1"/>
        <v>0.18820400000004156</v>
      </c>
      <c r="F5">
        <f t="shared" si="2"/>
        <v>1.9194135879829235E-2</v>
      </c>
    </row>
    <row r="6" spans="1:7" x14ac:dyDescent="0.2">
      <c r="A6">
        <v>653.05093999999997</v>
      </c>
      <c r="B6">
        <v>19.962603000000001</v>
      </c>
      <c r="C6">
        <v>8.8398979999999998</v>
      </c>
      <c r="D6">
        <f t="shared" si="0"/>
        <v>2.0020000000000593E-2</v>
      </c>
      <c r="E6">
        <f t="shared" si="1"/>
        <v>0.20641499999999269</v>
      </c>
      <c r="F6">
        <f t="shared" si="2"/>
        <v>1.5788109210039404E-2</v>
      </c>
    </row>
    <row r="7" spans="1:7" x14ac:dyDescent="0.2">
      <c r="A7">
        <v>653.96885499999996</v>
      </c>
      <c r="B7">
        <v>19.912538000000001</v>
      </c>
      <c r="C7">
        <v>8.8449019999999994</v>
      </c>
      <c r="D7">
        <f t="shared" si="0"/>
        <v>2.5024000000000157E-2</v>
      </c>
      <c r="E7">
        <f t="shared" si="1"/>
        <v>1.1243299999999863</v>
      </c>
      <c r="F7">
        <f t="shared" si="2"/>
        <v>6.8703680293076108E-2</v>
      </c>
    </row>
    <row r="8" spans="1:7" x14ac:dyDescent="0.2">
      <c r="A8">
        <v>654.22549000000004</v>
      </c>
      <c r="B8">
        <v>20.000443000000001</v>
      </c>
      <c r="C8">
        <v>8.849907</v>
      </c>
      <c r="D8">
        <f t="shared" si="0"/>
        <v>3.002900000000075E-2</v>
      </c>
      <c r="E8">
        <f t="shared" si="1"/>
        <v>1.3809650000000602</v>
      </c>
      <c r="F8">
        <f t="shared" si="2"/>
        <v>7.029336609693744E-2</v>
      </c>
    </row>
    <row r="9" spans="1:7" x14ac:dyDescent="0.2">
      <c r="A9">
        <v>653.03920500000004</v>
      </c>
      <c r="B9">
        <v>20.150850999999999</v>
      </c>
      <c r="C9">
        <v>8.8549120000000006</v>
      </c>
      <c r="D9">
        <f t="shared" si="0"/>
        <v>3.5034000000001342E-2</v>
      </c>
      <c r="E9">
        <f t="shared" si="1"/>
        <v>0.19468000000006214</v>
      </c>
      <c r="F9">
        <f t="shared" si="2"/>
        <v>8.5092710397216727E-3</v>
      </c>
    </row>
    <row r="10" spans="1:7" x14ac:dyDescent="0.2">
      <c r="A10">
        <v>652.39800700000001</v>
      </c>
      <c r="B10">
        <v>20.014693000000001</v>
      </c>
      <c r="C10">
        <v>8.8599169999999994</v>
      </c>
      <c r="D10">
        <f t="shared" si="0"/>
        <v>4.0039000000000158E-2</v>
      </c>
      <c r="E10">
        <f t="shared" si="1"/>
        <v>-0.44651799999996911</v>
      </c>
      <c r="F10">
        <f t="shared" si="2"/>
        <v>-1.7093977304550718E-2</v>
      </c>
    </row>
    <row r="11" spans="1:7" x14ac:dyDescent="0.2">
      <c r="A11">
        <v>653.05051300000002</v>
      </c>
      <c r="B11">
        <v>19.922134</v>
      </c>
      <c r="C11">
        <v>8.864922</v>
      </c>
      <c r="D11">
        <f t="shared" si="0"/>
        <v>4.504400000000075E-2</v>
      </c>
      <c r="E11">
        <f t="shared" si="1"/>
        <v>0.20598800000004758</v>
      </c>
      <c r="F11">
        <f t="shared" si="2"/>
        <v>7.0025818883659502E-3</v>
      </c>
    </row>
    <row r="12" spans="1:7" x14ac:dyDescent="0.2">
      <c r="A12">
        <v>653.45804199999998</v>
      </c>
      <c r="B12">
        <v>19.981885999999999</v>
      </c>
      <c r="C12">
        <v>8.8699259999999995</v>
      </c>
      <c r="D12">
        <f t="shared" si="0"/>
        <v>5.0048000000000314E-2</v>
      </c>
      <c r="E12">
        <f t="shared" si="1"/>
        <v>0.61351700000000164</v>
      </c>
      <c r="F12">
        <f t="shared" si="2"/>
        <v>1.8759539225472875E-2</v>
      </c>
    </row>
    <row r="13" spans="1:7" x14ac:dyDescent="0.2">
      <c r="A13">
        <v>652.54070200000001</v>
      </c>
      <c r="B13">
        <v>20.119123999999999</v>
      </c>
      <c r="C13">
        <v>8.8749310000000001</v>
      </c>
      <c r="D13">
        <f t="shared" si="0"/>
        <v>5.5053000000000907E-2</v>
      </c>
      <c r="E13">
        <f t="shared" si="1"/>
        <v>-0.30382299999996576</v>
      </c>
      <c r="F13">
        <f t="shared" si="2"/>
        <v>-8.4573061471504372E-3</v>
      </c>
    </row>
    <row r="14" spans="1:7" x14ac:dyDescent="0.2">
      <c r="A14">
        <v>651.65327100000002</v>
      </c>
      <c r="B14">
        <v>20.047402999999999</v>
      </c>
      <c r="C14">
        <v>8.8799360000000007</v>
      </c>
      <c r="D14">
        <f t="shared" si="0"/>
        <v>6.0058000000001499E-2</v>
      </c>
      <c r="E14">
        <f t="shared" si="1"/>
        <v>-1.1912539999999581</v>
      </c>
      <c r="F14">
        <f t="shared" si="2"/>
        <v>-3.0438057054635245E-2</v>
      </c>
    </row>
    <row r="15" spans="1:7" x14ac:dyDescent="0.2">
      <c r="A15">
        <v>651.75735099999997</v>
      </c>
      <c r="B15">
        <v>19.962059</v>
      </c>
      <c r="C15">
        <v>8.8849409999999995</v>
      </c>
      <c r="D15">
        <f t="shared" si="0"/>
        <v>6.5063000000000315E-2</v>
      </c>
      <c r="E15">
        <f t="shared" si="1"/>
        <v>-1.0871740000000045</v>
      </c>
      <c r="F15">
        <f t="shared" si="2"/>
        <v>-2.5637698450730897E-2</v>
      </c>
    </row>
    <row r="16" spans="1:7" x14ac:dyDescent="0.2">
      <c r="A16">
        <v>652.38870899999995</v>
      </c>
      <c r="B16">
        <v>19.960087000000001</v>
      </c>
      <c r="C16">
        <v>8.8899460000000001</v>
      </c>
      <c r="D16">
        <f t="shared" si="0"/>
        <v>7.0068000000000907E-2</v>
      </c>
      <c r="E16">
        <f t="shared" si="1"/>
        <v>-0.45581600000002709</v>
      </c>
      <c r="F16">
        <f t="shared" si="2"/>
        <v>-9.9715669235717827E-3</v>
      </c>
    </row>
    <row r="17" spans="1:6" x14ac:dyDescent="0.2">
      <c r="A17">
        <v>652.22880999999995</v>
      </c>
      <c r="B17">
        <v>20.027887</v>
      </c>
      <c r="C17">
        <v>8.8949499999999997</v>
      </c>
      <c r="D17">
        <f t="shared" si="0"/>
        <v>7.5072000000000472E-2</v>
      </c>
      <c r="E17">
        <f t="shared" si="1"/>
        <v>-0.61571500000002288</v>
      </c>
      <c r="F17">
        <f t="shared" si="2"/>
        <v>-1.2574819778327799E-2</v>
      </c>
    </row>
    <row r="18" spans="1:6" x14ac:dyDescent="0.2">
      <c r="A18">
        <v>652.14222299999994</v>
      </c>
      <c r="B18">
        <v>19.989927000000002</v>
      </c>
      <c r="C18">
        <v>8.8999550000000003</v>
      </c>
      <c r="D18">
        <f t="shared" si="0"/>
        <v>8.0077000000001064E-2</v>
      </c>
      <c r="E18">
        <f t="shared" si="1"/>
        <v>-0.70230200000003151</v>
      </c>
      <c r="F18">
        <f t="shared" si="2"/>
        <v>-1.3448498264088933E-2</v>
      </c>
    </row>
    <row r="19" spans="1:6" x14ac:dyDescent="0.2">
      <c r="A19">
        <v>652.81737699999996</v>
      </c>
      <c r="B19">
        <v>19.915217999999999</v>
      </c>
      <c r="C19">
        <v>8.9049600000000009</v>
      </c>
      <c r="D19">
        <f t="shared" si="0"/>
        <v>8.5082000000001656E-2</v>
      </c>
      <c r="E19">
        <f t="shared" si="1"/>
        <v>-2.7148000000011052E-2</v>
      </c>
      <c r="F19">
        <f t="shared" si="2"/>
        <v>-4.8877439201417316E-4</v>
      </c>
    </row>
    <row r="20" spans="1:6" x14ac:dyDescent="0.2">
      <c r="A20">
        <v>653.80161799999996</v>
      </c>
      <c r="B20">
        <v>19.915965</v>
      </c>
      <c r="C20">
        <v>8.9099649999999997</v>
      </c>
      <c r="D20">
        <f t="shared" si="0"/>
        <v>9.0087000000000472E-2</v>
      </c>
      <c r="E20">
        <f t="shared" si="1"/>
        <v>0.9570929999999862</v>
      </c>
      <c r="F20">
        <f t="shared" si="2"/>
        <v>1.6249725320375125E-2</v>
      </c>
    </row>
    <row r="21" spans="1:6" x14ac:dyDescent="0.2">
      <c r="A21">
        <v>654.12219100000004</v>
      </c>
      <c r="B21">
        <v>19.985911999999999</v>
      </c>
      <c r="C21">
        <v>8.9149700000000003</v>
      </c>
      <c r="D21">
        <f t="shared" si="0"/>
        <v>9.5092000000001065E-2</v>
      </c>
      <c r="E21">
        <f t="shared" si="1"/>
        <v>1.2776660000000675</v>
      </c>
      <c r="F21">
        <f t="shared" si="2"/>
        <v>2.0540663760345142E-2</v>
      </c>
    </row>
    <row r="22" spans="1:6" x14ac:dyDescent="0.2">
      <c r="A22">
        <v>654.05821100000003</v>
      </c>
      <c r="B22">
        <v>20.001913999999999</v>
      </c>
      <c r="C22">
        <v>8.9199739999999998</v>
      </c>
      <c r="D22">
        <f t="shared" si="0"/>
        <v>0.10009600000000063</v>
      </c>
      <c r="E22">
        <f t="shared" si="1"/>
        <v>1.2136860000000524</v>
      </c>
      <c r="F22">
        <f t="shared" si="2"/>
        <v>1.8538441357481873E-2</v>
      </c>
    </row>
    <row r="23" spans="1:6" x14ac:dyDescent="0.2">
      <c r="A23">
        <v>654.71181999999999</v>
      </c>
      <c r="B23">
        <v>19.901232</v>
      </c>
      <c r="C23">
        <v>8.9249790000000004</v>
      </c>
      <c r="D23">
        <f t="shared" si="0"/>
        <v>0.10510100000000122</v>
      </c>
      <c r="E23">
        <f t="shared" si="1"/>
        <v>1.8672950000000128</v>
      </c>
      <c r="F23">
        <f t="shared" si="2"/>
        <v>2.7136629453712532E-2</v>
      </c>
    </row>
    <row r="24" spans="1:6" x14ac:dyDescent="0.2">
      <c r="A24">
        <v>655.69520599999998</v>
      </c>
      <c r="B24">
        <v>19.929209</v>
      </c>
      <c r="C24">
        <v>8.9299839999999993</v>
      </c>
      <c r="D24">
        <f t="shared" si="0"/>
        <v>0.11010600000000004</v>
      </c>
      <c r="E24">
        <f t="shared" si="1"/>
        <v>2.8506810000000087</v>
      </c>
      <c r="F24">
        <f t="shared" si="2"/>
        <v>3.948531682856745E-2</v>
      </c>
    </row>
    <row r="25" spans="1:6" x14ac:dyDescent="0.2">
      <c r="A25">
        <v>656.02513499999998</v>
      </c>
      <c r="B25">
        <v>19.958324999999999</v>
      </c>
      <c r="C25">
        <v>8.9349889999999998</v>
      </c>
      <c r="D25">
        <f t="shared" si="0"/>
        <v>0.11511100000000063</v>
      </c>
      <c r="E25">
        <f t="shared" si="1"/>
        <v>3.1806100000000015</v>
      </c>
      <c r="F25">
        <f t="shared" si="2"/>
        <v>4.2118521150788395E-2</v>
      </c>
    </row>
    <row r="26" spans="1:6" x14ac:dyDescent="0.2">
      <c r="A26">
        <v>656.088213</v>
      </c>
      <c r="B26">
        <v>20.009730999999999</v>
      </c>
      <c r="C26">
        <v>8.9399940000000004</v>
      </c>
      <c r="D26">
        <f t="shared" si="0"/>
        <v>0.12011600000000122</v>
      </c>
      <c r="E26">
        <f t="shared" si="1"/>
        <v>3.2436880000000201</v>
      </c>
      <c r="F26">
        <f t="shared" si="2"/>
        <v>4.1160057936858181E-2</v>
      </c>
    </row>
    <row r="27" spans="1:6" x14ac:dyDescent="0.2">
      <c r="A27">
        <v>656.30610799999999</v>
      </c>
      <c r="B27">
        <v>19.960238</v>
      </c>
      <c r="C27">
        <v>8.944998</v>
      </c>
      <c r="D27">
        <f t="shared" si="0"/>
        <v>0.12512000000000079</v>
      </c>
      <c r="E27">
        <f t="shared" si="1"/>
        <v>3.4615830000000187</v>
      </c>
      <c r="F27">
        <f t="shared" si="2"/>
        <v>4.2154269482498737E-2</v>
      </c>
    </row>
    <row r="28" spans="1:6" x14ac:dyDescent="0.2">
      <c r="A28">
        <v>656.78269399999999</v>
      </c>
      <c r="B28">
        <v>19.962962000000001</v>
      </c>
      <c r="C28">
        <v>8.9500030000000006</v>
      </c>
      <c r="D28">
        <f t="shared" si="0"/>
        <v>0.13012500000000138</v>
      </c>
      <c r="E28">
        <f t="shared" si="1"/>
        <v>3.9381690000000162</v>
      </c>
      <c r="F28">
        <f t="shared" si="2"/>
        <v>4.6079940109705078E-2</v>
      </c>
    </row>
    <row r="29" spans="1:6" x14ac:dyDescent="0.2">
      <c r="A29">
        <v>656.75950899999998</v>
      </c>
      <c r="B29">
        <v>20.003712</v>
      </c>
      <c r="C29">
        <v>8.9550079999999994</v>
      </c>
      <c r="D29">
        <f t="shared" si="0"/>
        <v>0.13513000000000019</v>
      </c>
      <c r="E29">
        <f t="shared" si="1"/>
        <v>3.914984000000004</v>
      </c>
      <c r="F29">
        <f t="shared" si="2"/>
        <v>4.4113533398929948E-2</v>
      </c>
    </row>
    <row r="30" spans="1:6" x14ac:dyDescent="0.2">
      <c r="A30">
        <v>656.159583</v>
      </c>
      <c r="B30">
        <v>20.075519</v>
      </c>
      <c r="C30">
        <v>8.960013</v>
      </c>
      <c r="D30">
        <f t="shared" si="0"/>
        <v>0.14013500000000079</v>
      </c>
      <c r="E30">
        <f t="shared" si="1"/>
        <v>3.3150580000000218</v>
      </c>
      <c r="F30">
        <f t="shared" si="2"/>
        <v>3.6052471100241519E-2</v>
      </c>
    </row>
    <row r="31" spans="1:6" x14ac:dyDescent="0.2">
      <c r="A31">
        <v>655.54247999999995</v>
      </c>
      <c r="B31">
        <v>20.047917000000002</v>
      </c>
      <c r="C31">
        <v>8.9650180000000006</v>
      </c>
      <c r="D31">
        <f t="shared" si="0"/>
        <v>0.14514000000000138</v>
      </c>
      <c r="E31">
        <f t="shared" si="1"/>
        <v>2.697954999999979</v>
      </c>
      <c r="F31">
        <f t="shared" si="2"/>
        <v>2.8356115923832675E-2</v>
      </c>
    </row>
    <row r="32" spans="1:6" x14ac:dyDescent="0.2">
      <c r="A32">
        <v>655.26038200000005</v>
      </c>
      <c r="B32">
        <v>20.026698</v>
      </c>
      <c r="C32">
        <v>8.9700220000000002</v>
      </c>
      <c r="D32">
        <f t="shared" si="0"/>
        <v>0.15014400000000094</v>
      </c>
      <c r="E32">
        <f t="shared" si="1"/>
        <v>2.4158570000000736</v>
      </c>
      <c r="F32">
        <f t="shared" si="2"/>
        <v>2.4555531082487279E-2</v>
      </c>
    </row>
    <row r="33" spans="1:6" x14ac:dyDescent="0.2">
      <c r="A33">
        <v>655.39783</v>
      </c>
      <c r="B33">
        <v>19.983142000000001</v>
      </c>
      <c r="C33">
        <v>8.9750270000000008</v>
      </c>
      <c r="D33">
        <f t="shared" si="0"/>
        <v>0.15514900000000154</v>
      </c>
      <c r="E33">
        <f t="shared" si="1"/>
        <v>2.553305000000023</v>
      </c>
      <c r="F33">
        <f t="shared" si="2"/>
        <v>2.5110115817871963E-2</v>
      </c>
    </row>
    <row r="34" spans="1:6" x14ac:dyDescent="0.2">
      <c r="A34">
        <v>655.43985699999996</v>
      </c>
      <c r="B34">
        <v>19.988471000000001</v>
      </c>
      <c r="C34">
        <v>8.9800319999999996</v>
      </c>
      <c r="D34">
        <f t="shared" si="0"/>
        <v>0.16015400000000035</v>
      </c>
      <c r="E34">
        <f t="shared" si="1"/>
        <v>2.5953319999999849</v>
      </c>
      <c r="F34">
        <f t="shared" si="2"/>
        <v>2.472420206902581E-2</v>
      </c>
    </row>
    <row r="35" spans="1:6" x14ac:dyDescent="0.2">
      <c r="A35">
        <v>655.66222800000003</v>
      </c>
      <c r="B35">
        <v>19.979498</v>
      </c>
      <c r="C35">
        <v>8.9850370000000002</v>
      </c>
      <c r="D35">
        <f t="shared" si="0"/>
        <v>0.16515900000000094</v>
      </c>
      <c r="E35">
        <f t="shared" si="1"/>
        <v>2.8177030000000514</v>
      </c>
      <c r="F35">
        <f t="shared" si="2"/>
        <v>2.6020330264665978E-2</v>
      </c>
    </row>
    <row r="36" spans="1:6" x14ac:dyDescent="0.2">
      <c r="A36">
        <v>655.61459600000001</v>
      </c>
      <c r="B36">
        <v>20.013138000000001</v>
      </c>
      <c r="C36">
        <v>8.9900420000000008</v>
      </c>
      <c r="D36">
        <f t="shared" si="0"/>
        <v>0.17016400000000154</v>
      </c>
      <c r="E36">
        <f t="shared" si="1"/>
        <v>2.7700710000000299</v>
      </c>
      <c r="F36">
        <f t="shared" si="2"/>
        <v>2.4829878879152376E-2</v>
      </c>
    </row>
    <row r="37" spans="1:6" x14ac:dyDescent="0.2">
      <c r="A37">
        <v>655.360952</v>
      </c>
      <c r="B37">
        <v>20.030491000000001</v>
      </c>
      <c r="C37">
        <v>8.9950460000000003</v>
      </c>
      <c r="D37">
        <f t="shared" si="0"/>
        <v>0.1751680000000011</v>
      </c>
      <c r="E37">
        <f t="shared" si="1"/>
        <v>2.5164270000000215</v>
      </c>
      <c r="F37">
        <f t="shared" si="2"/>
        <v>2.1920426679790436E-2</v>
      </c>
    </row>
    <row r="38" spans="1:6" x14ac:dyDescent="0.2">
      <c r="A38">
        <v>655.33925099999999</v>
      </c>
      <c r="B38">
        <v>19.989106</v>
      </c>
      <c r="C38">
        <v>9.0000509999999991</v>
      </c>
      <c r="D38">
        <f t="shared" si="0"/>
        <v>0.18017299999999992</v>
      </c>
      <c r="E38">
        <f t="shared" si="1"/>
        <v>2.4947260000000142</v>
      </c>
      <c r="F38">
        <f t="shared" si="2"/>
        <v>2.1128417156720702E-2</v>
      </c>
    </row>
    <row r="39" spans="1:6" x14ac:dyDescent="0.2">
      <c r="A39">
        <v>655.59422700000005</v>
      </c>
      <c r="B39">
        <v>19.953461000000001</v>
      </c>
      <c r="C39">
        <v>9.0050559999999997</v>
      </c>
      <c r="D39">
        <f t="shared" si="0"/>
        <v>0.18517800000000051</v>
      </c>
      <c r="E39">
        <f t="shared" si="1"/>
        <v>2.7497020000000703</v>
      </c>
      <c r="F39">
        <f t="shared" si="2"/>
        <v>2.2649630409142706E-2</v>
      </c>
    </row>
    <row r="40" spans="1:6" x14ac:dyDescent="0.2">
      <c r="A40">
        <v>656.23281599999996</v>
      </c>
      <c r="B40">
        <v>19.953696000000001</v>
      </c>
      <c r="C40">
        <v>9.0100610000000003</v>
      </c>
      <c r="D40">
        <f t="shared" si="0"/>
        <v>0.1901830000000011</v>
      </c>
      <c r="E40">
        <f t="shared" si="1"/>
        <v>3.3882909999999811</v>
      </c>
      <c r="F40">
        <f t="shared" si="2"/>
        <v>2.714882663305189E-2</v>
      </c>
    </row>
    <row r="41" spans="1:6" x14ac:dyDescent="0.2">
      <c r="A41">
        <v>656.12985000000003</v>
      </c>
      <c r="B41">
        <v>20.028893</v>
      </c>
      <c r="C41">
        <v>9.0150659999999991</v>
      </c>
      <c r="D41">
        <f t="shared" si="0"/>
        <v>0.19518799999999992</v>
      </c>
      <c r="E41">
        <f t="shared" si="1"/>
        <v>3.2853250000000571</v>
      </c>
      <c r="F41">
        <f t="shared" si="2"/>
        <v>2.5652838581761747E-2</v>
      </c>
    </row>
    <row r="42" spans="1:6" x14ac:dyDescent="0.2">
      <c r="A42">
        <v>656.01293499999997</v>
      </c>
      <c r="B42">
        <v>19.993628999999999</v>
      </c>
      <c r="C42">
        <v>9.0200700000000005</v>
      </c>
      <c r="D42">
        <f t="shared" si="0"/>
        <v>0.20019200000000126</v>
      </c>
      <c r="E42">
        <f t="shared" si="1"/>
        <v>3.1684099999999944</v>
      </c>
      <c r="F42">
        <f t="shared" si="2"/>
        <v>2.4125829497600629E-2</v>
      </c>
    </row>
    <row r="43" spans="1:6" x14ac:dyDescent="0.2">
      <c r="A43">
        <v>656.45027700000003</v>
      </c>
      <c r="B43">
        <v>19.942122000000001</v>
      </c>
      <c r="C43">
        <v>9.0250749999999993</v>
      </c>
      <c r="D43">
        <f t="shared" si="0"/>
        <v>0.20519700000000007</v>
      </c>
      <c r="E43">
        <f t="shared" si="1"/>
        <v>3.6057520000000522</v>
      </c>
      <c r="F43">
        <f t="shared" si="2"/>
        <v>2.6768436782838963E-2</v>
      </c>
    </row>
    <row r="44" spans="1:6" x14ac:dyDescent="0.2">
      <c r="A44">
        <v>656.77442399999995</v>
      </c>
      <c r="B44">
        <v>19.980478000000002</v>
      </c>
      <c r="C44">
        <v>9.0300799999999999</v>
      </c>
      <c r="D44">
        <f t="shared" si="0"/>
        <v>0.21020200000000067</v>
      </c>
      <c r="E44">
        <f t="shared" si="1"/>
        <v>3.9298989999999776</v>
      </c>
      <c r="F44">
        <f t="shared" si="2"/>
        <v>2.8466122430036447E-2</v>
      </c>
    </row>
    <row r="45" spans="1:6" x14ac:dyDescent="0.2">
      <c r="A45">
        <v>657.11373600000002</v>
      </c>
      <c r="B45">
        <v>19.958344</v>
      </c>
      <c r="C45">
        <v>9.0350850000000005</v>
      </c>
      <c r="D45">
        <f t="shared" si="0"/>
        <v>0.21520700000000126</v>
      </c>
      <c r="E45">
        <f t="shared" si="1"/>
        <v>4.2692110000000412</v>
      </c>
      <c r="F45">
        <f t="shared" si="2"/>
        <v>3.0189135781294771E-2</v>
      </c>
    </row>
    <row r="46" spans="1:6" x14ac:dyDescent="0.2">
      <c r="A46">
        <v>657.22875699999997</v>
      </c>
      <c r="B46">
        <v>19.985752999999999</v>
      </c>
      <c r="C46">
        <v>9.0400899999999993</v>
      </c>
      <c r="D46">
        <f t="shared" si="0"/>
        <v>0.22021200000000007</v>
      </c>
      <c r="E46">
        <f t="shared" si="1"/>
        <v>4.3842319999999972</v>
      </c>
      <c r="F46">
        <f t="shared" si="2"/>
        <v>3.0292560828149278E-2</v>
      </c>
    </row>
    <row r="47" spans="1:6" x14ac:dyDescent="0.2">
      <c r="A47">
        <v>657.98265800000001</v>
      </c>
      <c r="B47">
        <v>19.895972</v>
      </c>
      <c r="C47">
        <v>9.0450940000000006</v>
      </c>
      <c r="D47">
        <f t="shared" si="0"/>
        <v>0.22521600000000142</v>
      </c>
      <c r="E47">
        <f t="shared" si="1"/>
        <v>5.1381330000000389</v>
      </c>
      <c r="F47">
        <f t="shared" si="2"/>
        <v>3.4673018679277835E-2</v>
      </c>
    </row>
    <row r="48" spans="1:6" x14ac:dyDescent="0.2">
      <c r="A48">
        <v>658.94896500000004</v>
      </c>
      <c r="B48">
        <v>19.922736</v>
      </c>
      <c r="C48">
        <v>9.0500989999999994</v>
      </c>
      <c r="D48">
        <f t="shared" si="0"/>
        <v>0.23022100000000023</v>
      </c>
      <c r="E48">
        <f t="shared" si="1"/>
        <v>6.1044400000000678</v>
      </c>
      <c r="F48">
        <f t="shared" si="2"/>
        <v>4.0239179188009531E-2</v>
      </c>
    </row>
    <row r="49" spans="1:6" x14ac:dyDescent="0.2">
      <c r="A49">
        <v>659.31771300000003</v>
      </c>
      <c r="B49">
        <v>19.999236</v>
      </c>
      <c r="C49">
        <v>9.055104</v>
      </c>
      <c r="D49">
        <f t="shared" si="0"/>
        <v>0.23522600000000082</v>
      </c>
      <c r="E49">
        <f t="shared" si="1"/>
        <v>6.4731880000000501</v>
      </c>
      <c r="F49">
        <f t="shared" si="2"/>
        <v>4.1738626480768017E-2</v>
      </c>
    </row>
    <row r="50" spans="1:6" x14ac:dyDescent="0.2">
      <c r="A50">
        <v>658.940381</v>
      </c>
      <c r="B50">
        <v>20.031120999999999</v>
      </c>
      <c r="C50">
        <v>9.0601090000000006</v>
      </c>
      <c r="D50">
        <f t="shared" si="0"/>
        <v>0.24023100000000142</v>
      </c>
      <c r="E50">
        <f t="shared" si="1"/>
        <v>6.0958560000000261</v>
      </c>
      <c r="F50">
        <f t="shared" si="2"/>
        <v>3.8508759391142643E-2</v>
      </c>
    </row>
    <row r="51" spans="1:6" x14ac:dyDescent="0.2">
      <c r="A51">
        <v>658.97974999999997</v>
      </c>
      <c r="B51">
        <v>19.977329999999998</v>
      </c>
      <c r="C51">
        <v>9.0651139999999995</v>
      </c>
      <c r="D51">
        <f t="shared" si="0"/>
        <v>0.24523600000000023</v>
      </c>
      <c r="E51">
        <f t="shared" si="1"/>
        <v>6.1352249999999913</v>
      </c>
      <c r="F51">
        <f t="shared" si="2"/>
        <v>3.7964195520434681E-2</v>
      </c>
    </row>
    <row r="52" spans="1:6" x14ac:dyDescent="0.2">
      <c r="A52">
        <v>659.40184499999998</v>
      </c>
      <c r="B52">
        <v>19.940307000000001</v>
      </c>
      <c r="C52">
        <v>9.0701180000000008</v>
      </c>
      <c r="D52">
        <f t="shared" si="0"/>
        <v>0.25024000000000157</v>
      </c>
      <c r="E52">
        <f t="shared" si="1"/>
        <v>6.5573200000000043</v>
      </c>
      <c r="F52">
        <f t="shared" si="2"/>
        <v>3.9739233730716313E-2</v>
      </c>
    </row>
    <row r="53" spans="1:6" x14ac:dyDescent="0.2">
      <c r="A53">
        <v>659.57764599999996</v>
      </c>
      <c r="B53">
        <v>20.051265999999998</v>
      </c>
      <c r="C53">
        <v>9.0751229999999996</v>
      </c>
      <c r="D53">
        <f t="shared" si="0"/>
        <v>0.25524500000000039</v>
      </c>
      <c r="E53">
        <f t="shared" si="1"/>
        <v>6.7331209999999828</v>
      </c>
      <c r="F53">
        <f t="shared" si="2"/>
        <v>3.9993853126337686E-2</v>
      </c>
    </row>
    <row r="54" spans="1:6" x14ac:dyDescent="0.2">
      <c r="A54">
        <v>658.51664500000004</v>
      </c>
      <c r="B54">
        <v>20.079891</v>
      </c>
      <c r="C54">
        <v>9.0801280000000002</v>
      </c>
      <c r="D54">
        <f t="shared" si="0"/>
        <v>0.26025000000000098</v>
      </c>
      <c r="E54">
        <f t="shared" si="1"/>
        <v>5.6721200000000636</v>
      </c>
      <c r="F54">
        <f t="shared" si="2"/>
        <v>3.3096945528687305E-2</v>
      </c>
    </row>
    <row r="55" spans="1:6" x14ac:dyDescent="0.2">
      <c r="A55">
        <v>658.31064700000002</v>
      </c>
      <c r="B55">
        <v>20.000195999999999</v>
      </c>
      <c r="C55">
        <v>9.0851330000000008</v>
      </c>
      <c r="D55">
        <f t="shared" si="0"/>
        <v>0.26525500000000157</v>
      </c>
      <c r="E55">
        <f t="shared" si="1"/>
        <v>5.4661220000000412</v>
      </c>
      <c r="F55">
        <f t="shared" si="2"/>
        <v>3.1302920807883217E-2</v>
      </c>
    </row>
    <row r="56" spans="1:6" x14ac:dyDescent="0.2">
      <c r="A56">
        <v>658.99987099999998</v>
      </c>
      <c r="B56">
        <v>19.908543999999999</v>
      </c>
      <c r="C56">
        <v>9.0901379999999996</v>
      </c>
      <c r="D56">
        <f t="shared" si="0"/>
        <v>0.27026000000000039</v>
      </c>
      <c r="E56">
        <f t="shared" si="1"/>
        <v>6.1553460000000086</v>
      </c>
      <c r="F56">
        <f t="shared" si="2"/>
        <v>3.4560925846578251E-2</v>
      </c>
    </row>
    <row r="57" spans="1:6" x14ac:dyDescent="0.2">
      <c r="A57">
        <v>658.98679400000003</v>
      </c>
      <c r="B57">
        <v>20.040797000000001</v>
      </c>
      <c r="C57">
        <v>9.0951419999999992</v>
      </c>
      <c r="D57">
        <f t="shared" si="0"/>
        <v>0.27526399999999995</v>
      </c>
      <c r="E57">
        <f t="shared" si="1"/>
        <v>6.1422690000000557</v>
      </c>
      <c r="F57">
        <f t="shared" si="2"/>
        <v>3.3861228026899469E-2</v>
      </c>
    </row>
    <row r="58" spans="1:6" x14ac:dyDescent="0.2">
      <c r="A58">
        <v>658.32243300000005</v>
      </c>
      <c r="B58">
        <v>20.093254000000002</v>
      </c>
      <c r="C58">
        <v>9.1001469999999998</v>
      </c>
      <c r="D58">
        <f t="shared" si="0"/>
        <v>0.28026900000000055</v>
      </c>
      <c r="E58">
        <f t="shared" si="1"/>
        <v>5.4779080000000704</v>
      </c>
      <c r="F58">
        <f t="shared" si="2"/>
        <v>2.9689372303978001E-2</v>
      </c>
    </row>
    <row r="59" spans="1:6" x14ac:dyDescent="0.2">
      <c r="A59">
        <v>657.42494399999998</v>
      </c>
      <c r="B59">
        <v>20.027930000000001</v>
      </c>
      <c r="C59">
        <v>9.1051520000000004</v>
      </c>
      <c r="D59">
        <f t="shared" si="0"/>
        <v>0.28527400000000114</v>
      </c>
      <c r="E59">
        <f t="shared" si="1"/>
        <v>4.5804190000000062</v>
      </c>
      <c r="F59">
        <f t="shared" si="2"/>
        <v>2.4422877873418781E-2</v>
      </c>
    </row>
    <row r="60" spans="1:6" x14ac:dyDescent="0.2">
      <c r="A60">
        <v>658.12648799999999</v>
      </c>
      <c r="B60">
        <v>19.931272</v>
      </c>
      <c r="C60">
        <v>9.1101569999999992</v>
      </c>
      <c r="D60">
        <f t="shared" si="0"/>
        <v>0.29027899999999995</v>
      </c>
      <c r="E60">
        <f t="shared" si="1"/>
        <v>5.2819630000000188</v>
      </c>
      <c r="F60">
        <f t="shared" si="2"/>
        <v>2.7648423044234337E-2</v>
      </c>
    </row>
    <row r="61" spans="1:6" x14ac:dyDescent="0.2">
      <c r="A61">
        <v>658.42339400000003</v>
      </c>
      <c r="B61">
        <v>19.977755999999999</v>
      </c>
      <c r="C61">
        <v>9.1151619999999998</v>
      </c>
      <c r="D61">
        <f t="shared" si="0"/>
        <v>0.29528400000000055</v>
      </c>
      <c r="E61">
        <f t="shared" si="1"/>
        <v>5.5788690000000543</v>
      </c>
      <c r="F61">
        <f t="shared" si="2"/>
        <v>2.869465418897944E-2</v>
      </c>
    </row>
    <row r="62" spans="1:6" x14ac:dyDescent="0.2">
      <c r="A62">
        <v>657.63920599999994</v>
      </c>
      <c r="B62">
        <v>20.134250000000002</v>
      </c>
      <c r="C62">
        <v>9.1201659999999993</v>
      </c>
      <c r="D62">
        <f t="shared" si="0"/>
        <v>0.30028800000000011</v>
      </c>
      <c r="E62">
        <f t="shared" si="1"/>
        <v>4.7946809999999687</v>
      </c>
      <c r="F62">
        <f t="shared" si="2"/>
        <v>2.4279181639808429E-2</v>
      </c>
    </row>
    <row r="63" spans="1:6" x14ac:dyDescent="0.2">
      <c r="A63">
        <v>656.58149700000001</v>
      </c>
      <c r="B63">
        <v>20.047452</v>
      </c>
      <c r="C63">
        <v>9.1251709999999999</v>
      </c>
      <c r="D63">
        <f t="shared" si="0"/>
        <v>0.3052930000000007</v>
      </c>
      <c r="E63">
        <f t="shared" si="1"/>
        <v>3.736972000000037</v>
      </c>
      <c r="F63">
        <f t="shared" si="2"/>
        <v>1.864293809457139E-2</v>
      </c>
    </row>
    <row r="64" spans="1:6" x14ac:dyDescent="0.2">
      <c r="A64">
        <v>657.23921299999995</v>
      </c>
      <c r="B64">
        <v>19.918517999999999</v>
      </c>
      <c r="C64">
        <v>9.1301760000000005</v>
      </c>
      <c r="D64">
        <f t="shared" si="0"/>
        <v>0.3102980000000013</v>
      </c>
      <c r="E64">
        <f t="shared" si="1"/>
        <v>4.3946879999999737</v>
      </c>
      <c r="F64">
        <f t="shared" si="2"/>
        <v>2.1548924747797432E-2</v>
      </c>
    </row>
    <row r="65" spans="1:6" x14ac:dyDescent="0.2">
      <c r="A65">
        <v>658.29923499999995</v>
      </c>
      <c r="B65">
        <v>19.889506000000001</v>
      </c>
      <c r="C65">
        <v>9.1351809999999993</v>
      </c>
      <c r="D65">
        <f t="shared" si="0"/>
        <v>0.31530300000000011</v>
      </c>
      <c r="E65">
        <f t="shared" si="1"/>
        <v>5.4547099999999773</v>
      </c>
      <c r="F65">
        <f t="shared" si="2"/>
        <v>2.6279688487678379E-2</v>
      </c>
    </row>
    <row r="66" spans="1:6" x14ac:dyDescent="0.2">
      <c r="A66">
        <v>658.16558699999996</v>
      </c>
      <c r="B66">
        <v>20.069701999999999</v>
      </c>
      <c r="C66">
        <v>9.1401859999999999</v>
      </c>
      <c r="D66">
        <f t="shared" si="0"/>
        <v>0.3203080000000007</v>
      </c>
      <c r="E66">
        <f t="shared" si="1"/>
        <v>5.3210619999999835</v>
      </c>
      <c r="F66">
        <f t="shared" si="2"/>
        <v>2.5240349406127193E-2</v>
      </c>
    </row>
    <row r="67" spans="1:6" x14ac:dyDescent="0.2">
      <c r="A67">
        <v>657.50623800000005</v>
      </c>
      <c r="B67">
        <v>20.046520000000001</v>
      </c>
      <c r="C67">
        <v>9.1451899999999995</v>
      </c>
      <c r="D67">
        <f t="shared" ref="D67:D130" si="3">C67-$C$2</f>
        <v>0.32531200000000027</v>
      </c>
      <c r="E67">
        <f t="shared" ref="E67:E130" si="4">A67-$A$2</f>
        <v>4.661713000000077</v>
      </c>
      <c r="F67">
        <f t="shared" ref="F67:F130" si="5">(1/A67)*(E67/D67)</f>
        <v>2.1794432817506738E-2</v>
      </c>
    </row>
    <row r="68" spans="1:6" x14ac:dyDescent="0.2">
      <c r="A68">
        <v>657.82650599999999</v>
      </c>
      <c r="B68">
        <v>19.923705999999999</v>
      </c>
      <c r="C68">
        <v>9.1501950000000001</v>
      </c>
      <c r="D68">
        <f t="shared" si="3"/>
        <v>0.33031700000000086</v>
      </c>
      <c r="E68">
        <f t="shared" si="4"/>
        <v>4.9819810000000189</v>
      </c>
      <c r="F68">
        <f t="shared" si="5"/>
        <v>2.2927662105257103E-2</v>
      </c>
    </row>
    <row r="69" spans="1:6" x14ac:dyDescent="0.2">
      <c r="A69">
        <v>659.01660900000002</v>
      </c>
      <c r="B69">
        <v>19.882698999999999</v>
      </c>
      <c r="C69">
        <v>9.1552000000000007</v>
      </c>
      <c r="D69">
        <f t="shared" si="3"/>
        <v>0.33532200000000145</v>
      </c>
      <c r="E69">
        <f t="shared" si="4"/>
        <v>6.1720840000000408</v>
      </c>
      <c r="F69">
        <f t="shared" si="5"/>
        <v>2.7930159775122324E-2</v>
      </c>
    </row>
    <row r="70" spans="1:6" x14ac:dyDescent="0.2">
      <c r="A70">
        <v>659.01199499999996</v>
      </c>
      <c r="B70">
        <v>20.036131999999998</v>
      </c>
      <c r="C70">
        <v>9.1602049999999995</v>
      </c>
      <c r="D70">
        <f t="shared" si="3"/>
        <v>0.34032700000000027</v>
      </c>
      <c r="E70">
        <f t="shared" si="4"/>
        <v>6.1674699999999802</v>
      </c>
      <c r="F70">
        <f t="shared" si="5"/>
        <v>2.7499026578256869E-2</v>
      </c>
    </row>
    <row r="71" spans="1:6" x14ac:dyDescent="0.2">
      <c r="A71">
        <v>658.36086399999999</v>
      </c>
      <c r="B71">
        <v>20.073364999999999</v>
      </c>
      <c r="C71">
        <v>9.1652100000000001</v>
      </c>
      <c r="D71">
        <f t="shared" si="3"/>
        <v>0.34533200000000086</v>
      </c>
      <c r="E71">
        <f t="shared" si="4"/>
        <v>5.5163390000000163</v>
      </c>
      <c r="F71">
        <f t="shared" si="5"/>
        <v>2.4263313909472124E-2</v>
      </c>
    </row>
    <row r="72" spans="1:6" x14ac:dyDescent="0.2">
      <c r="A72">
        <v>658.28797899999995</v>
      </c>
      <c r="B72">
        <v>19.949983</v>
      </c>
      <c r="C72">
        <v>9.1702139999999996</v>
      </c>
      <c r="D72">
        <f t="shared" si="3"/>
        <v>0.35033600000000042</v>
      </c>
      <c r="E72">
        <f t="shared" si="4"/>
        <v>5.4434539999999743</v>
      </c>
      <c r="F72">
        <f t="shared" si="5"/>
        <v>2.3603361922009316E-2</v>
      </c>
    </row>
    <row r="73" spans="1:6" x14ac:dyDescent="0.2">
      <c r="A73">
        <v>659.19720400000006</v>
      </c>
      <c r="B73">
        <v>19.930299000000002</v>
      </c>
      <c r="C73">
        <v>9.1752190000000002</v>
      </c>
      <c r="D73">
        <f t="shared" si="3"/>
        <v>0.35534100000000102</v>
      </c>
      <c r="E73">
        <f t="shared" si="4"/>
        <v>6.3526790000000801</v>
      </c>
      <c r="F73">
        <f t="shared" si="5"/>
        <v>2.712040896451174E-2</v>
      </c>
    </row>
    <row r="74" spans="1:6" x14ac:dyDescent="0.2">
      <c r="A74">
        <v>659.33898599999998</v>
      </c>
      <c r="B74">
        <v>20.003471000000001</v>
      </c>
      <c r="C74">
        <v>9.1802240000000008</v>
      </c>
      <c r="D74">
        <f t="shared" si="3"/>
        <v>0.36034600000000161</v>
      </c>
      <c r="E74">
        <f t="shared" si="4"/>
        <v>6.4944610000000011</v>
      </c>
      <c r="F74">
        <f t="shared" si="5"/>
        <v>2.7334721392422288E-2</v>
      </c>
    </row>
    <row r="75" spans="1:6" x14ac:dyDescent="0.2">
      <c r="A75">
        <v>658.689706</v>
      </c>
      <c r="B75">
        <v>20.08812</v>
      </c>
      <c r="C75">
        <v>9.1852289999999996</v>
      </c>
      <c r="D75">
        <f t="shared" si="3"/>
        <v>0.36535100000000043</v>
      </c>
      <c r="E75">
        <f t="shared" si="4"/>
        <v>5.8451810000000251</v>
      </c>
      <c r="F75">
        <f t="shared" si="5"/>
        <v>2.4288840737015802E-2</v>
      </c>
    </row>
    <row r="76" spans="1:6" x14ac:dyDescent="0.2">
      <c r="A76">
        <v>658.33317499999998</v>
      </c>
      <c r="B76">
        <v>19.990244000000001</v>
      </c>
      <c r="C76">
        <v>9.1902340000000002</v>
      </c>
      <c r="D76">
        <f t="shared" si="3"/>
        <v>0.37035600000000102</v>
      </c>
      <c r="E76">
        <f t="shared" si="4"/>
        <v>5.4886500000000069</v>
      </c>
      <c r="F76">
        <f t="shared" si="5"/>
        <v>2.2511291510236432E-2</v>
      </c>
    </row>
    <row r="77" spans="1:6" x14ac:dyDescent="0.2">
      <c r="A77">
        <v>658.77014699999995</v>
      </c>
      <c r="B77">
        <v>19.968806000000001</v>
      </c>
      <c r="C77">
        <v>9.1952379999999998</v>
      </c>
      <c r="D77">
        <f t="shared" si="3"/>
        <v>0.37536000000000058</v>
      </c>
      <c r="E77">
        <f t="shared" si="4"/>
        <v>5.9256219999999757</v>
      </c>
      <c r="F77">
        <f t="shared" si="5"/>
        <v>2.3963598980735714E-2</v>
      </c>
    </row>
    <row r="78" spans="1:6" x14ac:dyDescent="0.2">
      <c r="A78">
        <v>659.05794800000001</v>
      </c>
      <c r="B78">
        <v>19.975206</v>
      </c>
      <c r="C78">
        <v>9.2002430000000004</v>
      </c>
      <c r="D78">
        <f t="shared" si="3"/>
        <v>0.38036500000000117</v>
      </c>
      <c r="E78">
        <f t="shared" si="4"/>
        <v>6.2134230000000343</v>
      </c>
      <c r="F78">
        <f t="shared" si="5"/>
        <v>2.478601859551733E-2</v>
      </c>
    </row>
    <row r="79" spans="1:6" x14ac:dyDescent="0.2">
      <c r="A79">
        <v>658.46618699999999</v>
      </c>
      <c r="B79">
        <v>20.069075000000002</v>
      </c>
      <c r="C79">
        <v>9.2052479999999992</v>
      </c>
      <c r="D79">
        <f t="shared" si="3"/>
        <v>0.38536999999999999</v>
      </c>
      <c r="E79">
        <f t="shared" si="4"/>
        <v>5.6216620000000148</v>
      </c>
      <c r="F79">
        <f t="shared" si="5"/>
        <v>2.2154061089761604E-2</v>
      </c>
    </row>
    <row r="80" spans="1:6" x14ac:dyDescent="0.2">
      <c r="A80">
        <v>657.90717099999995</v>
      </c>
      <c r="B80">
        <v>20.040679000000001</v>
      </c>
      <c r="C80">
        <v>9.2102529999999998</v>
      </c>
      <c r="D80">
        <f t="shared" si="3"/>
        <v>0.39037500000000058</v>
      </c>
      <c r="E80">
        <f t="shared" si="4"/>
        <v>5.0626459999999724</v>
      </c>
      <c r="F80">
        <f t="shared" si="5"/>
        <v>1.9712011485545983E-2</v>
      </c>
    </row>
    <row r="81" spans="1:6" x14ac:dyDescent="0.2">
      <c r="A81">
        <v>658.04695000000004</v>
      </c>
      <c r="B81">
        <v>19.970336</v>
      </c>
      <c r="C81">
        <v>9.2152580000000004</v>
      </c>
      <c r="D81">
        <f t="shared" si="3"/>
        <v>0.39538000000000117</v>
      </c>
      <c r="E81">
        <f t="shared" si="4"/>
        <v>5.202425000000062</v>
      </c>
      <c r="F81">
        <f t="shared" si="5"/>
        <v>1.9995591252292364E-2</v>
      </c>
    </row>
    <row r="82" spans="1:6" x14ac:dyDescent="0.2">
      <c r="A82">
        <v>658.39328499999999</v>
      </c>
      <c r="B82">
        <v>19.974364999999999</v>
      </c>
      <c r="C82">
        <v>9.220262</v>
      </c>
      <c r="D82">
        <f t="shared" si="3"/>
        <v>0.40038400000000074</v>
      </c>
      <c r="E82">
        <f t="shared" si="4"/>
        <v>5.5487600000000157</v>
      </c>
      <c r="F82">
        <f t="shared" si="5"/>
        <v>2.1049114661128198E-2</v>
      </c>
    </row>
    <row r="83" spans="1:6" x14ac:dyDescent="0.2">
      <c r="A83">
        <v>657.92290400000002</v>
      </c>
      <c r="B83">
        <v>20.071137</v>
      </c>
      <c r="C83">
        <v>9.2252670000000006</v>
      </c>
      <c r="D83">
        <f t="shared" si="3"/>
        <v>0.40538900000000133</v>
      </c>
      <c r="E83">
        <f t="shared" si="4"/>
        <v>5.0783790000000408</v>
      </c>
      <c r="F83">
        <f t="shared" si="5"/>
        <v>1.9040491001086114E-2</v>
      </c>
    </row>
    <row r="84" spans="1:6" x14ac:dyDescent="0.2">
      <c r="A84">
        <v>657.40375700000004</v>
      </c>
      <c r="B84">
        <v>20.043876000000001</v>
      </c>
      <c r="C84">
        <v>9.2302719999999994</v>
      </c>
      <c r="D84">
        <f t="shared" si="3"/>
        <v>0.41039400000000015</v>
      </c>
      <c r="E84">
        <f t="shared" si="4"/>
        <v>4.5592320000000655</v>
      </c>
      <c r="F84">
        <f t="shared" si="5"/>
        <v>1.689890279139767E-2</v>
      </c>
    </row>
    <row r="85" spans="1:6" x14ac:dyDescent="0.2">
      <c r="A85">
        <v>657.74183800000003</v>
      </c>
      <c r="B85">
        <v>19.923314000000001</v>
      </c>
      <c r="C85">
        <v>9.235277</v>
      </c>
      <c r="D85">
        <f t="shared" si="3"/>
        <v>0.41539900000000074</v>
      </c>
      <c r="E85">
        <f t="shared" si="4"/>
        <v>4.8973130000000538</v>
      </c>
      <c r="F85">
        <f t="shared" si="5"/>
        <v>1.7924083049385975E-2</v>
      </c>
    </row>
    <row r="86" spans="1:6" x14ac:dyDescent="0.2">
      <c r="A86">
        <v>658.59614299999998</v>
      </c>
      <c r="B86">
        <v>19.917736999999999</v>
      </c>
      <c r="C86">
        <v>9.2402820000000006</v>
      </c>
      <c r="D86">
        <f t="shared" si="3"/>
        <v>0.42040400000000133</v>
      </c>
      <c r="E86">
        <f t="shared" si="4"/>
        <v>5.7516180000000077</v>
      </c>
      <c r="F86">
        <f t="shared" si="5"/>
        <v>2.0773229141448524E-2</v>
      </c>
    </row>
    <row r="87" spans="1:6" x14ac:dyDescent="0.2">
      <c r="A87">
        <v>658.96421199999997</v>
      </c>
      <c r="B87">
        <v>19.990314000000001</v>
      </c>
      <c r="C87">
        <v>9.2452860000000001</v>
      </c>
      <c r="D87">
        <f t="shared" si="3"/>
        <v>0.4254080000000009</v>
      </c>
      <c r="E87">
        <f t="shared" si="4"/>
        <v>6.119686999999999</v>
      </c>
      <c r="F87">
        <f t="shared" si="5"/>
        <v>2.1830401760964582E-2</v>
      </c>
    </row>
    <row r="88" spans="1:6" x14ac:dyDescent="0.2">
      <c r="A88">
        <v>658.89706699999999</v>
      </c>
      <c r="B88">
        <v>19.992588000000001</v>
      </c>
      <c r="C88">
        <v>9.2502910000000007</v>
      </c>
      <c r="D88">
        <f t="shared" si="3"/>
        <v>0.43041300000000149</v>
      </c>
      <c r="E88">
        <f t="shared" si="4"/>
        <v>6.0525420000000167</v>
      </c>
      <c r="F88">
        <f t="shared" si="5"/>
        <v>2.1341987311187048E-2</v>
      </c>
    </row>
    <row r="89" spans="1:6" x14ac:dyDescent="0.2">
      <c r="A89">
        <v>658.886031</v>
      </c>
      <c r="B89">
        <v>19.997502999999998</v>
      </c>
      <c r="C89">
        <v>9.2552959999999995</v>
      </c>
      <c r="D89">
        <f t="shared" si="3"/>
        <v>0.4354180000000003</v>
      </c>
      <c r="E89">
        <f t="shared" si="4"/>
        <v>6.0415060000000267</v>
      </c>
      <c r="F89">
        <f t="shared" si="5"/>
        <v>2.1058553299788275E-2</v>
      </c>
    </row>
    <row r="90" spans="1:6" x14ac:dyDescent="0.2">
      <c r="A90">
        <v>659.25766499999997</v>
      </c>
      <c r="B90">
        <v>19.963052000000001</v>
      </c>
      <c r="C90">
        <v>9.2603010000000001</v>
      </c>
      <c r="D90">
        <f t="shared" si="3"/>
        <v>0.4404230000000009</v>
      </c>
      <c r="E90">
        <f t="shared" si="4"/>
        <v>6.4131399999999985</v>
      </c>
      <c r="F90">
        <f t="shared" si="5"/>
        <v>2.2087448097843489E-2</v>
      </c>
    </row>
    <row r="91" spans="1:6" x14ac:dyDescent="0.2">
      <c r="A91">
        <v>659.42940199999998</v>
      </c>
      <c r="B91">
        <v>20.006012999999999</v>
      </c>
      <c r="C91">
        <v>9.2653060000000007</v>
      </c>
      <c r="D91">
        <f t="shared" si="3"/>
        <v>0.44542800000000149</v>
      </c>
      <c r="E91">
        <f t="shared" si="4"/>
        <v>6.5848770000000059</v>
      </c>
      <c r="F91">
        <f t="shared" si="5"/>
        <v>2.2418257140840486E-2</v>
      </c>
    </row>
    <row r="92" spans="1:6" x14ac:dyDescent="0.2">
      <c r="A92">
        <v>659.36339399999997</v>
      </c>
      <c r="B92">
        <v>20.006627999999999</v>
      </c>
      <c r="C92">
        <v>9.2703100000000003</v>
      </c>
      <c r="D92">
        <f t="shared" si="3"/>
        <v>0.45043200000000105</v>
      </c>
      <c r="E92">
        <f t="shared" si="4"/>
        <v>6.5188689999999951</v>
      </c>
      <c r="F92">
        <f t="shared" si="5"/>
        <v>2.1949174164893909E-2</v>
      </c>
    </row>
    <row r="93" spans="1:6" x14ac:dyDescent="0.2">
      <c r="A93">
        <v>659.27621199999999</v>
      </c>
      <c r="B93">
        <v>19.990349999999999</v>
      </c>
      <c r="C93">
        <v>9.2753150000000009</v>
      </c>
      <c r="D93">
        <f t="shared" si="3"/>
        <v>0.45543700000000165</v>
      </c>
      <c r="E93">
        <f t="shared" si="4"/>
        <v>6.4316870000000108</v>
      </c>
      <c r="F93">
        <f t="shared" si="5"/>
        <v>2.1420479349423968E-2</v>
      </c>
    </row>
    <row r="94" spans="1:6" x14ac:dyDescent="0.2">
      <c r="A94">
        <v>659.766884</v>
      </c>
      <c r="B94">
        <v>19.930662999999999</v>
      </c>
      <c r="C94">
        <v>9.2803199999999997</v>
      </c>
      <c r="D94">
        <f t="shared" si="3"/>
        <v>0.46044200000000046</v>
      </c>
      <c r="E94">
        <f t="shared" si="4"/>
        <v>6.9223590000000286</v>
      </c>
      <c r="F94">
        <f t="shared" si="5"/>
        <v>2.2787079829135293E-2</v>
      </c>
    </row>
    <row r="95" spans="1:6" x14ac:dyDescent="0.2">
      <c r="A95">
        <v>660.70630000000006</v>
      </c>
      <c r="B95">
        <v>19.923898000000001</v>
      </c>
      <c r="C95">
        <v>9.2853250000000003</v>
      </c>
      <c r="D95">
        <f t="shared" si="3"/>
        <v>0.46544700000000105</v>
      </c>
      <c r="E95">
        <f t="shared" si="4"/>
        <v>7.8617750000000797</v>
      </c>
      <c r="F95">
        <f t="shared" si="5"/>
        <v>2.5564772187526754E-2</v>
      </c>
    </row>
    <row r="96" spans="1:6" x14ac:dyDescent="0.2">
      <c r="A96">
        <v>660.84956399999999</v>
      </c>
      <c r="B96">
        <v>20.014976000000001</v>
      </c>
      <c r="C96">
        <v>9.2903300000000009</v>
      </c>
      <c r="D96">
        <f t="shared" si="3"/>
        <v>0.47045200000000165</v>
      </c>
      <c r="E96">
        <f t="shared" si="4"/>
        <v>8.0050390000000107</v>
      </c>
      <c r="F96">
        <f t="shared" si="5"/>
        <v>2.5748120038124607E-2</v>
      </c>
    </row>
    <row r="97" spans="1:6" x14ac:dyDescent="0.2">
      <c r="A97">
        <v>660.03003899999999</v>
      </c>
      <c r="B97">
        <v>20.070875999999998</v>
      </c>
      <c r="C97">
        <v>9.2953340000000004</v>
      </c>
      <c r="D97">
        <f t="shared" si="3"/>
        <v>0.47545600000000121</v>
      </c>
      <c r="E97">
        <f t="shared" si="4"/>
        <v>7.1855140000000119</v>
      </c>
      <c r="F97">
        <f t="shared" si="5"/>
        <v>2.2897275317490307E-2</v>
      </c>
    </row>
    <row r="98" spans="1:6" x14ac:dyDescent="0.2">
      <c r="A98">
        <v>660.00718199999994</v>
      </c>
      <c r="B98">
        <v>19.980286</v>
      </c>
      <c r="C98">
        <v>9.3003389999999992</v>
      </c>
      <c r="D98">
        <f t="shared" si="3"/>
        <v>0.48046100000000003</v>
      </c>
      <c r="E98">
        <f t="shared" si="4"/>
        <v>7.1626569999999674</v>
      </c>
      <c r="F98">
        <f t="shared" si="5"/>
        <v>2.2587457696459028E-2</v>
      </c>
    </row>
    <row r="99" spans="1:6" x14ac:dyDescent="0.2">
      <c r="A99">
        <v>660.55446700000005</v>
      </c>
      <c r="B99">
        <v>19.918783000000001</v>
      </c>
      <c r="C99">
        <v>9.3053439999999998</v>
      </c>
      <c r="D99">
        <f t="shared" si="3"/>
        <v>0.48546600000000062</v>
      </c>
      <c r="E99">
        <f t="shared" si="4"/>
        <v>7.7099420000000691</v>
      </c>
      <c r="F99">
        <f t="shared" si="5"/>
        <v>2.4042723283204198E-2</v>
      </c>
    </row>
    <row r="100" spans="1:6" x14ac:dyDescent="0.2">
      <c r="A100">
        <v>661.28946099999996</v>
      </c>
      <c r="B100">
        <v>19.968440000000001</v>
      </c>
      <c r="C100">
        <v>9.3103490000000004</v>
      </c>
      <c r="D100">
        <f t="shared" si="3"/>
        <v>0.49047100000000121</v>
      </c>
      <c r="E100">
        <f t="shared" si="4"/>
        <v>8.4449359999999842</v>
      </c>
      <c r="F100">
        <f t="shared" si="5"/>
        <v>2.6037029024496873E-2</v>
      </c>
    </row>
    <row r="101" spans="1:6" x14ac:dyDescent="0.2">
      <c r="A101">
        <v>661.18398300000001</v>
      </c>
      <c r="B101">
        <v>20.025078000000001</v>
      </c>
      <c r="C101">
        <v>9.3153539999999992</v>
      </c>
      <c r="D101">
        <f t="shared" si="3"/>
        <v>0.49547600000000003</v>
      </c>
      <c r="E101">
        <f t="shared" si="4"/>
        <v>8.339458000000036</v>
      </c>
      <c r="F101">
        <f t="shared" si="5"/>
        <v>2.545615921323981E-2</v>
      </c>
    </row>
    <row r="102" spans="1:6" x14ac:dyDescent="0.2">
      <c r="A102">
        <v>660.85400500000003</v>
      </c>
      <c r="B102">
        <v>20.017351000000001</v>
      </c>
      <c r="C102">
        <v>9.3203580000000006</v>
      </c>
      <c r="D102">
        <f t="shared" si="3"/>
        <v>0.50048000000000137</v>
      </c>
      <c r="E102">
        <f t="shared" si="4"/>
        <v>8.0094800000000532</v>
      </c>
      <c r="F102">
        <f t="shared" si="5"/>
        <v>2.4216538639747879E-2</v>
      </c>
    </row>
    <row r="103" spans="1:6" x14ac:dyDescent="0.2">
      <c r="A103">
        <v>660.80261399999995</v>
      </c>
      <c r="B103">
        <v>19.979185999999999</v>
      </c>
      <c r="C103">
        <v>9.3253629999999994</v>
      </c>
      <c r="D103">
        <f t="shared" si="3"/>
        <v>0.50548500000000018</v>
      </c>
      <c r="E103">
        <f t="shared" si="4"/>
        <v>7.9580889999999727</v>
      </c>
      <c r="F103">
        <f t="shared" si="5"/>
        <v>2.3824772749677557E-2</v>
      </c>
    </row>
    <row r="104" spans="1:6" x14ac:dyDescent="0.2">
      <c r="A104">
        <v>661.47778400000004</v>
      </c>
      <c r="B104">
        <v>19.956880000000002</v>
      </c>
      <c r="C104">
        <v>9.330368</v>
      </c>
      <c r="D104">
        <f t="shared" si="3"/>
        <v>0.51049000000000078</v>
      </c>
      <c r="E104">
        <f t="shared" si="4"/>
        <v>8.6332590000000664</v>
      </c>
      <c r="F104">
        <f t="shared" si="5"/>
        <v>2.5566558282988618E-2</v>
      </c>
    </row>
    <row r="105" spans="1:6" x14ac:dyDescent="0.2">
      <c r="A105">
        <v>661.55923399999995</v>
      </c>
      <c r="B105">
        <v>19.984444</v>
      </c>
      <c r="C105">
        <v>9.3353730000000006</v>
      </c>
      <c r="D105">
        <f t="shared" si="3"/>
        <v>0.51549500000000137</v>
      </c>
      <c r="E105">
        <f t="shared" si="4"/>
        <v>8.7147089999999707</v>
      </c>
      <c r="F105">
        <f t="shared" si="5"/>
        <v>2.5554047451148781E-2</v>
      </c>
    </row>
    <row r="106" spans="1:6" x14ac:dyDescent="0.2">
      <c r="A106">
        <v>661.14206200000001</v>
      </c>
      <c r="B106">
        <v>20.062366000000001</v>
      </c>
      <c r="C106">
        <v>9.3403779999999994</v>
      </c>
      <c r="D106">
        <f t="shared" si="3"/>
        <v>0.52050000000000018</v>
      </c>
      <c r="E106">
        <f t="shared" si="4"/>
        <v>8.2975370000000339</v>
      </c>
      <c r="F106">
        <f t="shared" si="5"/>
        <v>2.4112024479079716E-2</v>
      </c>
    </row>
    <row r="107" spans="1:6" x14ac:dyDescent="0.2">
      <c r="A107">
        <v>660.49601500000006</v>
      </c>
      <c r="B107">
        <v>20.054845</v>
      </c>
      <c r="C107">
        <v>9.3453820000000007</v>
      </c>
      <c r="D107">
        <f t="shared" si="3"/>
        <v>0.52550400000000153</v>
      </c>
      <c r="E107">
        <f t="shared" si="4"/>
        <v>7.6514900000000807</v>
      </c>
      <c r="F107">
        <f t="shared" si="5"/>
        <v>2.2044476361343261E-2</v>
      </c>
    </row>
    <row r="108" spans="1:6" x14ac:dyDescent="0.2">
      <c r="A108">
        <v>660.59539400000006</v>
      </c>
      <c r="B108">
        <v>19.978940000000001</v>
      </c>
      <c r="C108">
        <v>9.3503869999999996</v>
      </c>
      <c r="D108">
        <f t="shared" si="3"/>
        <v>0.53050900000000034</v>
      </c>
      <c r="E108">
        <f t="shared" si="4"/>
        <v>7.7508690000000797</v>
      </c>
      <c r="F108">
        <f t="shared" si="5"/>
        <v>2.2116790264792525E-2</v>
      </c>
    </row>
    <row r="109" spans="1:6" x14ac:dyDescent="0.2">
      <c r="A109">
        <v>660.56600100000003</v>
      </c>
      <c r="B109">
        <v>20.002396999999998</v>
      </c>
      <c r="C109">
        <v>9.3553920000000002</v>
      </c>
      <c r="D109">
        <f t="shared" si="3"/>
        <v>0.53551400000000093</v>
      </c>
      <c r="E109">
        <f t="shared" si="4"/>
        <v>7.7214760000000524</v>
      </c>
      <c r="F109">
        <f t="shared" si="5"/>
        <v>2.1827966559337556E-2</v>
      </c>
    </row>
    <row r="110" spans="1:6" x14ac:dyDescent="0.2">
      <c r="A110">
        <v>659.92026499999997</v>
      </c>
      <c r="B110">
        <v>20.066839999999999</v>
      </c>
      <c r="C110">
        <v>9.3603970000000007</v>
      </c>
      <c r="D110">
        <f t="shared" si="3"/>
        <v>0.54051900000000153</v>
      </c>
      <c r="E110">
        <f t="shared" si="4"/>
        <v>7.0757399999999961</v>
      </c>
      <c r="F110">
        <f t="shared" si="5"/>
        <v>1.9836700517191028E-2</v>
      </c>
    </row>
    <row r="111" spans="1:6" x14ac:dyDescent="0.2">
      <c r="A111">
        <v>659.25823200000002</v>
      </c>
      <c r="B111">
        <v>20.054483000000001</v>
      </c>
      <c r="C111">
        <v>9.3654019999999996</v>
      </c>
      <c r="D111">
        <f t="shared" si="3"/>
        <v>0.54552400000000034</v>
      </c>
      <c r="E111">
        <f t="shared" si="4"/>
        <v>6.4137070000000449</v>
      </c>
      <c r="F111">
        <f t="shared" si="5"/>
        <v>1.7833627566581214E-2</v>
      </c>
    </row>
    <row r="112" spans="1:6" x14ac:dyDescent="0.2">
      <c r="A112">
        <v>659.483293</v>
      </c>
      <c r="B112">
        <v>19.973780000000001</v>
      </c>
      <c r="C112">
        <v>9.3704059999999991</v>
      </c>
      <c r="D112">
        <f t="shared" si="3"/>
        <v>0.55052799999999991</v>
      </c>
      <c r="E112">
        <f t="shared" si="4"/>
        <v>6.6387680000000273</v>
      </c>
      <c r="F112">
        <f t="shared" si="5"/>
        <v>1.8285392285802188E-2</v>
      </c>
    </row>
    <row r="113" spans="1:6" x14ac:dyDescent="0.2">
      <c r="A113">
        <v>659.91242399999999</v>
      </c>
      <c r="B113">
        <v>19.957924999999999</v>
      </c>
      <c r="C113">
        <v>9.3754109999999997</v>
      </c>
      <c r="D113">
        <f t="shared" si="3"/>
        <v>0.5555330000000005</v>
      </c>
      <c r="E113">
        <f t="shared" si="4"/>
        <v>7.0678990000000113</v>
      </c>
      <c r="F113">
        <f t="shared" si="5"/>
        <v>1.9279429027738045E-2</v>
      </c>
    </row>
    <row r="114" spans="1:6" x14ac:dyDescent="0.2">
      <c r="A114">
        <v>659.98773900000003</v>
      </c>
      <c r="B114">
        <v>19.997422</v>
      </c>
      <c r="C114">
        <v>9.3804160000000003</v>
      </c>
      <c r="D114">
        <f t="shared" si="3"/>
        <v>0.56053800000000109</v>
      </c>
      <c r="E114">
        <f t="shared" si="4"/>
        <v>7.1432140000000572</v>
      </c>
      <c r="F114">
        <f t="shared" si="5"/>
        <v>1.9308686621900006E-2</v>
      </c>
    </row>
    <row r="115" spans="1:6" x14ac:dyDescent="0.2">
      <c r="A115">
        <v>659.67078400000003</v>
      </c>
      <c r="B115">
        <v>20.038104000000001</v>
      </c>
      <c r="C115">
        <v>9.3854209999999991</v>
      </c>
      <c r="D115">
        <f t="shared" si="3"/>
        <v>0.56554299999999991</v>
      </c>
      <c r="E115">
        <f t="shared" si="4"/>
        <v>6.82625900000005</v>
      </c>
      <c r="F115">
        <f t="shared" si="5"/>
        <v>1.8297420998411439E-2</v>
      </c>
    </row>
    <row r="116" spans="1:6" x14ac:dyDescent="0.2">
      <c r="A116">
        <v>659.42959199999996</v>
      </c>
      <c r="B116">
        <v>20.016314999999999</v>
      </c>
      <c r="C116">
        <v>9.3904259999999997</v>
      </c>
      <c r="D116">
        <f t="shared" si="3"/>
        <v>0.5705480000000005</v>
      </c>
      <c r="E116">
        <f t="shared" si="4"/>
        <v>6.5850669999999809</v>
      </c>
      <c r="F116">
        <f t="shared" si="5"/>
        <v>1.7502479532608153E-2</v>
      </c>
    </row>
    <row r="117" spans="1:6" x14ac:dyDescent="0.2">
      <c r="A117">
        <v>659.62719900000002</v>
      </c>
      <c r="B117">
        <v>19.969773</v>
      </c>
      <c r="C117">
        <v>9.3954299999999993</v>
      </c>
      <c r="D117">
        <f t="shared" si="3"/>
        <v>0.57555200000000006</v>
      </c>
      <c r="E117">
        <f t="shared" si="4"/>
        <v>6.7826740000000427</v>
      </c>
      <c r="F117">
        <f t="shared" si="5"/>
        <v>1.7865608853923406E-2</v>
      </c>
    </row>
    <row r="118" spans="1:6" x14ac:dyDescent="0.2">
      <c r="A118">
        <v>659.59976800000004</v>
      </c>
      <c r="B118">
        <v>20.015612999999998</v>
      </c>
      <c r="C118">
        <v>9.4004349999999999</v>
      </c>
      <c r="D118">
        <f t="shared" si="3"/>
        <v>0.58055700000000066</v>
      </c>
      <c r="E118">
        <f t="shared" si="4"/>
        <v>6.7552430000000641</v>
      </c>
      <c r="F118">
        <f t="shared" si="5"/>
        <v>1.7640691942831875E-2</v>
      </c>
    </row>
    <row r="119" spans="1:6" x14ac:dyDescent="0.2">
      <c r="A119">
        <v>659.25430400000005</v>
      </c>
      <c r="B119">
        <v>20.019907</v>
      </c>
      <c r="C119">
        <v>9.4054400000000005</v>
      </c>
      <c r="D119">
        <f t="shared" si="3"/>
        <v>0.58556200000000125</v>
      </c>
      <c r="E119">
        <f t="shared" si="4"/>
        <v>6.4097790000000714</v>
      </c>
      <c r="F119">
        <f t="shared" si="5"/>
        <v>1.6604170973236024E-2</v>
      </c>
    </row>
    <row r="120" spans="1:6" x14ac:dyDescent="0.2">
      <c r="A120">
        <v>659.31646000000001</v>
      </c>
      <c r="B120">
        <v>19.967437</v>
      </c>
      <c r="C120">
        <v>9.4104449999999993</v>
      </c>
      <c r="D120">
        <f t="shared" si="3"/>
        <v>0.59056700000000006</v>
      </c>
      <c r="E120">
        <f t="shared" si="4"/>
        <v>6.4719350000000304</v>
      </c>
      <c r="F120">
        <f t="shared" si="5"/>
        <v>1.6621532117691001E-2</v>
      </c>
    </row>
    <row r="121" spans="1:6" x14ac:dyDescent="0.2">
      <c r="A121">
        <v>660.19425200000001</v>
      </c>
      <c r="B121">
        <v>19.919497</v>
      </c>
      <c r="C121">
        <v>9.4154499999999999</v>
      </c>
      <c r="D121">
        <f t="shared" si="3"/>
        <v>0.59557200000000066</v>
      </c>
      <c r="E121">
        <f t="shared" si="4"/>
        <v>7.3497270000000299</v>
      </c>
      <c r="F121">
        <f t="shared" si="5"/>
        <v>1.869240565047631E-2</v>
      </c>
    </row>
    <row r="122" spans="1:6" x14ac:dyDescent="0.2">
      <c r="A122">
        <v>660.69193700000005</v>
      </c>
      <c r="B122">
        <v>19.988724999999999</v>
      </c>
      <c r="C122">
        <v>9.4204539999999994</v>
      </c>
      <c r="D122">
        <f t="shared" si="3"/>
        <v>0.60057600000000022</v>
      </c>
      <c r="E122">
        <f t="shared" si="4"/>
        <v>7.8474120000000767</v>
      </c>
      <c r="F122">
        <f t="shared" si="5"/>
        <v>1.9776957233949975E-2</v>
      </c>
    </row>
    <row r="123" spans="1:6" x14ac:dyDescent="0.2">
      <c r="A123">
        <v>660.55708200000004</v>
      </c>
      <c r="B123">
        <v>20.001747999999999</v>
      </c>
      <c r="C123">
        <v>9.425459</v>
      </c>
      <c r="D123">
        <f t="shared" si="3"/>
        <v>0.60558100000000081</v>
      </c>
      <c r="E123">
        <f t="shared" si="4"/>
        <v>7.7125570000000607</v>
      </c>
      <c r="F123">
        <f t="shared" si="5"/>
        <v>1.9280389038914582E-2</v>
      </c>
    </row>
    <row r="124" spans="1:6" x14ac:dyDescent="0.2">
      <c r="A124">
        <v>660.23602000000005</v>
      </c>
      <c r="B124">
        <v>20.030788000000001</v>
      </c>
      <c r="C124">
        <v>9.4304640000000006</v>
      </c>
      <c r="D124">
        <f t="shared" si="3"/>
        <v>0.61058600000000141</v>
      </c>
      <c r="E124">
        <f t="shared" si="4"/>
        <v>7.3914950000000772</v>
      </c>
      <c r="F124">
        <f t="shared" si="5"/>
        <v>1.8335224466166287E-2</v>
      </c>
    </row>
    <row r="125" spans="1:6" x14ac:dyDescent="0.2">
      <c r="A125">
        <v>659.95135700000003</v>
      </c>
      <c r="B125">
        <v>20.011771</v>
      </c>
      <c r="C125">
        <v>9.4354689999999994</v>
      </c>
      <c r="D125">
        <f t="shared" si="3"/>
        <v>0.61559100000000022</v>
      </c>
      <c r="E125">
        <f t="shared" si="4"/>
        <v>7.106832000000054</v>
      </c>
      <c r="F125">
        <f t="shared" si="5"/>
        <v>1.7493304716568549E-2</v>
      </c>
    </row>
    <row r="126" spans="1:6" x14ac:dyDescent="0.2">
      <c r="A126">
        <v>660.36788200000001</v>
      </c>
      <c r="B126">
        <v>19.958044999999998</v>
      </c>
      <c r="C126">
        <v>9.440474</v>
      </c>
      <c r="D126">
        <f t="shared" si="3"/>
        <v>0.62059600000000081</v>
      </c>
      <c r="E126">
        <f t="shared" si="4"/>
        <v>7.5233570000000327</v>
      </c>
      <c r="F126">
        <f t="shared" si="5"/>
        <v>1.83576360704341E-2</v>
      </c>
    </row>
    <row r="127" spans="1:6" x14ac:dyDescent="0.2">
      <c r="A127">
        <v>660.28607699999998</v>
      </c>
      <c r="B127">
        <v>20.055436</v>
      </c>
      <c r="C127">
        <v>9.4454779999999996</v>
      </c>
      <c r="D127">
        <f t="shared" si="3"/>
        <v>0.62560000000000038</v>
      </c>
      <c r="E127">
        <f t="shared" si="4"/>
        <v>7.4415520000000015</v>
      </c>
      <c r="F127">
        <f t="shared" si="5"/>
        <v>1.8015015540936392E-2</v>
      </c>
    </row>
    <row r="128" spans="1:6" x14ac:dyDescent="0.2">
      <c r="A128">
        <v>659.64264900000001</v>
      </c>
      <c r="B128">
        <v>20.043759000000001</v>
      </c>
      <c r="C128">
        <v>9.4504830000000002</v>
      </c>
      <c r="D128">
        <f t="shared" si="3"/>
        <v>0.63060500000000097</v>
      </c>
      <c r="E128">
        <f t="shared" si="4"/>
        <v>6.7981240000000298</v>
      </c>
      <c r="F128">
        <f t="shared" si="5"/>
        <v>1.634266750675582E-2</v>
      </c>
    </row>
    <row r="129" spans="1:6" x14ac:dyDescent="0.2">
      <c r="A129">
        <v>659.63471600000003</v>
      </c>
      <c r="B129">
        <v>19.969114000000001</v>
      </c>
      <c r="C129">
        <v>9.4554880000000008</v>
      </c>
      <c r="D129">
        <f t="shared" si="3"/>
        <v>0.63561000000000156</v>
      </c>
      <c r="E129">
        <f t="shared" si="4"/>
        <v>6.7901910000000498</v>
      </c>
      <c r="F129">
        <f t="shared" si="5"/>
        <v>1.6195254056446999E-2</v>
      </c>
    </row>
    <row r="130" spans="1:6" x14ac:dyDescent="0.2">
      <c r="A130">
        <v>659.95673199999999</v>
      </c>
      <c r="B130">
        <v>19.974163999999998</v>
      </c>
      <c r="C130">
        <v>9.4604929999999996</v>
      </c>
      <c r="D130">
        <f t="shared" si="3"/>
        <v>0.64061500000000038</v>
      </c>
      <c r="E130">
        <f t="shared" si="4"/>
        <v>7.1122070000000122</v>
      </c>
      <c r="F130">
        <f t="shared" si="5"/>
        <v>1.682254975537955E-2</v>
      </c>
    </row>
    <row r="131" spans="1:6" x14ac:dyDescent="0.2">
      <c r="A131">
        <v>660.20858899999996</v>
      </c>
      <c r="B131">
        <v>19.984527</v>
      </c>
      <c r="C131">
        <v>9.4654980000000002</v>
      </c>
      <c r="D131">
        <f t="shared" ref="D131:D194" si="6">C131-$C$2</f>
        <v>0.64562000000000097</v>
      </c>
      <c r="E131">
        <f t="shared" ref="E131:E194" si="7">A131-$A$2</f>
        <v>7.3640639999999848</v>
      </c>
      <c r="F131">
        <f t="shared" ref="F131:F194" si="8">(1/A131)*(E131/D131)</f>
        <v>1.7276644971574325E-2</v>
      </c>
    </row>
    <row r="132" spans="1:6" x14ac:dyDescent="0.2">
      <c r="A132">
        <v>659.96803</v>
      </c>
      <c r="B132">
        <v>20.025065999999999</v>
      </c>
      <c r="C132">
        <v>9.4705019999999998</v>
      </c>
      <c r="D132">
        <f t="shared" si="6"/>
        <v>0.65062400000000054</v>
      </c>
      <c r="E132">
        <f t="shared" si="7"/>
        <v>7.1235050000000228</v>
      </c>
      <c r="F132">
        <f t="shared" si="8"/>
        <v>1.658978493695042E-2</v>
      </c>
    </row>
    <row r="133" spans="1:6" x14ac:dyDescent="0.2">
      <c r="A133">
        <v>659.66731500000003</v>
      </c>
      <c r="B133">
        <v>20.00789</v>
      </c>
      <c r="C133">
        <v>9.4755070000000003</v>
      </c>
      <c r="D133">
        <f t="shared" si="6"/>
        <v>0.65562900000000113</v>
      </c>
      <c r="E133">
        <f t="shared" si="7"/>
        <v>6.8227900000000545</v>
      </c>
      <c r="F133">
        <f t="shared" si="8"/>
        <v>1.5775345613724803E-2</v>
      </c>
    </row>
    <row r="134" spans="1:6" x14ac:dyDescent="0.2">
      <c r="A134">
        <v>660.16941599999996</v>
      </c>
      <c r="B134">
        <v>19.944554</v>
      </c>
      <c r="C134">
        <v>9.4805119999999992</v>
      </c>
      <c r="D134">
        <f t="shared" si="6"/>
        <v>0.66063399999999994</v>
      </c>
      <c r="E134">
        <f t="shared" si="7"/>
        <v>7.3248909999999796</v>
      </c>
      <c r="F134">
        <f t="shared" si="8"/>
        <v>1.679518703288109E-2</v>
      </c>
    </row>
    <row r="135" spans="1:6" x14ac:dyDescent="0.2">
      <c r="A135">
        <v>660.59893599999998</v>
      </c>
      <c r="B135">
        <v>19.969916999999999</v>
      </c>
      <c r="C135">
        <v>9.4855169999999998</v>
      </c>
      <c r="D135">
        <f t="shared" si="6"/>
        <v>0.66563900000000054</v>
      </c>
      <c r="E135">
        <f t="shared" si="7"/>
        <v>7.7544110000000046</v>
      </c>
      <c r="F135">
        <f t="shared" si="8"/>
        <v>1.7634866912368818E-2</v>
      </c>
    </row>
    <row r="136" spans="1:6" x14ac:dyDescent="0.2">
      <c r="A136">
        <v>660.17645100000004</v>
      </c>
      <c r="B136">
        <v>20.066586000000001</v>
      </c>
      <c r="C136">
        <v>9.4905220000000003</v>
      </c>
      <c r="D136">
        <f t="shared" si="6"/>
        <v>0.67064400000000113</v>
      </c>
      <c r="E136">
        <f t="shared" si="7"/>
        <v>7.3319260000000668</v>
      </c>
      <c r="F136">
        <f t="shared" si="8"/>
        <v>1.6560216144800105E-2</v>
      </c>
    </row>
    <row r="137" spans="1:6" x14ac:dyDescent="0.2">
      <c r="A137">
        <v>659.78661399999999</v>
      </c>
      <c r="B137">
        <v>20.020705</v>
      </c>
      <c r="C137">
        <v>9.4955259999999999</v>
      </c>
      <c r="D137">
        <f t="shared" si="6"/>
        <v>0.67564800000000069</v>
      </c>
      <c r="E137">
        <f t="shared" si="7"/>
        <v>6.9420890000000099</v>
      </c>
      <c r="F137">
        <f t="shared" si="8"/>
        <v>1.5572781190475869E-2</v>
      </c>
    </row>
    <row r="138" spans="1:6" x14ac:dyDescent="0.2">
      <c r="A138">
        <v>659.64365099999998</v>
      </c>
      <c r="B138">
        <v>20.008011</v>
      </c>
      <c r="C138">
        <v>9.5005310000000005</v>
      </c>
      <c r="D138">
        <f t="shared" si="6"/>
        <v>0.68065300000000128</v>
      </c>
      <c r="E138">
        <f t="shared" si="7"/>
        <v>6.7991260000000011</v>
      </c>
      <c r="F138">
        <f t="shared" si="8"/>
        <v>1.5143209815541838E-2</v>
      </c>
    </row>
    <row r="139" spans="1:6" x14ac:dyDescent="0.2">
      <c r="A139">
        <v>659.87065199999995</v>
      </c>
      <c r="B139">
        <v>19.978489</v>
      </c>
      <c r="C139">
        <v>9.5055359999999993</v>
      </c>
      <c r="D139">
        <f t="shared" si="6"/>
        <v>0.6856580000000001</v>
      </c>
      <c r="E139">
        <f t="shared" si="7"/>
        <v>7.026126999999974</v>
      </c>
      <c r="F139">
        <f t="shared" si="8"/>
        <v>1.5529219715825129E-2</v>
      </c>
    </row>
    <row r="140" spans="1:6" x14ac:dyDescent="0.2">
      <c r="A140">
        <v>659.73027500000001</v>
      </c>
      <c r="B140">
        <v>20.014513999999998</v>
      </c>
      <c r="C140">
        <v>9.5105409999999999</v>
      </c>
      <c r="D140">
        <f t="shared" si="6"/>
        <v>0.69066300000000069</v>
      </c>
      <c r="E140">
        <f t="shared" si="7"/>
        <v>6.88575000000003</v>
      </c>
      <c r="F140">
        <f t="shared" si="8"/>
        <v>1.5111885200768232E-2</v>
      </c>
    </row>
    <row r="141" spans="1:6" x14ac:dyDescent="0.2">
      <c r="A141">
        <v>659.68388000000004</v>
      </c>
      <c r="B141">
        <v>19.986625</v>
      </c>
      <c r="C141">
        <v>9.5155460000000005</v>
      </c>
      <c r="D141">
        <f t="shared" si="6"/>
        <v>0.69566800000000129</v>
      </c>
      <c r="E141">
        <f t="shared" si="7"/>
        <v>6.8393550000000687</v>
      </c>
      <c r="F141">
        <f t="shared" si="8"/>
        <v>1.4903121703242064E-2</v>
      </c>
    </row>
    <row r="142" spans="1:6" x14ac:dyDescent="0.2">
      <c r="A142">
        <v>660.14120800000001</v>
      </c>
      <c r="B142">
        <v>19.954331</v>
      </c>
      <c r="C142">
        <v>9.5205500000000001</v>
      </c>
      <c r="D142">
        <f t="shared" si="6"/>
        <v>0.70067200000000085</v>
      </c>
      <c r="E142">
        <f t="shared" si="7"/>
        <v>7.29668300000003</v>
      </c>
      <c r="F142">
        <f t="shared" si="8"/>
        <v>1.5775163629825843E-2</v>
      </c>
    </row>
    <row r="143" spans="1:6" x14ac:dyDescent="0.2">
      <c r="A143">
        <v>660.42680299999995</v>
      </c>
      <c r="B143">
        <v>19.977059000000001</v>
      </c>
      <c r="C143">
        <v>9.5255550000000007</v>
      </c>
      <c r="D143">
        <f t="shared" si="6"/>
        <v>0.70567700000000144</v>
      </c>
      <c r="E143">
        <f t="shared" si="7"/>
        <v>7.5822779999999739</v>
      </c>
      <c r="F143">
        <f t="shared" si="8"/>
        <v>1.6269306847507124E-2</v>
      </c>
    </row>
    <row r="144" spans="1:6" x14ac:dyDescent="0.2">
      <c r="A144">
        <v>660.66372100000001</v>
      </c>
      <c r="B144">
        <v>19.997098999999999</v>
      </c>
      <c r="C144">
        <v>9.5305599999999995</v>
      </c>
      <c r="D144">
        <f t="shared" si="6"/>
        <v>0.71068200000000026</v>
      </c>
      <c r="E144">
        <f t="shared" si="7"/>
        <v>7.8191960000000336</v>
      </c>
      <c r="F144">
        <f t="shared" si="8"/>
        <v>1.6653530799626393E-2</v>
      </c>
    </row>
    <row r="145" spans="1:6" x14ac:dyDescent="0.2">
      <c r="A145">
        <v>660.86236099999996</v>
      </c>
      <c r="B145">
        <v>19.970562999999999</v>
      </c>
      <c r="C145">
        <v>9.5355650000000001</v>
      </c>
      <c r="D145">
        <f t="shared" si="6"/>
        <v>0.71568700000000085</v>
      </c>
      <c r="E145">
        <f t="shared" si="7"/>
        <v>8.0178359999999884</v>
      </c>
      <c r="F145">
        <f t="shared" si="8"/>
        <v>1.6952081145334513E-2</v>
      </c>
    </row>
    <row r="146" spans="1:6" x14ac:dyDescent="0.2">
      <c r="A146">
        <v>661.01021600000001</v>
      </c>
      <c r="B146">
        <v>19.977547999999999</v>
      </c>
      <c r="C146">
        <v>9.5405700000000007</v>
      </c>
      <c r="D146">
        <f t="shared" si="6"/>
        <v>0.72069200000000144</v>
      </c>
      <c r="E146">
        <f t="shared" si="7"/>
        <v>8.165691000000038</v>
      </c>
      <c r="F146">
        <f t="shared" si="8"/>
        <v>1.7140957132890874E-2</v>
      </c>
    </row>
    <row r="147" spans="1:6" x14ac:dyDescent="0.2">
      <c r="A147">
        <v>661.25114900000005</v>
      </c>
      <c r="B147">
        <v>19.986685999999999</v>
      </c>
      <c r="C147">
        <v>9.5455740000000002</v>
      </c>
      <c r="D147">
        <f t="shared" si="6"/>
        <v>0.72569600000000101</v>
      </c>
      <c r="E147">
        <f t="shared" si="7"/>
        <v>8.4066240000000789</v>
      </c>
      <c r="F147">
        <f t="shared" si="8"/>
        <v>1.7518642670192399E-2</v>
      </c>
    </row>
    <row r="148" spans="1:6" x14ac:dyDescent="0.2">
      <c r="A148">
        <v>661.38671299999999</v>
      </c>
      <c r="B148">
        <v>20.007269000000001</v>
      </c>
      <c r="C148">
        <v>9.5505790000000008</v>
      </c>
      <c r="D148">
        <f t="shared" si="6"/>
        <v>0.7307010000000016</v>
      </c>
      <c r="E148">
        <f t="shared" si="7"/>
        <v>8.5421880000000101</v>
      </c>
      <c r="F148">
        <f t="shared" si="8"/>
        <v>1.7675591570370519E-2</v>
      </c>
    </row>
    <row r="149" spans="1:6" x14ac:dyDescent="0.2">
      <c r="A149">
        <v>661.30489</v>
      </c>
      <c r="B149">
        <v>19.993721000000001</v>
      </c>
      <c r="C149">
        <v>9.5555839999999996</v>
      </c>
      <c r="D149">
        <f t="shared" si="6"/>
        <v>0.73570600000000042</v>
      </c>
      <c r="E149">
        <f t="shared" si="7"/>
        <v>8.4603650000000243</v>
      </c>
      <c r="F149">
        <f t="shared" si="8"/>
        <v>1.7389338756278312E-2</v>
      </c>
    </row>
    <row r="150" spans="1:6" x14ac:dyDescent="0.2">
      <c r="A150">
        <v>661.50303799999995</v>
      </c>
      <c r="B150">
        <v>19.967202</v>
      </c>
      <c r="C150">
        <v>9.5605890000000002</v>
      </c>
      <c r="D150">
        <f t="shared" si="6"/>
        <v>0.74071100000000101</v>
      </c>
      <c r="E150">
        <f t="shared" si="7"/>
        <v>8.6585129999999708</v>
      </c>
      <c r="F150">
        <f t="shared" si="8"/>
        <v>1.7671063034323517E-2</v>
      </c>
    </row>
    <row r="151" spans="1:6" x14ac:dyDescent="0.2">
      <c r="A151">
        <v>661.78840600000001</v>
      </c>
      <c r="B151">
        <v>19.962388000000001</v>
      </c>
      <c r="C151">
        <v>9.5655940000000008</v>
      </c>
      <c r="D151">
        <f t="shared" si="6"/>
        <v>0.7457160000000016</v>
      </c>
      <c r="E151">
        <f t="shared" si="7"/>
        <v>8.9438810000000331</v>
      </c>
      <c r="F151">
        <f t="shared" si="8"/>
        <v>1.8123137958951534E-2</v>
      </c>
    </row>
    <row r="152" spans="1:6" x14ac:dyDescent="0.2">
      <c r="A152">
        <v>662.00679000000002</v>
      </c>
      <c r="B152">
        <v>19.992992999999998</v>
      </c>
      <c r="C152">
        <v>9.5705980000000004</v>
      </c>
      <c r="D152">
        <f t="shared" si="6"/>
        <v>0.75072000000000116</v>
      </c>
      <c r="E152">
        <f t="shared" si="7"/>
        <v>9.1622650000000476</v>
      </c>
      <c r="F152">
        <f t="shared" si="8"/>
        <v>1.8435818282055275E-2</v>
      </c>
    </row>
    <row r="153" spans="1:6" x14ac:dyDescent="0.2">
      <c r="A153">
        <v>662.22500200000002</v>
      </c>
      <c r="B153">
        <v>19.973804000000001</v>
      </c>
      <c r="C153">
        <v>9.5756029999999992</v>
      </c>
      <c r="D153">
        <f t="shared" si="6"/>
        <v>0.75572499999999998</v>
      </c>
      <c r="E153">
        <f t="shared" si="7"/>
        <v>9.3804770000000417</v>
      </c>
      <c r="F153">
        <f t="shared" si="8"/>
        <v>1.8743710175141707E-2</v>
      </c>
    </row>
    <row r="154" spans="1:6" x14ac:dyDescent="0.2">
      <c r="A154">
        <v>662.173722</v>
      </c>
      <c r="B154">
        <v>19.990161000000001</v>
      </c>
      <c r="C154">
        <v>9.5806079999999998</v>
      </c>
      <c r="D154">
        <f t="shared" si="6"/>
        <v>0.76073000000000057</v>
      </c>
      <c r="E154">
        <f t="shared" si="7"/>
        <v>9.3291970000000219</v>
      </c>
      <c r="F154">
        <f t="shared" si="8"/>
        <v>1.8520033954836479E-2</v>
      </c>
    </row>
    <row r="155" spans="1:6" x14ac:dyDescent="0.2">
      <c r="A155">
        <v>662.09624799999995</v>
      </c>
      <c r="B155">
        <v>20.048006999999998</v>
      </c>
      <c r="C155">
        <v>9.5856130000000004</v>
      </c>
      <c r="D155">
        <f t="shared" si="6"/>
        <v>0.76573500000000116</v>
      </c>
      <c r="E155">
        <f t="shared" si="7"/>
        <v>9.2517229999999699</v>
      </c>
      <c r="F155">
        <f t="shared" si="8"/>
        <v>1.8248324551798836E-2</v>
      </c>
    </row>
    <row r="156" spans="1:6" x14ac:dyDescent="0.2">
      <c r="A156">
        <v>661.43225800000005</v>
      </c>
      <c r="B156">
        <v>20.070419999999999</v>
      </c>
      <c r="C156">
        <v>9.5906179999999992</v>
      </c>
      <c r="D156">
        <f t="shared" si="6"/>
        <v>0.77073999999999998</v>
      </c>
      <c r="E156">
        <f t="shared" si="7"/>
        <v>8.5877330000000711</v>
      </c>
      <c r="F156">
        <f t="shared" si="8"/>
        <v>1.684555263927591E-2</v>
      </c>
    </row>
    <row r="157" spans="1:6" x14ac:dyDescent="0.2">
      <c r="A157">
        <v>661.14190299999996</v>
      </c>
      <c r="B157">
        <v>20.004521</v>
      </c>
      <c r="C157">
        <v>9.5956220000000005</v>
      </c>
      <c r="D157">
        <f t="shared" si="6"/>
        <v>0.77574400000000132</v>
      </c>
      <c r="E157">
        <f t="shared" si="7"/>
        <v>8.2973779999999806</v>
      </c>
      <c r="F157">
        <f t="shared" si="8"/>
        <v>1.6178109359043465E-2</v>
      </c>
    </row>
    <row r="158" spans="1:6" x14ac:dyDescent="0.2">
      <c r="A158">
        <v>661.06887300000005</v>
      </c>
      <c r="B158">
        <v>19.998121999999999</v>
      </c>
      <c r="C158">
        <v>9.6006269999999994</v>
      </c>
      <c r="D158">
        <f t="shared" si="6"/>
        <v>0.78074900000000014</v>
      </c>
      <c r="E158">
        <f t="shared" si="7"/>
        <v>8.2243480000000773</v>
      </c>
      <c r="F158">
        <f t="shared" si="8"/>
        <v>1.5934679521090359E-2</v>
      </c>
    </row>
    <row r="159" spans="1:6" x14ac:dyDescent="0.2">
      <c r="A159">
        <v>660.76926200000003</v>
      </c>
      <c r="B159">
        <v>20.031735000000001</v>
      </c>
      <c r="C159">
        <v>9.6056319999999999</v>
      </c>
      <c r="D159">
        <f t="shared" si="6"/>
        <v>0.78575400000000073</v>
      </c>
      <c r="E159">
        <f t="shared" si="7"/>
        <v>7.9247370000000501</v>
      </c>
      <c r="F159">
        <f t="shared" si="8"/>
        <v>1.5263299478270995E-2</v>
      </c>
    </row>
    <row r="160" spans="1:6" x14ac:dyDescent="0.2">
      <c r="A160">
        <v>659.87467600000002</v>
      </c>
      <c r="B160">
        <v>20.105003</v>
      </c>
      <c r="C160">
        <v>9.6106370000000005</v>
      </c>
      <c r="D160">
        <f t="shared" si="6"/>
        <v>0.79075900000000132</v>
      </c>
      <c r="E160">
        <f t="shared" si="7"/>
        <v>7.0301510000000462</v>
      </c>
      <c r="F160">
        <f t="shared" si="8"/>
        <v>1.3472836766085452E-2</v>
      </c>
    </row>
    <row r="161" spans="1:6" x14ac:dyDescent="0.2">
      <c r="A161">
        <v>659.20355199999995</v>
      </c>
      <c r="B161">
        <v>20.046797000000002</v>
      </c>
      <c r="C161">
        <v>9.6156419999999994</v>
      </c>
      <c r="D161">
        <f t="shared" si="6"/>
        <v>0.79576400000000014</v>
      </c>
      <c r="E161">
        <f t="shared" si="7"/>
        <v>6.3590269999999691</v>
      </c>
      <c r="F161">
        <f t="shared" si="8"/>
        <v>1.2122350649183919E-2</v>
      </c>
    </row>
    <row r="162" spans="1:6" x14ac:dyDescent="0.2">
      <c r="A162">
        <v>659.20703600000002</v>
      </c>
      <c r="B162">
        <v>19.99296</v>
      </c>
      <c r="C162">
        <v>9.6206460000000007</v>
      </c>
      <c r="D162">
        <f t="shared" si="6"/>
        <v>0.80076800000000148</v>
      </c>
      <c r="E162">
        <f t="shared" si="7"/>
        <v>6.3625110000000404</v>
      </c>
      <c r="F162">
        <f t="shared" si="8"/>
        <v>1.2053134486542447E-2</v>
      </c>
    </row>
    <row r="163" spans="1:6" x14ac:dyDescent="0.2">
      <c r="A163">
        <v>659.22439299999996</v>
      </c>
      <c r="B163">
        <v>20.001833000000001</v>
      </c>
      <c r="C163">
        <v>9.6256509999999995</v>
      </c>
      <c r="D163">
        <f t="shared" si="6"/>
        <v>0.80577300000000029</v>
      </c>
      <c r="E163">
        <f t="shared" si="7"/>
        <v>6.3798679999999877</v>
      </c>
      <c r="F163">
        <f t="shared" si="8"/>
        <v>1.2010627927833358E-2</v>
      </c>
    </row>
    <row r="164" spans="1:6" x14ac:dyDescent="0.2">
      <c r="A164">
        <v>658.79245000000003</v>
      </c>
      <c r="B164">
        <v>20.042328999999999</v>
      </c>
      <c r="C164">
        <v>9.6306560000000001</v>
      </c>
      <c r="D164">
        <f t="shared" si="6"/>
        <v>0.81077800000000089</v>
      </c>
      <c r="E164">
        <f t="shared" si="7"/>
        <v>5.9479250000000548</v>
      </c>
      <c r="F164">
        <f t="shared" si="8"/>
        <v>1.113563313150881E-2</v>
      </c>
    </row>
    <row r="165" spans="1:6" x14ac:dyDescent="0.2">
      <c r="A165">
        <v>658.55921899999998</v>
      </c>
      <c r="B165">
        <v>20.006392000000002</v>
      </c>
      <c r="C165">
        <v>9.6356610000000007</v>
      </c>
      <c r="D165">
        <f t="shared" si="6"/>
        <v>0.81578300000000148</v>
      </c>
      <c r="E165">
        <f t="shared" si="7"/>
        <v>5.7146940000000086</v>
      </c>
      <c r="F165">
        <f t="shared" si="8"/>
        <v>1.0637106218328357E-2</v>
      </c>
    </row>
    <row r="166" spans="1:6" x14ac:dyDescent="0.2">
      <c r="A166">
        <v>658.90189199999998</v>
      </c>
      <c r="B166">
        <v>19.959185999999999</v>
      </c>
      <c r="C166">
        <v>9.6406659999999995</v>
      </c>
      <c r="D166">
        <f t="shared" si="6"/>
        <v>0.8207880000000003</v>
      </c>
      <c r="E166">
        <f t="shared" si="7"/>
        <v>6.0573669999999993</v>
      </c>
      <c r="F166">
        <f t="shared" si="8"/>
        <v>1.1200363928447546E-2</v>
      </c>
    </row>
    <row r="167" spans="1:6" x14ac:dyDescent="0.2">
      <c r="A167">
        <v>659.63486</v>
      </c>
      <c r="B167">
        <v>19.933363</v>
      </c>
      <c r="C167">
        <v>9.6456700000000009</v>
      </c>
      <c r="D167">
        <f t="shared" si="6"/>
        <v>0.82579200000000164</v>
      </c>
      <c r="E167">
        <f t="shared" si="7"/>
        <v>6.7903350000000273</v>
      </c>
      <c r="F167">
        <f t="shared" si="8"/>
        <v>1.2465707449615856E-2</v>
      </c>
    </row>
    <row r="168" spans="1:6" x14ac:dyDescent="0.2">
      <c r="A168">
        <v>659.86773400000004</v>
      </c>
      <c r="B168">
        <v>19.995816999999999</v>
      </c>
      <c r="C168">
        <v>9.6506749999999997</v>
      </c>
      <c r="D168">
        <f t="shared" si="6"/>
        <v>0.83079700000000045</v>
      </c>
      <c r="E168">
        <f t="shared" si="7"/>
        <v>7.0232090000000653</v>
      </c>
      <c r="F168">
        <f t="shared" si="8"/>
        <v>1.2811022089530562E-2</v>
      </c>
    </row>
    <row r="169" spans="1:6" x14ac:dyDescent="0.2">
      <c r="A169">
        <v>660.06248800000003</v>
      </c>
      <c r="B169">
        <v>19.948768999999999</v>
      </c>
      <c r="C169">
        <v>9.6556800000000003</v>
      </c>
      <c r="D169">
        <f t="shared" si="6"/>
        <v>0.83580200000000104</v>
      </c>
      <c r="E169">
        <f t="shared" si="7"/>
        <v>7.2179630000000543</v>
      </c>
      <c r="F169">
        <f t="shared" si="8"/>
        <v>1.3083567923308484E-2</v>
      </c>
    </row>
    <row r="170" spans="1:6" x14ac:dyDescent="0.2">
      <c r="A170">
        <v>661.00785800000006</v>
      </c>
      <c r="B170">
        <v>19.883897999999999</v>
      </c>
      <c r="C170">
        <v>9.6606850000000009</v>
      </c>
      <c r="D170">
        <f t="shared" si="6"/>
        <v>0.84080700000000164</v>
      </c>
      <c r="E170">
        <f t="shared" si="7"/>
        <v>8.1633330000000797</v>
      </c>
      <c r="F170">
        <f t="shared" si="8"/>
        <v>1.4688064521400436E-2</v>
      </c>
    </row>
    <row r="171" spans="1:6" x14ac:dyDescent="0.2">
      <c r="A171">
        <v>662.64233300000001</v>
      </c>
      <c r="B171">
        <v>19.852834000000001</v>
      </c>
      <c r="C171">
        <v>9.6656899999999997</v>
      </c>
      <c r="D171">
        <f t="shared" si="6"/>
        <v>0.84581200000000045</v>
      </c>
      <c r="E171">
        <f t="shared" si="7"/>
        <v>9.7978080000000318</v>
      </c>
      <c r="F171">
        <f t="shared" si="8"/>
        <v>1.7481387708152673E-2</v>
      </c>
    </row>
    <row r="172" spans="1:6" x14ac:dyDescent="0.2">
      <c r="A172">
        <v>663.37124300000005</v>
      </c>
      <c r="B172">
        <v>19.954013</v>
      </c>
      <c r="C172">
        <v>9.6706939999999992</v>
      </c>
      <c r="D172">
        <f t="shared" si="6"/>
        <v>0.85081600000000002</v>
      </c>
      <c r="E172">
        <f t="shared" si="7"/>
        <v>10.526718000000074</v>
      </c>
      <c r="F172">
        <f t="shared" si="8"/>
        <v>1.8650938899663752E-2</v>
      </c>
    </row>
    <row r="173" spans="1:6" x14ac:dyDescent="0.2">
      <c r="A173">
        <v>663.66595199999995</v>
      </c>
      <c r="B173">
        <v>19.973472000000001</v>
      </c>
      <c r="C173">
        <v>9.6756989999999998</v>
      </c>
      <c r="D173">
        <f t="shared" si="6"/>
        <v>0.85582100000000061</v>
      </c>
      <c r="E173">
        <f t="shared" si="7"/>
        <v>10.821426999999971</v>
      </c>
      <c r="F173">
        <f t="shared" si="8"/>
        <v>1.905250382671125E-2</v>
      </c>
    </row>
    <row r="174" spans="1:6" x14ac:dyDescent="0.2">
      <c r="A174">
        <v>664.08496000000002</v>
      </c>
      <c r="B174">
        <v>19.950565000000001</v>
      </c>
      <c r="C174">
        <v>9.6807040000000004</v>
      </c>
      <c r="D174">
        <f t="shared" si="6"/>
        <v>0.8608260000000012</v>
      </c>
      <c r="E174">
        <f t="shared" si="7"/>
        <v>11.240435000000048</v>
      </c>
      <c r="F174">
        <f t="shared" si="8"/>
        <v>1.9662742791164579E-2</v>
      </c>
    </row>
    <row r="175" spans="1:6" x14ac:dyDescent="0.2">
      <c r="A175">
        <v>664.58768099999998</v>
      </c>
      <c r="B175">
        <v>19.954546000000001</v>
      </c>
      <c r="C175">
        <v>9.6857089999999992</v>
      </c>
      <c r="D175">
        <f t="shared" si="6"/>
        <v>0.86583100000000002</v>
      </c>
      <c r="E175">
        <f t="shared" si="7"/>
        <v>11.743155999999999</v>
      </c>
      <c r="F175">
        <f t="shared" si="8"/>
        <v>2.0407951444108865E-2</v>
      </c>
    </row>
    <row r="176" spans="1:6" x14ac:dyDescent="0.2">
      <c r="A176">
        <v>664.64031899999998</v>
      </c>
      <c r="B176">
        <v>20.007574000000002</v>
      </c>
      <c r="C176">
        <v>9.6907139999999998</v>
      </c>
      <c r="D176">
        <f t="shared" si="6"/>
        <v>0.87083600000000061</v>
      </c>
      <c r="E176">
        <f t="shared" si="7"/>
        <v>11.795794000000001</v>
      </c>
      <c r="F176">
        <f t="shared" si="8"/>
        <v>2.0379997288957546E-2</v>
      </c>
    </row>
    <row r="177" spans="1:6" x14ac:dyDescent="0.2">
      <c r="A177">
        <v>664.17408</v>
      </c>
      <c r="B177">
        <v>20.042871999999999</v>
      </c>
      <c r="C177">
        <v>9.6957179999999994</v>
      </c>
      <c r="D177">
        <f t="shared" si="6"/>
        <v>0.87584000000000017</v>
      </c>
      <c r="E177">
        <f t="shared" si="7"/>
        <v>11.329555000000028</v>
      </c>
      <c r="F177">
        <f t="shared" si="8"/>
        <v>1.9476286455337322E-2</v>
      </c>
    </row>
    <row r="178" spans="1:6" x14ac:dyDescent="0.2">
      <c r="A178">
        <v>663.86295099999995</v>
      </c>
      <c r="B178">
        <v>20.016805000000002</v>
      </c>
      <c r="C178">
        <v>9.700723</v>
      </c>
      <c r="D178">
        <f t="shared" si="6"/>
        <v>0.88084500000000077</v>
      </c>
      <c r="E178">
        <f t="shared" si="7"/>
        <v>11.018425999999977</v>
      </c>
      <c r="F178">
        <f t="shared" si="8"/>
        <v>1.8842634921030915E-2</v>
      </c>
    </row>
    <row r="179" spans="1:6" x14ac:dyDescent="0.2">
      <c r="A179">
        <v>664.08313199999998</v>
      </c>
      <c r="B179">
        <v>19.978484000000002</v>
      </c>
      <c r="C179">
        <v>9.7057280000000006</v>
      </c>
      <c r="D179">
        <f t="shared" si="6"/>
        <v>0.88585000000000136</v>
      </c>
      <c r="E179">
        <f t="shared" si="7"/>
        <v>11.238607000000002</v>
      </c>
      <c r="F179">
        <f t="shared" si="8"/>
        <v>1.9104243552214583E-2</v>
      </c>
    </row>
    <row r="180" spans="1:6" x14ac:dyDescent="0.2">
      <c r="A180">
        <v>664.12914999999998</v>
      </c>
      <c r="B180">
        <v>20.021661999999999</v>
      </c>
      <c r="C180">
        <v>9.7107329999999994</v>
      </c>
      <c r="D180">
        <f t="shared" si="6"/>
        <v>0.89085500000000017</v>
      </c>
      <c r="E180">
        <f t="shared" si="7"/>
        <v>11.284625000000005</v>
      </c>
      <c r="F180">
        <f t="shared" si="8"/>
        <v>1.9073375856803559E-2</v>
      </c>
    </row>
    <row r="181" spans="1:6" x14ac:dyDescent="0.2">
      <c r="A181">
        <v>663.49134900000001</v>
      </c>
      <c r="B181">
        <v>20.062898000000001</v>
      </c>
      <c r="C181">
        <v>9.715738</v>
      </c>
      <c r="D181">
        <f t="shared" si="6"/>
        <v>0.89586000000000077</v>
      </c>
      <c r="E181">
        <f t="shared" si="7"/>
        <v>10.646824000000038</v>
      </c>
      <c r="F181">
        <f t="shared" si="8"/>
        <v>1.7912024080268801E-2</v>
      </c>
    </row>
    <row r="182" spans="1:6" x14ac:dyDescent="0.2">
      <c r="A182">
        <v>662.86842100000001</v>
      </c>
      <c r="B182">
        <v>20.04186</v>
      </c>
      <c r="C182">
        <v>9.7207419999999995</v>
      </c>
      <c r="D182">
        <f t="shared" si="6"/>
        <v>0.90086400000000033</v>
      </c>
      <c r="E182">
        <f t="shared" si="7"/>
        <v>10.023896000000036</v>
      </c>
      <c r="F182">
        <f t="shared" si="8"/>
        <v>1.6786107119611884E-2</v>
      </c>
    </row>
    <row r="183" spans="1:6" x14ac:dyDescent="0.2">
      <c r="A183">
        <v>663.003241</v>
      </c>
      <c r="B183">
        <v>19.966411000000001</v>
      </c>
      <c r="C183">
        <v>9.7257470000000001</v>
      </c>
      <c r="D183">
        <f t="shared" si="6"/>
        <v>0.90586900000000092</v>
      </c>
      <c r="E183">
        <f t="shared" si="7"/>
        <v>10.158716000000027</v>
      </c>
      <c r="F183">
        <f t="shared" si="8"/>
        <v>1.6914445694479148E-2</v>
      </c>
    </row>
    <row r="184" spans="1:6" x14ac:dyDescent="0.2">
      <c r="A184">
        <v>662.98613899999998</v>
      </c>
      <c r="B184">
        <v>20.035077000000001</v>
      </c>
      <c r="C184">
        <v>9.7307520000000007</v>
      </c>
      <c r="D184">
        <f t="shared" si="6"/>
        <v>0.91087400000000152</v>
      </c>
      <c r="E184">
        <f t="shared" si="7"/>
        <v>10.141614000000004</v>
      </c>
      <c r="F184">
        <f t="shared" si="8"/>
        <v>1.6793620017731336E-2</v>
      </c>
    </row>
    <row r="185" spans="1:6" x14ac:dyDescent="0.2">
      <c r="A185">
        <v>662.14362400000005</v>
      </c>
      <c r="B185">
        <v>20.091832</v>
      </c>
      <c r="C185">
        <v>9.7357569999999996</v>
      </c>
      <c r="D185">
        <f t="shared" si="6"/>
        <v>0.91587900000000033</v>
      </c>
      <c r="E185">
        <f t="shared" si="7"/>
        <v>9.2990990000000693</v>
      </c>
      <c r="F185">
        <f t="shared" si="8"/>
        <v>1.5333827334085805E-2</v>
      </c>
    </row>
    <row r="186" spans="1:6" x14ac:dyDescent="0.2">
      <c r="A186">
        <v>661.22293000000002</v>
      </c>
      <c r="B186">
        <v>20.093755000000002</v>
      </c>
      <c r="C186">
        <v>9.7407620000000001</v>
      </c>
      <c r="D186">
        <f t="shared" si="6"/>
        <v>0.92088400000000092</v>
      </c>
      <c r="E186">
        <f t="shared" si="7"/>
        <v>8.3784050000000434</v>
      </c>
      <c r="F186">
        <f t="shared" si="8"/>
        <v>1.3759685790180385E-2</v>
      </c>
    </row>
    <row r="187" spans="1:6" x14ac:dyDescent="0.2">
      <c r="A187">
        <v>661.18137899999999</v>
      </c>
      <c r="B187">
        <v>19.959488</v>
      </c>
      <c r="C187">
        <v>9.7457659999999997</v>
      </c>
      <c r="D187">
        <f t="shared" si="6"/>
        <v>0.92588800000000049</v>
      </c>
      <c r="E187">
        <f t="shared" si="7"/>
        <v>8.3368540000000166</v>
      </c>
      <c r="F187">
        <f t="shared" si="8"/>
        <v>1.3618307195020888E-2</v>
      </c>
    </row>
    <row r="188" spans="1:6" x14ac:dyDescent="0.2">
      <c r="A188">
        <v>661.14581999999996</v>
      </c>
      <c r="B188">
        <v>20.027085</v>
      </c>
      <c r="C188">
        <v>9.7507710000000003</v>
      </c>
      <c r="D188">
        <f t="shared" si="6"/>
        <v>0.93089300000000108</v>
      </c>
      <c r="E188">
        <f t="shared" si="7"/>
        <v>8.3012949999999819</v>
      </c>
      <c r="F188">
        <f t="shared" si="8"/>
        <v>1.3488039415744012E-2</v>
      </c>
    </row>
    <row r="189" spans="1:6" x14ac:dyDescent="0.2">
      <c r="A189">
        <v>660.18573300000003</v>
      </c>
      <c r="B189">
        <v>20.113278000000001</v>
      </c>
      <c r="C189">
        <v>9.7557759999999991</v>
      </c>
      <c r="D189">
        <f t="shared" si="6"/>
        <v>0.9358979999999999</v>
      </c>
      <c r="E189">
        <f t="shared" si="7"/>
        <v>7.3412080000000515</v>
      </c>
      <c r="F189">
        <f t="shared" si="8"/>
        <v>1.1881543853125886E-2</v>
      </c>
    </row>
    <row r="190" spans="1:6" x14ac:dyDescent="0.2">
      <c r="A190">
        <v>659.04170299999998</v>
      </c>
      <c r="B190">
        <v>20.098064000000001</v>
      </c>
      <c r="C190">
        <v>9.7607809999999997</v>
      </c>
      <c r="D190">
        <f t="shared" si="6"/>
        <v>0.94090300000000049</v>
      </c>
      <c r="E190">
        <f t="shared" si="7"/>
        <v>6.1971780000000081</v>
      </c>
      <c r="F190">
        <f t="shared" si="8"/>
        <v>9.9939280933817546E-3</v>
      </c>
    </row>
    <row r="191" spans="1:6" x14ac:dyDescent="0.2">
      <c r="A191">
        <v>658.94395299999996</v>
      </c>
      <c r="B191">
        <v>19.977042000000001</v>
      </c>
      <c r="C191">
        <v>9.7657860000000003</v>
      </c>
      <c r="D191">
        <f t="shared" si="6"/>
        <v>0.94590800000000108</v>
      </c>
      <c r="E191">
        <f t="shared" si="7"/>
        <v>6.099427999999989</v>
      </c>
      <c r="F191">
        <f t="shared" si="8"/>
        <v>9.7856963091571512E-3</v>
      </c>
    </row>
    <row r="192" spans="1:6" x14ac:dyDescent="0.2">
      <c r="A192">
        <v>659.11620500000004</v>
      </c>
      <c r="B192">
        <v>19.991396000000002</v>
      </c>
      <c r="C192">
        <v>9.7707899999999999</v>
      </c>
      <c r="D192">
        <f t="shared" si="6"/>
        <v>0.95091200000000065</v>
      </c>
      <c r="E192">
        <f t="shared" si="7"/>
        <v>6.2716800000000603</v>
      </c>
      <c r="F192">
        <f t="shared" si="8"/>
        <v>1.0006485581283859E-2</v>
      </c>
    </row>
    <row r="193" spans="1:6" x14ac:dyDescent="0.2">
      <c r="A193">
        <v>659.23292300000003</v>
      </c>
      <c r="B193">
        <v>19.969835</v>
      </c>
      <c r="C193">
        <v>9.7757950000000005</v>
      </c>
      <c r="D193">
        <f t="shared" si="6"/>
        <v>0.95591700000000124</v>
      </c>
      <c r="E193">
        <f t="shared" si="7"/>
        <v>6.388398000000052</v>
      </c>
      <c r="F193">
        <f t="shared" si="8"/>
        <v>1.0137547249347003E-2</v>
      </c>
    </row>
    <row r="194" spans="1:6" x14ac:dyDescent="0.2">
      <c r="A194">
        <v>659.20618100000002</v>
      </c>
      <c r="B194">
        <v>19.996023999999998</v>
      </c>
      <c r="C194">
        <v>9.7807999999999993</v>
      </c>
      <c r="D194">
        <f t="shared" si="6"/>
        <v>0.96092200000000005</v>
      </c>
      <c r="E194">
        <f t="shared" si="7"/>
        <v>6.3616560000000391</v>
      </c>
      <c r="F194">
        <f t="shared" si="8"/>
        <v>1.0042937824777476E-2</v>
      </c>
    </row>
    <row r="195" spans="1:6" x14ac:dyDescent="0.2">
      <c r="A195">
        <v>659.87742700000001</v>
      </c>
      <c r="B195">
        <v>19.928764000000001</v>
      </c>
      <c r="C195">
        <v>9.7858049999999999</v>
      </c>
      <c r="D195">
        <f t="shared" ref="D195:D258" si="9">C195-$C$2</f>
        <v>0.96592700000000065</v>
      </c>
      <c r="E195">
        <f t="shared" ref="E195:E258" si="10">A195-$A$2</f>
        <v>7.0329020000000355</v>
      </c>
      <c r="F195">
        <f t="shared" ref="F195:F258" si="11">(1/A195)*(E195/D195)</f>
        <v>1.1033847764157684E-2</v>
      </c>
    </row>
    <row r="196" spans="1:6" x14ac:dyDescent="0.2">
      <c r="A196">
        <v>660.95986200000004</v>
      </c>
      <c r="B196">
        <v>19.893428</v>
      </c>
      <c r="C196">
        <v>9.7908100000000005</v>
      </c>
      <c r="D196">
        <f t="shared" si="9"/>
        <v>0.97093200000000124</v>
      </c>
      <c r="E196">
        <f t="shared" si="10"/>
        <v>8.1153370000000677</v>
      </c>
      <c r="F196">
        <f t="shared" si="11"/>
        <v>1.2645693675382517E-2</v>
      </c>
    </row>
    <row r="197" spans="1:6" x14ac:dyDescent="0.2">
      <c r="A197">
        <v>661.87159999999994</v>
      </c>
      <c r="B197">
        <v>19.931729000000001</v>
      </c>
      <c r="C197">
        <v>9.795814</v>
      </c>
      <c r="D197">
        <f t="shared" si="9"/>
        <v>0.9759360000000008</v>
      </c>
      <c r="E197">
        <f t="shared" si="10"/>
        <v>9.027074999999968</v>
      </c>
      <c r="F197">
        <f t="shared" si="11"/>
        <v>1.3975004803198816E-2</v>
      </c>
    </row>
    <row r="198" spans="1:6" x14ac:dyDescent="0.2">
      <c r="A198">
        <v>662.34732299999996</v>
      </c>
      <c r="B198">
        <v>19.944766000000001</v>
      </c>
      <c r="C198">
        <v>9.8008190000000006</v>
      </c>
      <c r="D198">
        <f t="shared" si="9"/>
        <v>0.9809410000000014</v>
      </c>
      <c r="E198">
        <f t="shared" si="10"/>
        <v>9.5027979999999843</v>
      </c>
      <c r="F198">
        <f t="shared" si="11"/>
        <v>1.4625907595797275E-2</v>
      </c>
    </row>
    <row r="199" spans="1:6" x14ac:dyDescent="0.2">
      <c r="A199">
        <v>662.68259</v>
      </c>
      <c r="B199">
        <v>19.985433</v>
      </c>
      <c r="C199">
        <v>9.8058239999999994</v>
      </c>
      <c r="D199">
        <f t="shared" si="9"/>
        <v>0.98594600000000021</v>
      </c>
      <c r="E199">
        <f t="shared" si="10"/>
        <v>9.8380650000000287</v>
      </c>
      <c r="F199">
        <f t="shared" si="11"/>
        <v>1.5057435006104507E-2</v>
      </c>
    </row>
    <row r="200" spans="1:6" x14ac:dyDescent="0.2">
      <c r="A200">
        <v>663.585194</v>
      </c>
      <c r="B200">
        <v>19.896906999999999</v>
      </c>
      <c r="C200">
        <v>9.810829</v>
      </c>
      <c r="D200">
        <f t="shared" si="9"/>
        <v>0.9909510000000008</v>
      </c>
      <c r="E200">
        <f t="shared" si="10"/>
        <v>10.740669000000025</v>
      </c>
      <c r="F200">
        <f t="shared" si="11"/>
        <v>1.6333620665799884E-2</v>
      </c>
    </row>
    <row r="201" spans="1:6" x14ac:dyDescent="0.2">
      <c r="A201">
        <v>664.24046499999997</v>
      </c>
      <c r="B201">
        <v>19.938744</v>
      </c>
      <c r="C201">
        <v>9.8158340000000006</v>
      </c>
      <c r="D201">
        <f t="shared" si="9"/>
        <v>0.9959560000000014</v>
      </c>
      <c r="E201">
        <f t="shared" si="10"/>
        <v>11.395939999999996</v>
      </c>
      <c r="F201">
        <f t="shared" si="11"/>
        <v>1.7226009117899406E-2</v>
      </c>
    </row>
    <row r="202" spans="1:6" x14ac:dyDescent="0.2">
      <c r="A202">
        <v>664.56864700000006</v>
      </c>
      <c r="B202">
        <v>19.957773</v>
      </c>
      <c r="C202">
        <v>9.8208380000000002</v>
      </c>
      <c r="D202">
        <f t="shared" si="9"/>
        <v>1.000960000000001</v>
      </c>
      <c r="E202">
        <f t="shared" si="10"/>
        <v>11.724122000000079</v>
      </c>
      <c r="F202">
        <f t="shared" si="11"/>
        <v>1.762478216560839E-2</v>
      </c>
    </row>
    <row r="203" spans="1:6" x14ac:dyDescent="0.2">
      <c r="A203">
        <v>664.72790799999996</v>
      </c>
      <c r="B203">
        <v>19.990455999999998</v>
      </c>
      <c r="C203">
        <v>9.8258430000000008</v>
      </c>
      <c r="D203">
        <f t="shared" si="9"/>
        <v>1.0059650000000016</v>
      </c>
      <c r="E203">
        <f t="shared" si="10"/>
        <v>11.883382999999981</v>
      </c>
      <c r="F203">
        <f t="shared" si="11"/>
        <v>1.7771059100066582E-2</v>
      </c>
    </row>
    <row r="204" spans="1:6" x14ac:dyDescent="0.2">
      <c r="A204">
        <v>664.45504100000005</v>
      </c>
      <c r="B204">
        <v>20.057269000000002</v>
      </c>
      <c r="C204">
        <v>9.8308479999999996</v>
      </c>
      <c r="D204">
        <f t="shared" si="9"/>
        <v>1.0109700000000004</v>
      </c>
      <c r="E204">
        <f t="shared" si="10"/>
        <v>11.610516000000075</v>
      </c>
      <c r="F204">
        <f t="shared" si="11"/>
        <v>1.7284135102589089E-2</v>
      </c>
    </row>
    <row r="205" spans="1:6" x14ac:dyDescent="0.2">
      <c r="A205">
        <v>664.26557700000001</v>
      </c>
      <c r="B205">
        <v>20.018671999999999</v>
      </c>
      <c r="C205">
        <v>9.8358530000000002</v>
      </c>
      <c r="D205">
        <f t="shared" si="9"/>
        <v>1.015975000000001</v>
      </c>
      <c r="E205">
        <f t="shared" si="10"/>
        <v>11.421052000000032</v>
      </c>
      <c r="F205">
        <f t="shared" si="11"/>
        <v>1.6923155306523663E-2</v>
      </c>
    </row>
    <row r="206" spans="1:6" x14ac:dyDescent="0.2">
      <c r="A206">
        <v>663.60087399999998</v>
      </c>
      <c r="B206">
        <v>20.050474000000001</v>
      </c>
      <c r="C206">
        <v>9.8408580000000008</v>
      </c>
      <c r="D206">
        <f t="shared" si="9"/>
        <v>1.0209800000000016</v>
      </c>
      <c r="E206">
        <f t="shared" si="10"/>
        <v>10.756349</v>
      </c>
      <c r="F206">
        <f t="shared" si="11"/>
        <v>1.5875985762757176E-2</v>
      </c>
    </row>
    <row r="207" spans="1:6" x14ac:dyDescent="0.2">
      <c r="A207">
        <v>663.05093499999998</v>
      </c>
      <c r="B207">
        <v>20.053374999999999</v>
      </c>
      <c r="C207">
        <v>9.8458620000000003</v>
      </c>
      <c r="D207">
        <f t="shared" si="9"/>
        <v>1.0259840000000011</v>
      </c>
      <c r="E207">
        <f t="shared" si="10"/>
        <v>10.206410000000005</v>
      </c>
      <c r="F207">
        <f t="shared" si="11"/>
        <v>1.5003256370483494E-2</v>
      </c>
    </row>
    <row r="208" spans="1:6" x14ac:dyDescent="0.2">
      <c r="A208">
        <v>662.34437000000003</v>
      </c>
      <c r="B208">
        <v>20.073969000000002</v>
      </c>
      <c r="C208">
        <v>9.8508669999999992</v>
      </c>
      <c r="D208">
        <f t="shared" si="9"/>
        <v>1.0309889999999999</v>
      </c>
      <c r="E208">
        <f t="shared" si="10"/>
        <v>9.4998450000000503</v>
      </c>
      <c r="F208">
        <f t="shared" si="11"/>
        <v>1.3911649864865783E-2</v>
      </c>
    </row>
    <row r="209" spans="1:6" x14ac:dyDescent="0.2">
      <c r="A209">
        <v>661.69340599999998</v>
      </c>
      <c r="B209">
        <v>20.063863000000001</v>
      </c>
      <c r="C209">
        <v>9.8558719999999997</v>
      </c>
      <c r="D209">
        <f t="shared" si="9"/>
        <v>1.0359940000000005</v>
      </c>
      <c r="E209">
        <f t="shared" si="10"/>
        <v>8.8488810000000058</v>
      </c>
      <c r="F209">
        <f t="shared" si="11"/>
        <v>1.2908456268404221E-2</v>
      </c>
    </row>
    <row r="210" spans="1:6" x14ac:dyDescent="0.2">
      <c r="A210">
        <v>661.81956100000002</v>
      </c>
      <c r="B210">
        <v>19.969412999999999</v>
      </c>
      <c r="C210">
        <v>9.8608770000000003</v>
      </c>
      <c r="D210">
        <f t="shared" si="9"/>
        <v>1.0409990000000011</v>
      </c>
      <c r="E210">
        <f t="shared" si="10"/>
        <v>8.9750360000000455</v>
      </c>
      <c r="F210">
        <f t="shared" si="11"/>
        <v>1.3027056230368761E-2</v>
      </c>
    </row>
    <row r="211" spans="1:6" x14ac:dyDescent="0.2">
      <c r="A211">
        <v>661.77034100000003</v>
      </c>
      <c r="B211">
        <v>20.007953000000001</v>
      </c>
      <c r="C211">
        <v>9.8658819999999992</v>
      </c>
      <c r="D211">
        <f t="shared" si="9"/>
        <v>1.0460039999999999</v>
      </c>
      <c r="E211">
        <f t="shared" si="10"/>
        <v>8.9258160000000544</v>
      </c>
      <c r="F211">
        <f t="shared" si="11"/>
        <v>1.2894582507283607E-2</v>
      </c>
    </row>
    <row r="212" spans="1:6" x14ac:dyDescent="0.2">
      <c r="A212">
        <v>661.40455699999995</v>
      </c>
      <c r="B212">
        <v>20.047920000000001</v>
      </c>
      <c r="C212">
        <v>9.8708860000000005</v>
      </c>
      <c r="D212">
        <f t="shared" si="9"/>
        <v>1.0510080000000013</v>
      </c>
      <c r="E212">
        <f t="shared" si="10"/>
        <v>8.5600319999999783</v>
      </c>
      <c r="F212">
        <f t="shared" si="11"/>
        <v>1.2314086036235955E-2</v>
      </c>
    </row>
    <row r="213" spans="1:6" x14ac:dyDescent="0.2">
      <c r="A213">
        <v>660.747885</v>
      </c>
      <c r="B213">
        <v>20.056891</v>
      </c>
      <c r="C213">
        <v>9.8758909999999993</v>
      </c>
      <c r="D213">
        <f t="shared" si="9"/>
        <v>1.0560130000000001</v>
      </c>
      <c r="E213">
        <f t="shared" si="10"/>
        <v>7.9033600000000206</v>
      </c>
      <c r="F213">
        <f t="shared" si="11"/>
        <v>1.132678660003055E-2</v>
      </c>
    </row>
    <row r="214" spans="1:6" x14ac:dyDescent="0.2">
      <c r="A214">
        <v>660.50287500000002</v>
      </c>
      <c r="B214">
        <v>20.006920999999998</v>
      </c>
      <c r="C214">
        <v>9.8808959999999999</v>
      </c>
      <c r="D214">
        <f t="shared" si="9"/>
        <v>1.0610180000000007</v>
      </c>
      <c r="E214">
        <f t="shared" si="10"/>
        <v>7.6583500000000413</v>
      </c>
      <c r="F214">
        <f t="shared" si="11"/>
        <v>1.0927926025038375E-2</v>
      </c>
    </row>
    <row r="215" spans="1:6" x14ac:dyDescent="0.2">
      <c r="A215">
        <v>660.80656599999998</v>
      </c>
      <c r="B215">
        <v>19.958296000000001</v>
      </c>
      <c r="C215">
        <v>9.8859010000000005</v>
      </c>
      <c r="D215">
        <f t="shared" si="9"/>
        <v>1.0660230000000013</v>
      </c>
      <c r="E215">
        <f t="shared" si="10"/>
        <v>7.9620409999999993</v>
      </c>
      <c r="F215">
        <f t="shared" si="11"/>
        <v>1.1302733429850033E-2</v>
      </c>
    </row>
    <row r="216" spans="1:6" x14ac:dyDescent="0.2">
      <c r="A216">
        <v>660.99800600000003</v>
      </c>
      <c r="B216">
        <v>19.995992999999999</v>
      </c>
      <c r="C216">
        <v>9.8909059999999993</v>
      </c>
      <c r="D216">
        <f t="shared" si="9"/>
        <v>1.0710280000000001</v>
      </c>
      <c r="E216">
        <f t="shared" si="10"/>
        <v>8.1534810000000562</v>
      </c>
      <c r="F216">
        <f t="shared" si="11"/>
        <v>1.1517072198040173E-2</v>
      </c>
    </row>
    <row r="217" spans="1:6" x14ac:dyDescent="0.2">
      <c r="A217">
        <v>661.12070300000005</v>
      </c>
      <c r="B217">
        <v>19.985137999999999</v>
      </c>
      <c r="C217">
        <v>9.8959100000000007</v>
      </c>
      <c r="D217">
        <f t="shared" si="9"/>
        <v>1.0760320000000014</v>
      </c>
      <c r="E217">
        <f t="shared" si="10"/>
        <v>8.2761780000000726</v>
      </c>
      <c r="F217">
        <f t="shared" si="11"/>
        <v>1.1633861209632609E-2</v>
      </c>
    </row>
    <row r="218" spans="1:6" x14ac:dyDescent="0.2">
      <c r="A218">
        <v>661.429081</v>
      </c>
      <c r="B218">
        <v>19.951597</v>
      </c>
      <c r="C218">
        <v>9.9009149999999995</v>
      </c>
      <c r="D218">
        <f t="shared" si="9"/>
        <v>1.0810370000000002</v>
      </c>
      <c r="E218">
        <f t="shared" si="10"/>
        <v>8.5845560000000205</v>
      </c>
      <c r="F218">
        <f t="shared" si="11"/>
        <v>1.2005879880307794E-2</v>
      </c>
    </row>
    <row r="219" spans="1:6" x14ac:dyDescent="0.2">
      <c r="A219">
        <v>662.45568900000001</v>
      </c>
      <c r="B219">
        <v>19.899407</v>
      </c>
      <c r="C219">
        <v>9.9059200000000001</v>
      </c>
      <c r="D219">
        <f t="shared" si="9"/>
        <v>1.0860420000000008</v>
      </c>
      <c r="E219">
        <f t="shared" si="10"/>
        <v>9.6111640000000307</v>
      </c>
      <c r="F219">
        <f t="shared" si="11"/>
        <v>1.3358956417119554E-2</v>
      </c>
    </row>
    <row r="220" spans="1:6" x14ac:dyDescent="0.2">
      <c r="A220">
        <v>663.35430199999996</v>
      </c>
      <c r="B220">
        <v>19.930558000000001</v>
      </c>
      <c r="C220">
        <v>9.9109250000000007</v>
      </c>
      <c r="D220">
        <f t="shared" si="9"/>
        <v>1.0910470000000014</v>
      </c>
      <c r="E220">
        <f t="shared" si="10"/>
        <v>10.509776999999985</v>
      </c>
      <c r="F220">
        <f t="shared" si="11"/>
        <v>1.4521266360232484E-2</v>
      </c>
    </row>
    <row r="221" spans="1:6" x14ac:dyDescent="0.2">
      <c r="A221">
        <v>663.40722900000003</v>
      </c>
      <c r="B221">
        <v>20.006065</v>
      </c>
      <c r="C221">
        <v>9.9159299999999995</v>
      </c>
      <c r="D221">
        <f t="shared" si="9"/>
        <v>1.0960520000000002</v>
      </c>
      <c r="E221">
        <f t="shared" si="10"/>
        <v>10.562704000000053</v>
      </c>
      <c r="F221">
        <f t="shared" si="11"/>
        <v>1.4526592409962699E-2</v>
      </c>
    </row>
    <row r="222" spans="1:6" x14ac:dyDescent="0.2">
      <c r="A222">
        <v>663.64653499999997</v>
      </c>
      <c r="B222">
        <v>19.957218999999998</v>
      </c>
      <c r="C222">
        <v>9.9209340000000008</v>
      </c>
      <c r="D222">
        <f t="shared" si="9"/>
        <v>1.1010560000000016</v>
      </c>
      <c r="E222">
        <f t="shared" si="10"/>
        <v>10.802009999999996</v>
      </c>
      <c r="F222">
        <f t="shared" si="11"/>
        <v>1.4782855641101775E-2</v>
      </c>
    </row>
    <row r="223" spans="1:6" x14ac:dyDescent="0.2">
      <c r="A223">
        <v>664.34263499999997</v>
      </c>
      <c r="B223">
        <v>19.911339999999999</v>
      </c>
      <c r="C223">
        <v>9.9259389999999996</v>
      </c>
      <c r="D223">
        <f t="shared" si="9"/>
        <v>1.1060610000000004</v>
      </c>
      <c r="E223">
        <f t="shared" si="10"/>
        <v>11.498109999999997</v>
      </c>
      <c r="F223">
        <f t="shared" si="11"/>
        <v>1.5647870927816387E-2</v>
      </c>
    </row>
    <row r="224" spans="1:6" x14ac:dyDescent="0.2">
      <c r="A224">
        <v>664.778817</v>
      </c>
      <c r="B224">
        <v>19.969252999999998</v>
      </c>
      <c r="C224">
        <v>9.9309440000000002</v>
      </c>
      <c r="D224">
        <f t="shared" si="9"/>
        <v>1.111066000000001</v>
      </c>
      <c r="E224">
        <f t="shared" si="10"/>
        <v>11.934292000000028</v>
      </c>
      <c r="F224">
        <f t="shared" si="11"/>
        <v>1.6157703317335431E-2</v>
      </c>
    </row>
    <row r="225" spans="1:6" x14ac:dyDescent="0.2">
      <c r="A225">
        <v>664.761484</v>
      </c>
      <c r="B225">
        <v>20.012498999999998</v>
      </c>
      <c r="C225">
        <v>9.9359490000000008</v>
      </c>
      <c r="D225">
        <f t="shared" si="9"/>
        <v>1.1160710000000016</v>
      </c>
      <c r="E225">
        <f t="shared" si="10"/>
        <v>11.91695900000002</v>
      </c>
      <c r="F225">
        <f t="shared" si="11"/>
        <v>1.606230147382931E-2</v>
      </c>
    </row>
    <row r="226" spans="1:6" x14ac:dyDescent="0.2">
      <c r="A226">
        <v>664.75640299999998</v>
      </c>
      <c r="B226">
        <v>19.978380000000001</v>
      </c>
      <c r="C226">
        <v>9.9409539999999996</v>
      </c>
      <c r="D226">
        <f t="shared" si="9"/>
        <v>1.1210760000000004</v>
      </c>
      <c r="E226">
        <f t="shared" si="10"/>
        <v>11.911878000000002</v>
      </c>
      <c r="F226">
        <f t="shared" si="11"/>
        <v>1.5983896263550023E-2</v>
      </c>
    </row>
    <row r="227" spans="1:6" x14ac:dyDescent="0.2">
      <c r="A227">
        <v>665.55555600000002</v>
      </c>
      <c r="B227">
        <v>19.902104000000001</v>
      </c>
      <c r="C227">
        <v>9.9459579999999992</v>
      </c>
      <c r="D227">
        <f t="shared" si="9"/>
        <v>1.12608</v>
      </c>
      <c r="E227">
        <f t="shared" si="10"/>
        <v>12.711031000000048</v>
      </c>
      <c r="F227">
        <f t="shared" si="11"/>
        <v>1.6960053562619128E-2</v>
      </c>
    </row>
    <row r="228" spans="1:6" x14ac:dyDescent="0.2">
      <c r="A228">
        <v>666.01370999999995</v>
      </c>
      <c r="B228">
        <v>19.992464999999999</v>
      </c>
      <c r="C228">
        <v>9.9509629999999998</v>
      </c>
      <c r="D228">
        <f t="shared" si="9"/>
        <v>1.1310850000000006</v>
      </c>
      <c r="E228">
        <f t="shared" si="10"/>
        <v>13.16918499999997</v>
      </c>
      <c r="F228">
        <f t="shared" si="11"/>
        <v>1.7481572127030859E-2</v>
      </c>
    </row>
    <row r="229" spans="1:6" x14ac:dyDescent="0.2">
      <c r="A229">
        <v>665.58384000000001</v>
      </c>
      <c r="B229">
        <v>20.050225999999999</v>
      </c>
      <c r="C229">
        <v>9.9559680000000004</v>
      </c>
      <c r="D229">
        <f t="shared" si="9"/>
        <v>1.1360900000000012</v>
      </c>
      <c r="E229">
        <f t="shared" si="10"/>
        <v>12.739315000000033</v>
      </c>
      <c r="F229">
        <f t="shared" si="11"/>
        <v>1.6847310117993231E-2</v>
      </c>
    </row>
    <row r="230" spans="1:6" x14ac:dyDescent="0.2">
      <c r="A230">
        <v>664.77915399999995</v>
      </c>
      <c r="B230">
        <v>20.077462000000001</v>
      </c>
      <c r="C230">
        <v>9.9609729999999992</v>
      </c>
      <c r="D230">
        <f t="shared" si="9"/>
        <v>1.141095</v>
      </c>
      <c r="E230">
        <f t="shared" si="10"/>
        <v>11.934628999999973</v>
      </c>
      <c r="F230">
        <f t="shared" si="11"/>
        <v>1.5732934268056019E-2</v>
      </c>
    </row>
    <row r="231" spans="1:6" x14ac:dyDescent="0.2">
      <c r="A231">
        <v>664.68086200000005</v>
      </c>
      <c r="B231">
        <v>19.976444000000001</v>
      </c>
      <c r="C231">
        <v>9.9659779999999998</v>
      </c>
      <c r="D231">
        <f t="shared" si="9"/>
        <v>1.1461000000000006</v>
      </c>
      <c r="E231">
        <f t="shared" si="10"/>
        <v>11.836337000000071</v>
      </c>
      <c r="F231">
        <f t="shared" si="11"/>
        <v>1.5537517643113322E-2</v>
      </c>
    </row>
    <row r="232" spans="1:6" x14ac:dyDescent="0.2">
      <c r="A232">
        <v>664.73517400000003</v>
      </c>
      <c r="B232">
        <v>20.009792999999998</v>
      </c>
      <c r="C232">
        <v>9.9709819999999993</v>
      </c>
      <c r="D232">
        <f t="shared" si="9"/>
        <v>1.1511040000000001</v>
      </c>
      <c r="E232">
        <f t="shared" si="10"/>
        <v>11.890649000000053</v>
      </c>
      <c r="F232">
        <f t="shared" si="11"/>
        <v>1.5539689487743312E-2</v>
      </c>
    </row>
    <row r="233" spans="1:6" x14ac:dyDescent="0.2">
      <c r="A233">
        <v>664.25645899999995</v>
      </c>
      <c r="B233">
        <v>20.073740999999998</v>
      </c>
      <c r="C233">
        <v>9.9759869999999999</v>
      </c>
      <c r="D233">
        <f t="shared" si="9"/>
        <v>1.1561090000000007</v>
      </c>
      <c r="E233">
        <f t="shared" si="10"/>
        <v>11.411933999999974</v>
      </c>
      <c r="F233">
        <f t="shared" si="11"/>
        <v>1.4860200980442348E-2</v>
      </c>
    </row>
    <row r="234" spans="1:6" x14ac:dyDescent="0.2">
      <c r="A234">
        <v>663.16883099999995</v>
      </c>
      <c r="B234">
        <v>20.120906999999999</v>
      </c>
      <c r="C234">
        <v>9.9809920000000005</v>
      </c>
      <c r="D234">
        <f t="shared" si="9"/>
        <v>1.1611140000000013</v>
      </c>
      <c r="E234">
        <f t="shared" si="10"/>
        <v>10.324305999999979</v>
      </c>
      <c r="F234">
        <f t="shared" si="11"/>
        <v>1.3407935137571341E-2</v>
      </c>
    </row>
    <row r="235" spans="1:6" x14ac:dyDescent="0.2">
      <c r="A235">
        <v>662.80938200000003</v>
      </c>
      <c r="B235">
        <v>19.989405999999999</v>
      </c>
      <c r="C235">
        <v>9.9859969999999993</v>
      </c>
      <c r="D235">
        <f t="shared" si="9"/>
        <v>1.1661190000000001</v>
      </c>
      <c r="E235">
        <f t="shared" si="10"/>
        <v>9.9648570000000518</v>
      </c>
      <c r="F235">
        <f t="shared" si="11"/>
        <v>1.2892571602354156E-2</v>
      </c>
    </row>
    <row r="236" spans="1:6" x14ac:dyDescent="0.2">
      <c r="A236">
        <v>662.96063100000003</v>
      </c>
      <c r="B236">
        <v>19.997132000000001</v>
      </c>
      <c r="C236">
        <v>9.9910019999999999</v>
      </c>
      <c r="D236">
        <f t="shared" si="9"/>
        <v>1.1711240000000007</v>
      </c>
      <c r="E236">
        <f t="shared" si="10"/>
        <v>10.116106000000059</v>
      </c>
      <c r="F236">
        <f t="shared" si="11"/>
        <v>1.3029350018660544E-2</v>
      </c>
    </row>
    <row r="237" spans="1:6" x14ac:dyDescent="0.2">
      <c r="A237">
        <v>662.89729499999999</v>
      </c>
      <c r="B237">
        <v>20.031524999999998</v>
      </c>
      <c r="C237">
        <v>9.9960059999999995</v>
      </c>
      <c r="D237">
        <f t="shared" si="9"/>
        <v>1.1761280000000003</v>
      </c>
      <c r="E237">
        <f t="shared" si="10"/>
        <v>10.05277000000001</v>
      </c>
      <c r="F237">
        <f t="shared" si="11"/>
        <v>1.2893918184450057E-2</v>
      </c>
    </row>
    <row r="238" spans="1:6" x14ac:dyDescent="0.2">
      <c r="A238">
        <v>662.28132500000004</v>
      </c>
      <c r="B238">
        <v>20.043081000000001</v>
      </c>
      <c r="C238">
        <v>10.001011</v>
      </c>
      <c r="D238">
        <f t="shared" si="9"/>
        <v>1.1811330000000009</v>
      </c>
      <c r="E238">
        <f t="shared" si="10"/>
        <v>9.436800000000062</v>
      </c>
      <c r="F238">
        <f t="shared" si="11"/>
        <v>1.206378082507697E-2</v>
      </c>
    </row>
    <row r="239" spans="1:6" x14ac:dyDescent="0.2">
      <c r="A239">
        <v>662.17758800000001</v>
      </c>
      <c r="B239">
        <v>19.973953999999999</v>
      </c>
      <c r="C239">
        <v>10.006016000000001</v>
      </c>
      <c r="D239">
        <f t="shared" si="9"/>
        <v>1.1861380000000015</v>
      </c>
      <c r="E239">
        <f t="shared" si="10"/>
        <v>9.3330630000000383</v>
      </c>
      <c r="F239">
        <f t="shared" si="11"/>
        <v>1.1882682697061307E-2</v>
      </c>
    </row>
    <row r="240" spans="1:6" x14ac:dyDescent="0.2">
      <c r="A240">
        <v>662.84535200000005</v>
      </c>
      <c r="B240">
        <v>19.960615000000001</v>
      </c>
      <c r="C240">
        <v>10.011021</v>
      </c>
      <c r="D240">
        <f t="shared" si="9"/>
        <v>1.1911430000000003</v>
      </c>
      <c r="E240">
        <f t="shared" si="10"/>
        <v>10.000827000000072</v>
      </c>
      <c r="F240">
        <f t="shared" si="11"/>
        <v>1.2666592428647677E-2</v>
      </c>
    </row>
    <row r="241" spans="1:6" x14ac:dyDescent="0.2">
      <c r="A241">
        <v>662.75462900000002</v>
      </c>
      <c r="B241">
        <v>20.021512000000001</v>
      </c>
      <c r="C241">
        <v>10.016026</v>
      </c>
      <c r="D241">
        <f t="shared" si="9"/>
        <v>1.1961480000000009</v>
      </c>
      <c r="E241">
        <f t="shared" si="10"/>
        <v>9.9101040000000467</v>
      </c>
      <c r="F241">
        <f t="shared" si="11"/>
        <v>1.2500878206347526E-2</v>
      </c>
    </row>
    <row r="242" spans="1:6" x14ac:dyDescent="0.2">
      <c r="A242">
        <v>662.36924599999998</v>
      </c>
      <c r="B242">
        <v>20.025151999999999</v>
      </c>
      <c r="C242">
        <v>10.02103</v>
      </c>
      <c r="D242">
        <f t="shared" si="9"/>
        <v>1.2011520000000004</v>
      </c>
      <c r="E242">
        <f t="shared" si="10"/>
        <v>9.5247209999999995</v>
      </c>
      <c r="F242">
        <f t="shared" si="11"/>
        <v>1.1971653392811768E-2</v>
      </c>
    </row>
    <row r="243" spans="1:6" x14ac:dyDescent="0.2">
      <c r="A243">
        <v>662.63294199999996</v>
      </c>
      <c r="B243">
        <v>19.946977</v>
      </c>
      <c r="C243">
        <v>10.026035</v>
      </c>
      <c r="D243">
        <f t="shared" si="9"/>
        <v>1.206157000000001</v>
      </c>
      <c r="E243">
        <f t="shared" si="10"/>
        <v>9.7884169999999813</v>
      </c>
      <c r="F243">
        <f t="shared" si="11"/>
        <v>1.2247165833476103E-2</v>
      </c>
    </row>
    <row r="244" spans="1:6" x14ac:dyDescent="0.2">
      <c r="A244">
        <v>663.53495499999997</v>
      </c>
      <c r="B244">
        <v>19.917795000000002</v>
      </c>
      <c r="C244">
        <v>10.031040000000001</v>
      </c>
      <c r="D244">
        <f t="shared" si="9"/>
        <v>1.2111620000000016</v>
      </c>
      <c r="E244">
        <f t="shared" si="10"/>
        <v>10.690429999999992</v>
      </c>
      <c r="F244">
        <f t="shared" si="11"/>
        <v>1.3302373304111327E-2</v>
      </c>
    </row>
    <row r="245" spans="1:6" x14ac:dyDescent="0.2">
      <c r="A245">
        <v>663.90121999999997</v>
      </c>
      <c r="B245">
        <v>19.983049000000001</v>
      </c>
      <c r="C245">
        <v>10.036045</v>
      </c>
      <c r="D245">
        <f t="shared" si="9"/>
        <v>1.2161670000000004</v>
      </c>
      <c r="E245">
        <f t="shared" si="10"/>
        <v>11.056694999999991</v>
      </c>
      <c r="F245">
        <f t="shared" si="11"/>
        <v>1.3693947170528105E-2</v>
      </c>
    </row>
    <row r="246" spans="1:6" x14ac:dyDescent="0.2">
      <c r="A246">
        <v>663.79947100000004</v>
      </c>
      <c r="B246">
        <v>20.024336000000002</v>
      </c>
      <c r="C246">
        <v>10.04105</v>
      </c>
      <c r="D246">
        <f t="shared" si="9"/>
        <v>1.221172000000001</v>
      </c>
      <c r="E246">
        <f t="shared" si="10"/>
        <v>10.954946000000064</v>
      </c>
      <c r="F246">
        <f t="shared" si="11"/>
        <v>1.3514391667398847E-2</v>
      </c>
    </row>
    <row r="247" spans="1:6" x14ac:dyDescent="0.2">
      <c r="A247">
        <v>663.87371399999995</v>
      </c>
      <c r="B247">
        <v>19.961563000000002</v>
      </c>
      <c r="C247">
        <v>10.046054</v>
      </c>
      <c r="D247">
        <f t="shared" si="9"/>
        <v>1.2261760000000006</v>
      </c>
      <c r="E247">
        <f t="shared" si="10"/>
        <v>11.029188999999974</v>
      </c>
      <c r="F247">
        <f t="shared" si="11"/>
        <v>1.3548939216807178E-2</v>
      </c>
    </row>
    <row r="248" spans="1:6" x14ac:dyDescent="0.2">
      <c r="A248">
        <v>664.29340999999999</v>
      </c>
      <c r="B248">
        <v>19.958611999999999</v>
      </c>
      <c r="C248">
        <v>10.051059</v>
      </c>
      <c r="D248">
        <f t="shared" si="9"/>
        <v>1.2311810000000012</v>
      </c>
      <c r="E248">
        <f t="shared" si="10"/>
        <v>11.448885000000018</v>
      </c>
      <c r="F248">
        <f t="shared" si="11"/>
        <v>1.3998494926666931E-2</v>
      </c>
    </row>
    <row r="249" spans="1:6" x14ac:dyDescent="0.2">
      <c r="A249">
        <v>664.72498700000006</v>
      </c>
      <c r="B249">
        <v>19.949007000000002</v>
      </c>
      <c r="C249">
        <v>10.056063999999999</v>
      </c>
      <c r="D249">
        <f t="shared" si="9"/>
        <v>1.236186</v>
      </c>
      <c r="E249">
        <f t="shared" si="10"/>
        <v>11.88046200000008</v>
      </c>
      <c r="F249">
        <f t="shared" si="11"/>
        <v>1.4457976167236538E-2</v>
      </c>
    </row>
    <row r="250" spans="1:6" x14ac:dyDescent="0.2">
      <c r="A250">
        <v>664.77961600000003</v>
      </c>
      <c r="B250">
        <v>19.993320000000001</v>
      </c>
      <c r="C250">
        <v>10.061069</v>
      </c>
      <c r="D250">
        <f t="shared" si="9"/>
        <v>1.2411910000000006</v>
      </c>
      <c r="E250">
        <f t="shared" si="10"/>
        <v>11.935091000000057</v>
      </c>
      <c r="F250">
        <f t="shared" si="11"/>
        <v>1.4464699727259944E-2</v>
      </c>
    </row>
    <row r="251" spans="1:6" x14ac:dyDescent="0.2">
      <c r="A251">
        <v>664.85410200000001</v>
      </c>
      <c r="B251">
        <v>19.990485</v>
      </c>
      <c r="C251">
        <v>10.066074</v>
      </c>
      <c r="D251">
        <f t="shared" si="9"/>
        <v>1.2461960000000012</v>
      </c>
      <c r="E251">
        <f t="shared" si="10"/>
        <v>12.009577000000036</v>
      </c>
      <c r="F251">
        <f t="shared" si="11"/>
        <v>1.4494892722454095E-2</v>
      </c>
    </row>
    <row r="252" spans="1:6" x14ac:dyDescent="0.2">
      <c r="A252">
        <v>664.92928400000005</v>
      </c>
      <c r="B252">
        <v>20.004740999999999</v>
      </c>
      <c r="C252">
        <v>10.071078</v>
      </c>
      <c r="D252">
        <f t="shared" si="9"/>
        <v>1.2512000000000008</v>
      </c>
      <c r="E252">
        <f t="shared" si="10"/>
        <v>12.084759000000076</v>
      </c>
      <c r="F252">
        <f t="shared" si="11"/>
        <v>1.452565744779849E-2</v>
      </c>
    </row>
    <row r="253" spans="1:6" x14ac:dyDescent="0.2">
      <c r="A253">
        <v>665.11148200000002</v>
      </c>
      <c r="B253">
        <v>19.978590000000001</v>
      </c>
      <c r="C253">
        <v>10.076083000000001</v>
      </c>
      <c r="D253">
        <f t="shared" si="9"/>
        <v>1.2562050000000013</v>
      </c>
      <c r="E253">
        <f t="shared" si="10"/>
        <v>12.266957000000048</v>
      </c>
      <c r="F253">
        <f t="shared" si="11"/>
        <v>1.4681887095848244E-2</v>
      </c>
    </row>
    <row r="254" spans="1:6" x14ac:dyDescent="0.2">
      <c r="A254">
        <v>665.14795300000003</v>
      </c>
      <c r="B254">
        <v>19.981214999999999</v>
      </c>
      <c r="C254">
        <v>10.081087999999999</v>
      </c>
      <c r="D254">
        <f t="shared" si="9"/>
        <v>1.2612100000000002</v>
      </c>
      <c r="E254">
        <f t="shared" si="10"/>
        <v>12.303428000000054</v>
      </c>
      <c r="F254">
        <f t="shared" si="11"/>
        <v>1.4666296737374962E-2</v>
      </c>
    </row>
    <row r="255" spans="1:6" x14ac:dyDescent="0.2">
      <c r="A255">
        <v>665.15270499999997</v>
      </c>
      <c r="B255">
        <v>20.011429</v>
      </c>
      <c r="C255">
        <v>10.086093</v>
      </c>
      <c r="D255">
        <f t="shared" si="9"/>
        <v>1.2662150000000008</v>
      </c>
      <c r="E255">
        <f t="shared" si="10"/>
        <v>12.308179999999993</v>
      </c>
      <c r="F255">
        <f t="shared" si="11"/>
        <v>1.4613862719642419E-2</v>
      </c>
    </row>
    <row r="256" spans="1:6" x14ac:dyDescent="0.2">
      <c r="A256">
        <v>665.00379199999998</v>
      </c>
      <c r="B256">
        <v>20.035710999999999</v>
      </c>
      <c r="C256">
        <v>10.091098000000001</v>
      </c>
      <c r="D256">
        <f t="shared" si="9"/>
        <v>1.2712200000000013</v>
      </c>
      <c r="E256">
        <f t="shared" si="10"/>
        <v>12.159267</v>
      </c>
      <c r="F256">
        <f t="shared" si="11"/>
        <v>1.4383433054182318E-2</v>
      </c>
    </row>
    <row r="257" spans="1:6" x14ac:dyDescent="0.2">
      <c r="A257">
        <v>663.98369400000001</v>
      </c>
      <c r="B257">
        <v>20.124739999999999</v>
      </c>
      <c r="C257">
        <v>10.096102</v>
      </c>
      <c r="D257">
        <f t="shared" si="9"/>
        <v>1.2762240000000009</v>
      </c>
      <c r="E257">
        <f t="shared" si="10"/>
        <v>11.139169000000038</v>
      </c>
      <c r="F257">
        <f t="shared" si="11"/>
        <v>1.3145238536798221E-2</v>
      </c>
    </row>
    <row r="258" spans="1:6" x14ac:dyDescent="0.2">
      <c r="A258">
        <v>662.70844099999999</v>
      </c>
      <c r="B258">
        <v>20.125216000000002</v>
      </c>
      <c r="C258">
        <v>10.101107000000001</v>
      </c>
      <c r="D258">
        <f t="shared" si="9"/>
        <v>1.2812290000000015</v>
      </c>
      <c r="E258">
        <f t="shared" si="10"/>
        <v>9.8639160000000174</v>
      </c>
      <c r="F258">
        <f t="shared" si="11"/>
        <v>1.1617163529422337E-2</v>
      </c>
    </row>
    <row r="259" spans="1:6" x14ac:dyDescent="0.2">
      <c r="A259">
        <v>662.38827400000002</v>
      </c>
      <c r="B259">
        <v>19.99344</v>
      </c>
      <c r="C259">
        <v>10.106112</v>
      </c>
      <c r="D259">
        <f t="shared" ref="D259:D322" si="12">C259-$C$2</f>
        <v>1.2862340000000003</v>
      </c>
      <c r="E259">
        <f t="shared" ref="E259:E322" si="13">A259-$A$2</f>
        <v>9.543749000000048</v>
      </c>
      <c r="F259">
        <f t="shared" ref="F259:F322" si="14">(1/A259)*(E259/D259)</f>
        <v>1.1201763202883493E-2</v>
      </c>
    </row>
    <row r="260" spans="1:6" x14ac:dyDescent="0.2">
      <c r="A260">
        <v>662.53857500000004</v>
      </c>
      <c r="B260">
        <v>19.986592000000002</v>
      </c>
      <c r="C260">
        <v>10.111117</v>
      </c>
      <c r="D260">
        <f t="shared" si="12"/>
        <v>1.2912390000000009</v>
      </c>
      <c r="E260">
        <f t="shared" si="13"/>
        <v>9.6940500000000611</v>
      </c>
      <c r="F260">
        <f t="shared" si="14"/>
        <v>1.1331501257184833E-2</v>
      </c>
    </row>
    <row r="261" spans="1:6" x14ac:dyDescent="0.2">
      <c r="A261">
        <v>662.59399499999995</v>
      </c>
      <c r="B261">
        <v>19.990417999999998</v>
      </c>
      <c r="C261">
        <v>10.116122000000001</v>
      </c>
      <c r="D261">
        <f t="shared" si="12"/>
        <v>1.2962440000000015</v>
      </c>
      <c r="E261">
        <f t="shared" si="13"/>
        <v>9.7494699999999739</v>
      </c>
      <c r="F261">
        <f t="shared" si="14"/>
        <v>1.1351330079517078E-2</v>
      </c>
    </row>
    <row r="262" spans="1:6" x14ac:dyDescent="0.2">
      <c r="A262">
        <v>662.07493399999998</v>
      </c>
      <c r="B262">
        <v>20.066627</v>
      </c>
      <c r="C262">
        <v>10.121126</v>
      </c>
      <c r="D262">
        <f t="shared" si="12"/>
        <v>1.3012480000000011</v>
      </c>
      <c r="E262">
        <f t="shared" si="13"/>
        <v>9.2304090000000087</v>
      </c>
      <c r="F262">
        <f t="shared" si="14"/>
        <v>1.071405136556328E-2</v>
      </c>
    </row>
    <row r="263" spans="1:6" x14ac:dyDescent="0.2">
      <c r="A263">
        <v>661.85786700000006</v>
      </c>
      <c r="B263">
        <v>19.983871000000001</v>
      </c>
      <c r="C263">
        <v>10.126131000000001</v>
      </c>
      <c r="D263">
        <f t="shared" si="12"/>
        <v>1.3062530000000017</v>
      </c>
      <c r="E263">
        <f t="shared" si="13"/>
        <v>9.0133420000000797</v>
      </c>
      <c r="F263">
        <f t="shared" si="14"/>
        <v>1.0425426094039129E-2</v>
      </c>
    </row>
    <row r="264" spans="1:6" x14ac:dyDescent="0.2">
      <c r="A264">
        <v>662.48351000000002</v>
      </c>
      <c r="B264">
        <v>19.944939000000002</v>
      </c>
      <c r="C264">
        <v>10.131136</v>
      </c>
      <c r="D264">
        <f t="shared" si="12"/>
        <v>1.3112580000000005</v>
      </c>
      <c r="E264">
        <f t="shared" si="13"/>
        <v>9.6389850000000479</v>
      </c>
      <c r="F264">
        <f t="shared" si="14"/>
        <v>1.1096041719365865E-2</v>
      </c>
    </row>
    <row r="265" spans="1:6" x14ac:dyDescent="0.2">
      <c r="A265">
        <v>663.10381600000005</v>
      </c>
      <c r="B265">
        <v>19.953786000000001</v>
      </c>
      <c r="C265">
        <v>10.136141</v>
      </c>
      <c r="D265">
        <f t="shared" si="12"/>
        <v>1.3162630000000011</v>
      </c>
      <c r="E265">
        <f t="shared" si="13"/>
        <v>10.259291000000076</v>
      </c>
      <c r="F265">
        <f t="shared" si="14"/>
        <v>1.1754201943986516E-2</v>
      </c>
    </row>
    <row r="266" spans="1:6" x14ac:dyDescent="0.2">
      <c r="A266">
        <v>662.98951699999998</v>
      </c>
      <c r="B266">
        <v>20.013843000000001</v>
      </c>
      <c r="C266">
        <v>10.141146000000001</v>
      </c>
      <c r="D266">
        <f t="shared" si="12"/>
        <v>1.3212680000000017</v>
      </c>
      <c r="E266">
        <f t="shared" si="13"/>
        <v>10.144992000000002</v>
      </c>
      <c r="F266">
        <f t="shared" si="14"/>
        <v>1.1581215169122425E-2</v>
      </c>
    </row>
    <row r="267" spans="1:6" x14ac:dyDescent="0.2">
      <c r="A267">
        <v>663.46395600000005</v>
      </c>
      <c r="B267">
        <v>19.929929999999999</v>
      </c>
      <c r="C267">
        <v>10.14615</v>
      </c>
      <c r="D267">
        <f t="shared" si="12"/>
        <v>1.3262720000000012</v>
      </c>
      <c r="E267">
        <f t="shared" si="13"/>
        <v>10.619431000000077</v>
      </c>
      <c r="F267">
        <f t="shared" si="14"/>
        <v>1.2068444915765869E-2</v>
      </c>
    </row>
    <row r="268" spans="1:6" x14ac:dyDescent="0.2">
      <c r="A268">
        <v>664.31431399999997</v>
      </c>
      <c r="B268">
        <v>19.888797</v>
      </c>
      <c r="C268">
        <v>10.151154999999999</v>
      </c>
      <c r="D268">
        <f t="shared" si="12"/>
        <v>1.331277</v>
      </c>
      <c r="E268">
        <f t="shared" si="13"/>
        <v>11.469788999999992</v>
      </c>
      <c r="F268">
        <f t="shared" si="14"/>
        <v>1.2969206025779056E-2</v>
      </c>
    </row>
    <row r="269" spans="1:6" x14ac:dyDescent="0.2">
      <c r="A269">
        <v>665.18031599999995</v>
      </c>
      <c r="B269">
        <v>19.929566000000001</v>
      </c>
      <c r="C269">
        <v>10.15616</v>
      </c>
      <c r="D269">
        <f t="shared" si="12"/>
        <v>1.3362820000000006</v>
      </c>
      <c r="E269">
        <f t="shared" si="13"/>
        <v>12.335790999999972</v>
      </c>
      <c r="F269">
        <f t="shared" si="14"/>
        <v>1.3878083468565798E-2</v>
      </c>
    </row>
    <row r="270" spans="1:6" x14ac:dyDescent="0.2">
      <c r="A270">
        <v>665.31819099999996</v>
      </c>
      <c r="B270">
        <v>20.010417</v>
      </c>
      <c r="C270">
        <v>10.161165</v>
      </c>
      <c r="D270">
        <f t="shared" si="12"/>
        <v>1.3412870000000012</v>
      </c>
      <c r="E270">
        <f t="shared" si="13"/>
        <v>12.47366599999998</v>
      </c>
      <c r="F270">
        <f t="shared" si="14"/>
        <v>1.3977934391108842E-2</v>
      </c>
    </row>
    <row r="271" spans="1:6" x14ac:dyDescent="0.2">
      <c r="A271">
        <v>665.44854299999997</v>
      </c>
      <c r="B271">
        <v>19.969809000000001</v>
      </c>
      <c r="C271">
        <v>10.166169999999999</v>
      </c>
      <c r="D271">
        <f t="shared" si="12"/>
        <v>1.346292</v>
      </c>
      <c r="E271">
        <f t="shared" si="13"/>
        <v>12.604017999999996</v>
      </c>
      <c r="F271">
        <f t="shared" si="14"/>
        <v>1.4068742185002188E-2</v>
      </c>
    </row>
    <row r="272" spans="1:6" x14ac:dyDescent="0.2">
      <c r="A272">
        <v>666.29813899999999</v>
      </c>
      <c r="B272">
        <v>19.898351999999999</v>
      </c>
      <c r="C272">
        <v>10.171174000000001</v>
      </c>
      <c r="D272">
        <f t="shared" si="12"/>
        <v>1.3512960000000014</v>
      </c>
      <c r="E272">
        <f t="shared" si="13"/>
        <v>13.453614000000016</v>
      </c>
      <c r="F272">
        <f t="shared" si="14"/>
        <v>1.4942383264146146E-2</v>
      </c>
    </row>
    <row r="273" spans="1:6" x14ac:dyDescent="0.2">
      <c r="A273">
        <v>667.03458699999999</v>
      </c>
      <c r="B273">
        <v>19.937715000000001</v>
      </c>
      <c r="C273">
        <v>10.176178999999999</v>
      </c>
      <c r="D273">
        <f t="shared" si="12"/>
        <v>1.3563010000000002</v>
      </c>
      <c r="E273">
        <f t="shared" si="13"/>
        <v>14.190062000000012</v>
      </c>
      <c r="F273">
        <f t="shared" si="14"/>
        <v>1.5684831502374496E-2</v>
      </c>
    </row>
    <row r="274" spans="1:6" x14ac:dyDescent="0.2">
      <c r="A274">
        <v>666.80378599999995</v>
      </c>
      <c r="B274">
        <v>20.051895999999999</v>
      </c>
      <c r="C274">
        <v>10.181184</v>
      </c>
      <c r="D274">
        <f t="shared" si="12"/>
        <v>1.3613060000000008</v>
      </c>
      <c r="E274">
        <f t="shared" si="13"/>
        <v>13.959260999999969</v>
      </c>
      <c r="F274">
        <f t="shared" si="14"/>
        <v>1.5378310016519951E-2</v>
      </c>
    </row>
    <row r="275" spans="1:6" x14ac:dyDescent="0.2">
      <c r="A275">
        <v>666.43077000000005</v>
      </c>
      <c r="B275">
        <v>20.031144000000001</v>
      </c>
      <c r="C275">
        <v>10.186189000000001</v>
      </c>
      <c r="D275">
        <f t="shared" si="12"/>
        <v>1.3663110000000014</v>
      </c>
      <c r="E275">
        <f t="shared" si="13"/>
        <v>13.586245000000076</v>
      </c>
      <c r="F275">
        <f t="shared" si="14"/>
        <v>1.4920893698302365E-2</v>
      </c>
    </row>
    <row r="276" spans="1:6" x14ac:dyDescent="0.2">
      <c r="A276">
        <v>666.16778299999999</v>
      </c>
      <c r="B276">
        <v>20.024764000000001</v>
      </c>
      <c r="C276">
        <v>10.191193999999999</v>
      </c>
      <c r="D276">
        <f t="shared" si="12"/>
        <v>1.3713160000000002</v>
      </c>
      <c r="E276">
        <f t="shared" si="13"/>
        <v>13.32325800000001</v>
      </c>
      <c r="F276">
        <f t="shared" si="14"/>
        <v>1.4584423575817474E-2</v>
      </c>
    </row>
    <row r="277" spans="1:6" x14ac:dyDescent="0.2">
      <c r="A277">
        <v>666.11473999999998</v>
      </c>
      <c r="B277">
        <v>20.017624999999999</v>
      </c>
      <c r="C277">
        <v>10.196198000000001</v>
      </c>
      <c r="D277">
        <f t="shared" si="12"/>
        <v>1.3763200000000015</v>
      </c>
      <c r="E277">
        <f t="shared" si="13"/>
        <v>13.270215000000007</v>
      </c>
      <c r="F277">
        <f t="shared" si="14"/>
        <v>1.4474697433659181E-2</v>
      </c>
    </row>
    <row r="278" spans="1:6" x14ac:dyDescent="0.2">
      <c r="A278">
        <v>665.09395300000006</v>
      </c>
      <c r="B278">
        <v>20.106327</v>
      </c>
      <c r="C278">
        <v>10.201203</v>
      </c>
      <c r="D278">
        <f t="shared" si="12"/>
        <v>1.3813250000000004</v>
      </c>
      <c r="E278">
        <f t="shared" si="13"/>
        <v>12.24942800000008</v>
      </c>
      <c r="F278">
        <f t="shared" si="14"/>
        <v>1.3333278116431764E-2</v>
      </c>
    </row>
    <row r="279" spans="1:6" x14ac:dyDescent="0.2">
      <c r="A279">
        <v>664.09547099999997</v>
      </c>
      <c r="B279">
        <v>20.094062000000001</v>
      </c>
      <c r="C279">
        <v>10.206208</v>
      </c>
      <c r="D279">
        <f t="shared" si="12"/>
        <v>1.386330000000001</v>
      </c>
      <c r="E279">
        <f t="shared" si="13"/>
        <v>11.250945999999999</v>
      </c>
      <c r="F279">
        <f t="shared" si="14"/>
        <v>1.2220582306768682E-2</v>
      </c>
    </row>
    <row r="280" spans="1:6" x14ac:dyDescent="0.2">
      <c r="A280">
        <v>663.56620299999997</v>
      </c>
      <c r="B280">
        <v>20.039415000000002</v>
      </c>
      <c r="C280">
        <v>10.211213000000001</v>
      </c>
      <c r="D280">
        <f t="shared" si="12"/>
        <v>1.3913350000000015</v>
      </c>
      <c r="E280">
        <f t="shared" si="13"/>
        <v>10.721677999999997</v>
      </c>
      <c r="F280">
        <f t="shared" si="14"/>
        <v>1.1613063254350223E-2</v>
      </c>
    </row>
    <row r="281" spans="1:6" x14ac:dyDescent="0.2">
      <c r="A281">
        <v>663.73591199999998</v>
      </c>
      <c r="B281">
        <v>19.968491</v>
      </c>
      <c r="C281">
        <v>10.216218</v>
      </c>
      <c r="D281">
        <f t="shared" si="12"/>
        <v>1.3963400000000004</v>
      </c>
      <c r="E281">
        <f t="shared" si="13"/>
        <v>10.891387000000009</v>
      </c>
      <c r="F281">
        <f t="shared" si="14"/>
        <v>1.1751591723023836E-2</v>
      </c>
    </row>
    <row r="282" spans="1:6" x14ac:dyDescent="0.2">
      <c r="A282">
        <v>663.47495300000003</v>
      </c>
      <c r="B282">
        <v>20.056718</v>
      </c>
      <c r="C282">
        <v>10.221221999999999</v>
      </c>
      <c r="D282">
        <f t="shared" si="12"/>
        <v>1.4013439999999999</v>
      </c>
      <c r="E282">
        <f t="shared" si="13"/>
        <v>10.630428000000052</v>
      </c>
      <c r="F282">
        <f t="shared" si="14"/>
        <v>1.1433559590526735E-2</v>
      </c>
    </row>
    <row r="283" spans="1:6" x14ac:dyDescent="0.2">
      <c r="A283">
        <v>662.731493</v>
      </c>
      <c r="B283">
        <v>20.067831999999999</v>
      </c>
      <c r="C283">
        <v>10.226227</v>
      </c>
      <c r="D283">
        <f t="shared" si="12"/>
        <v>1.4063490000000005</v>
      </c>
      <c r="E283">
        <f t="shared" si="13"/>
        <v>9.8869680000000244</v>
      </c>
      <c r="F283">
        <f t="shared" si="14"/>
        <v>1.0607973131667486E-2</v>
      </c>
    </row>
    <row r="284" spans="1:6" x14ac:dyDescent="0.2">
      <c r="A284">
        <v>662.48805200000004</v>
      </c>
      <c r="B284">
        <v>20.001031999999999</v>
      </c>
      <c r="C284">
        <v>10.231232</v>
      </c>
      <c r="D284">
        <f t="shared" si="12"/>
        <v>1.4113540000000011</v>
      </c>
      <c r="E284">
        <f t="shared" si="13"/>
        <v>9.6435270000000628</v>
      </c>
      <c r="F284">
        <f t="shared" si="14"/>
        <v>1.0313875677331582E-2</v>
      </c>
    </row>
    <row r="285" spans="1:6" x14ac:dyDescent="0.2">
      <c r="A285">
        <v>662.94518900000003</v>
      </c>
      <c r="B285">
        <v>19.946512999999999</v>
      </c>
      <c r="C285">
        <v>10.236236999999999</v>
      </c>
      <c r="D285">
        <f t="shared" si="12"/>
        <v>1.4163589999999999</v>
      </c>
      <c r="E285">
        <f t="shared" si="13"/>
        <v>10.100664000000052</v>
      </c>
      <c r="F285">
        <f t="shared" si="14"/>
        <v>1.0757192853273527E-2</v>
      </c>
    </row>
    <row r="286" spans="1:6" x14ac:dyDescent="0.2">
      <c r="A286">
        <v>663.08990200000005</v>
      </c>
      <c r="B286">
        <v>19.989578999999999</v>
      </c>
      <c r="C286">
        <v>10.241242</v>
      </c>
      <c r="D286">
        <f t="shared" si="12"/>
        <v>1.4213640000000005</v>
      </c>
      <c r="E286">
        <f t="shared" si="13"/>
        <v>10.245377000000076</v>
      </c>
      <c r="F286">
        <f t="shared" si="14"/>
        <v>1.0870517463088638E-2</v>
      </c>
    </row>
    <row r="287" spans="1:6" x14ac:dyDescent="0.2">
      <c r="A287">
        <v>663.33591300000001</v>
      </c>
      <c r="B287">
        <v>19.975842</v>
      </c>
      <c r="C287">
        <v>10.246245999999999</v>
      </c>
      <c r="D287">
        <f t="shared" si="12"/>
        <v>1.4263680000000001</v>
      </c>
      <c r="E287">
        <f t="shared" si="13"/>
        <v>10.491388000000029</v>
      </c>
      <c r="F287">
        <f t="shared" si="14"/>
        <v>1.1088373621762878E-2</v>
      </c>
    </row>
    <row r="288" spans="1:6" x14ac:dyDescent="0.2">
      <c r="A288">
        <v>663.43919600000004</v>
      </c>
      <c r="B288">
        <v>19.992578999999999</v>
      </c>
      <c r="C288">
        <v>10.251251</v>
      </c>
      <c r="D288">
        <f t="shared" si="12"/>
        <v>1.4313730000000007</v>
      </c>
      <c r="E288">
        <f t="shared" si="13"/>
        <v>10.594671000000062</v>
      </c>
      <c r="F288">
        <f t="shared" si="14"/>
        <v>1.1156642785988359E-2</v>
      </c>
    </row>
    <row r="289" spans="1:6" x14ac:dyDescent="0.2">
      <c r="A289">
        <v>664.02755300000001</v>
      </c>
      <c r="B289">
        <v>19.923152999999999</v>
      </c>
      <c r="C289">
        <v>10.256256</v>
      </c>
      <c r="D289">
        <f t="shared" si="12"/>
        <v>1.4363780000000013</v>
      </c>
      <c r="E289">
        <f t="shared" si="13"/>
        <v>11.183028000000036</v>
      </c>
      <c r="F289">
        <f t="shared" si="14"/>
        <v>1.1724776350233491E-2</v>
      </c>
    </row>
    <row r="290" spans="1:6" x14ac:dyDescent="0.2">
      <c r="A290">
        <v>664.46875999999997</v>
      </c>
      <c r="B290">
        <v>19.960125000000001</v>
      </c>
      <c r="C290">
        <v>10.261260999999999</v>
      </c>
      <c r="D290">
        <f t="shared" si="12"/>
        <v>1.4413830000000001</v>
      </c>
      <c r="E290">
        <f t="shared" si="13"/>
        <v>11.624234999999999</v>
      </c>
      <c r="F290">
        <f t="shared" si="14"/>
        <v>1.2136973906791462E-2</v>
      </c>
    </row>
    <row r="291" spans="1:6" x14ac:dyDescent="0.2">
      <c r="A291">
        <v>665.02013099999999</v>
      </c>
      <c r="B291">
        <v>19.937715000000001</v>
      </c>
      <c r="C291">
        <v>10.266266</v>
      </c>
      <c r="D291">
        <f t="shared" si="12"/>
        <v>1.4463880000000007</v>
      </c>
      <c r="E291">
        <f t="shared" si="13"/>
        <v>12.175606000000016</v>
      </c>
      <c r="F291">
        <f t="shared" si="14"/>
        <v>1.2658171744238266E-2</v>
      </c>
    </row>
    <row r="292" spans="1:6" x14ac:dyDescent="0.2">
      <c r="A292">
        <v>665.40065600000003</v>
      </c>
      <c r="B292">
        <v>19.950026000000001</v>
      </c>
      <c r="C292">
        <v>10.271269999999999</v>
      </c>
      <c r="D292">
        <f t="shared" si="12"/>
        <v>1.4513920000000002</v>
      </c>
      <c r="E292">
        <f t="shared" si="13"/>
        <v>12.55613100000005</v>
      </c>
      <c r="F292">
        <f t="shared" si="14"/>
        <v>1.300133319652585E-2</v>
      </c>
    </row>
    <row r="293" spans="1:6" x14ac:dyDescent="0.2">
      <c r="A293">
        <v>666.019002</v>
      </c>
      <c r="B293">
        <v>19.935337000000001</v>
      </c>
      <c r="C293">
        <v>10.276275</v>
      </c>
      <c r="D293">
        <f t="shared" si="12"/>
        <v>1.4563970000000008</v>
      </c>
      <c r="E293">
        <f t="shared" si="13"/>
        <v>13.174477000000024</v>
      </c>
      <c r="F293">
        <f t="shared" si="14"/>
        <v>1.3582102007003822E-2</v>
      </c>
    </row>
    <row r="294" spans="1:6" x14ac:dyDescent="0.2">
      <c r="A294">
        <v>666.535571</v>
      </c>
      <c r="B294">
        <v>19.972265</v>
      </c>
      <c r="C294">
        <v>10.281280000000001</v>
      </c>
      <c r="D294">
        <f t="shared" si="12"/>
        <v>1.4614020000000014</v>
      </c>
      <c r="E294">
        <f t="shared" si="13"/>
        <v>13.691046000000028</v>
      </c>
      <c r="F294">
        <f t="shared" si="14"/>
        <v>1.405541266337674E-2</v>
      </c>
    </row>
    <row r="295" spans="1:6" x14ac:dyDescent="0.2">
      <c r="A295">
        <v>666.64499599999999</v>
      </c>
      <c r="B295">
        <v>20.012986999999999</v>
      </c>
      <c r="C295">
        <v>10.286284999999999</v>
      </c>
      <c r="D295">
        <f t="shared" si="12"/>
        <v>1.4664070000000002</v>
      </c>
      <c r="E295">
        <f t="shared" si="13"/>
        <v>13.800471000000016</v>
      </c>
      <c r="F295">
        <f t="shared" si="14"/>
        <v>1.4117076240797687E-2</v>
      </c>
    </row>
    <row r="296" spans="1:6" x14ac:dyDescent="0.2">
      <c r="A296">
        <v>665.93397800000002</v>
      </c>
      <c r="B296">
        <v>20.082068</v>
      </c>
      <c r="C296">
        <v>10.29129</v>
      </c>
      <c r="D296">
        <f t="shared" si="12"/>
        <v>1.4714120000000008</v>
      </c>
      <c r="E296">
        <f t="shared" si="13"/>
        <v>13.089453000000049</v>
      </c>
      <c r="F296">
        <f t="shared" si="14"/>
        <v>1.3358448791295163E-2</v>
      </c>
    </row>
    <row r="297" spans="1:6" x14ac:dyDescent="0.2">
      <c r="A297">
        <v>665.38679300000001</v>
      </c>
      <c r="B297">
        <v>20.027052000000001</v>
      </c>
      <c r="C297">
        <v>10.296294</v>
      </c>
      <c r="D297">
        <f t="shared" si="12"/>
        <v>1.4764160000000004</v>
      </c>
      <c r="E297">
        <f t="shared" si="13"/>
        <v>12.542268000000035</v>
      </c>
      <c r="F297">
        <f t="shared" si="14"/>
        <v>1.2767126365544553E-2</v>
      </c>
    </row>
    <row r="298" spans="1:6" x14ac:dyDescent="0.2">
      <c r="A298">
        <v>665.22277699999995</v>
      </c>
      <c r="B298">
        <v>20.008717999999998</v>
      </c>
      <c r="C298">
        <v>10.301299</v>
      </c>
      <c r="D298">
        <f t="shared" si="12"/>
        <v>1.481421000000001</v>
      </c>
      <c r="E298">
        <f t="shared" si="13"/>
        <v>12.378251999999975</v>
      </c>
      <c r="F298">
        <f t="shared" si="14"/>
        <v>1.2560696219019089E-2</v>
      </c>
    </row>
    <row r="299" spans="1:6" x14ac:dyDescent="0.2">
      <c r="A299">
        <v>664.96322999999995</v>
      </c>
      <c r="B299">
        <v>20.024335000000001</v>
      </c>
      <c r="C299">
        <v>10.306304000000001</v>
      </c>
      <c r="D299">
        <f t="shared" si="12"/>
        <v>1.4864260000000016</v>
      </c>
      <c r="E299">
        <f t="shared" si="13"/>
        <v>12.118704999999977</v>
      </c>
      <c r="F299">
        <f t="shared" si="14"/>
        <v>1.2260700660341827E-2</v>
      </c>
    </row>
    <row r="300" spans="1:6" x14ac:dyDescent="0.2">
      <c r="A300">
        <v>664.71246699999995</v>
      </c>
      <c r="B300">
        <v>20.031034999999999</v>
      </c>
      <c r="C300">
        <v>10.311309</v>
      </c>
      <c r="D300">
        <f t="shared" si="12"/>
        <v>1.4914310000000004</v>
      </c>
      <c r="E300">
        <f t="shared" si="13"/>
        <v>11.867941999999971</v>
      </c>
      <c r="F300">
        <f t="shared" si="14"/>
        <v>1.1971220359246217E-2</v>
      </c>
    </row>
    <row r="301" spans="1:6" x14ac:dyDescent="0.2">
      <c r="A301">
        <v>664.57657900000004</v>
      </c>
      <c r="B301">
        <v>20.024052000000001</v>
      </c>
      <c r="C301">
        <v>10.316314</v>
      </c>
      <c r="D301">
        <f t="shared" si="12"/>
        <v>1.496436000000001</v>
      </c>
      <c r="E301">
        <f t="shared" si="13"/>
        <v>11.732054000000062</v>
      </c>
      <c r="F301">
        <f t="shared" si="14"/>
        <v>1.1796980836126056E-2</v>
      </c>
    </row>
    <row r="302" spans="1:6" x14ac:dyDescent="0.2">
      <c r="A302">
        <v>664.15589</v>
      </c>
      <c r="B302">
        <v>20.012521</v>
      </c>
      <c r="C302">
        <v>10.321318</v>
      </c>
      <c r="D302">
        <f t="shared" si="12"/>
        <v>1.5014400000000006</v>
      </c>
      <c r="E302">
        <f t="shared" si="13"/>
        <v>11.311365000000023</v>
      </c>
      <c r="F302">
        <f t="shared" si="14"/>
        <v>1.1343237006356073E-2</v>
      </c>
    </row>
    <row r="303" spans="1:6" x14ac:dyDescent="0.2">
      <c r="A303">
        <v>664.11552900000004</v>
      </c>
      <c r="B303">
        <v>19.992982999999999</v>
      </c>
      <c r="C303">
        <v>10.326323</v>
      </c>
      <c r="D303">
        <f t="shared" si="12"/>
        <v>1.5064450000000011</v>
      </c>
      <c r="E303">
        <f t="shared" si="13"/>
        <v>11.271004000000062</v>
      </c>
      <c r="F303">
        <f t="shared" si="14"/>
        <v>1.1265894713010699E-2</v>
      </c>
    </row>
    <row r="304" spans="1:6" x14ac:dyDescent="0.2">
      <c r="A304">
        <v>664.20107599999994</v>
      </c>
      <c r="B304">
        <v>19.995939</v>
      </c>
      <c r="C304">
        <v>10.331327999999999</v>
      </c>
      <c r="D304">
        <f t="shared" si="12"/>
        <v>1.51145</v>
      </c>
      <c r="E304">
        <f t="shared" si="13"/>
        <v>11.356550999999968</v>
      </c>
      <c r="F304">
        <f t="shared" si="14"/>
        <v>1.1312356830948576E-2</v>
      </c>
    </row>
    <row r="305" spans="1:6" x14ac:dyDescent="0.2">
      <c r="A305">
        <v>664.36480200000005</v>
      </c>
      <c r="B305">
        <v>19.994605</v>
      </c>
      <c r="C305">
        <v>10.336333</v>
      </c>
      <c r="D305">
        <f t="shared" si="12"/>
        <v>1.5164550000000006</v>
      </c>
      <c r="E305">
        <f t="shared" si="13"/>
        <v>11.520277000000078</v>
      </c>
      <c r="F305">
        <f t="shared" si="14"/>
        <v>1.1434752758483565E-2</v>
      </c>
    </row>
    <row r="306" spans="1:6" x14ac:dyDescent="0.2">
      <c r="A306">
        <v>664.48917800000004</v>
      </c>
      <c r="B306">
        <v>19.981431000000001</v>
      </c>
      <c r="C306">
        <v>10.341338</v>
      </c>
      <c r="D306">
        <f t="shared" si="12"/>
        <v>1.5214600000000011</v>
      </c>
      <c r="E306">
        <f t="shared" si="13"/>
        <v>11.644653000000062</v>
      </c>
      <c r="F306">
        <f t="shared" si="14"/>
        <v>1.151802720944317E-2</v>
      </c>
    </row>
    <row r="307" spans="1:6" x14ac:dyDescent="0.2">
      <c r="A307">
        <v>664.64867400000003</v>
      </c>
      <c r="B307">
        <v>19.978992999999999</v>
      </c>
      <c r="C307">
        <v>10.346342</v>
      </c>
      <c r="D307">
        <f t="shared" si="12"/>
        <v>1.5264640000000007</v>
      </c>
      <c r="E307">
        <f t="shared" si="13"/>
        <v>11.804149000000052</v>
      </c>
      <c r="F307">
        <f t="shared" si="14"/>
        <v>1.1634721010448065E-2</v>
      </c>
    </row>
    <row r="308" spans="1:6" x14ac:dyDescent="0.2">
      <c r="A308">
        <v>665.132564</v>
      </c>
      <c r="B308">
        <v>19.934573</v>
      </c>
      <c r="C308">
        <v>10.351347000000001</v>
      </c>
      <c r="D308">
        <f t="shared" si="12"/>
        <v>1.5314690000000013</v>
      </c>
      <c r="E308">
        <f t="shared" si="13"/>
        <v>12.288039000000026</v>
      </c>
      <c r="F308">
        <f t="shared" si="14"/>
        <v>1.2063300878909663E-2</v>
      </c>
    </row>
    <row r="309" spans="1:6" x14ac:dyDescent="0.2">
      <c r="A309">
        <v>665.65051200000005</v>
      </c>
      <c r="B309">
        <v>19.971126000000002</v>
      </c>
      <c r="C309">
        <v>10.356351999999999</v>
      </c>
      <c r="D309">
        <f t="shared" si="12"/>
        <v>1.5364740000000001</v>
      </c>
      <c r="E309">
        <f t="shared" si="13"/>
        <v>12.805987000000073</v>
      </c>
      <c r="F309">
        <f t="shared" si="14"/>
        <v>1.2521073665284403E-2</v>
      </c>
    </row>
    <row r="310" spans="1:6" x14ac:dyDescent="0.2">
      <c r="A310">
        <v>665.92324199999996</v>
      </c>
      <c r="B310">
        <v>19.981045000000002</v>
      </c>
      <c r="C310">
        <v>10.361357</v>
      </c>
      <c r="D310">
        <f t="shared" si="12"/>
        <v>1.5414790000000007</v>
      </c>
      <c r="E310">
        <f t="shared" si="13"/>
        <v>13.078716999999983</v>
      </c>
      <c r="F310">
        <f t="shared" si="14"/>
        <v>1.2740995345878539E-2</v>
      </c>
    </row>
    <row r="311" spans="1:6" x14ac:dyDescent="0.2">
      <c r="A311">
        <v>666.25495000000001</v>
      </c>
      <c r="B311">
        <v>19.948802000000001</v>
      </c>
      <c r="C311">
        <v>10.366362000000001</v>
      </c>
      <c r="D311">
        <f t="shared" si="12"/>
        <v>1.5464840000000013</v>
      </c>
      <c r="E311">
        <f t="shared" si="13"/>
        <v>13.410425000000032</v>
      </c>
      <c r="F311">
        <f t="shared" si="14"/>
        <v>1.3015374288807212E-2</v>
      </c>
    </row>
    <row r="312" spans="1:6" x14ac:dyDescent="0.2">
      <c r="A312">
        <v>666.79775500000005</v>
      </c>
      <c r="B312">
        <v>19.946197000000002</v>
      </c>
      <c r="C312">
        <v>10.371366</v>
      </c>
      <c r="D312">
        <f t="shared" si="12"/>
        <v>1.5514880000000009</v>
      </c>
      <c r="E312">
        <f t="shared" si="13"/>
        <v>13.953230000000076</v>
      </c>
      <c r="F312">
        <f t="shared" si="14"/>
        <v>1.3487523152826635E-2</v>
      </c>
    </row>
    <row r="313" spans="1:6" x14ac:dyDescent="0.2">
      <c r="A313">
        <v>667.20963900000004</v>
      </c>
      <c r="B313">
        <v>19.977096</v>
      </c>
      <c r="C313">
        <v>10.376371000000001</v>
      </c>
      <c r="D313">
        <f t="shared" si="12"/>
        <v>1.5564930000000015</v>
      </c>
      <c r="E313">
        <f t="shared" si="13"/>
        <v>14.365114000000062</v>
      </c>
      <c r="F313">
        <f t="shared" si="14"/>
        <v>1.3832465419411513E-2</v>
      </c>
    </row>
    <row r="314" spans="1:6" x14ac:dyDescent="0.2">
      <c r="A314">
        <v>666.87987499999997</v>
      </c>
      <c r="B314">
        <v>20.041582999999999</v>
      </c>
      <c r="C314">
        <v>10.381375999999999</v>
      </c>
      <c r="D314">
        <f t="shared" si="12"/>
        <v>1.5614980000000003</v>
      </c>
      <c r="E314">
        <f t="shared" si="13"/>
        <v>14.035349999999994</v>
      </c>
      <c r="F314">
        <f t="shared" si="14"/>
        <v>1.3478271590522613E-2</v>
      </c>
    </row>
    <row r="315" spans="1:6" x14ac:dyDescent="0.2">
      <c r="A315">
        <v>666.07919700000002</v>
      </c>
      <c r="B315">
        <v>20.080020000000001</v>
      </c>
      <c r="C315">
        <v>10.386381</v>
      </c>
      <c r="D315">
        <f t="shared" si="12"/>
        <v>1.5665030000000009</v>
      </c>
      <c r="E315">
        <f t="shared" si="13"/>
        <v>13.234672000000046</v>
      </c>
      <c r="F315">
        <f t="shared" si="14"/>
        <v>1.2683995567125218E-2</v>
      </c>
    </row>
    <row r="316" spans="1:6" x14ac:dyDescent="0.2">
      <c r="A316">
        <v>665.65629799999999</v>
      </c>
      <c r="B316">
        <v>20.027376</v>
      </c>
      <c r="C316">
        <v>10.391386000000001</v>
      </c>
      <c r="D316">
        <f t="shared" si="12"/>
        <v>1.5715080000000015</v>
      </c>
      <c r="E316">
        <f t="shared" si="13"/>
        <v>12.811773000000017</v>
      </c>
      <c r="F316">
        <f t="shared" si="14"/>
        <v>1.224736309937155E-2</v>
      </c>
    </row>
    <row r="317" spans="1:6" x14ac:dyDescent="0.2">
      <c r="A317">
        <v>665.55168600000002</v>
      </c>
      <c r="B317">
        <v>20.012862999999999</v>
      </c>
      <c r="C317">
        <v>10.39639</v>
      </c>
      <c r="D317">
        <f t="shared" si="12"/>
        <v>1.576512000000001</v>
      </c>
      <c r="E317">
        <f t="shared" si="13"/>
        <v>12.707161000000042</v>
      </c>
      <c r="F317">
        <f t="shared" si="14"/>
        <v>1.2110706066712683E-2</v>
      </c>
    </row>
    <row r="318" spans="1:6" x14ac:dyDescent="0.2">
      <c r="A318">
        <v>664.93667000000005</v>
      </c>
      <c r="B318">
        <v>20.075838999999998</v>
      </c>
      <c r="C318">
        <v>10.401395000000001</v>
      </c>
      <c r="D318">
        <f t="shared" si="12"/>
        <v>1.5815170000000016</v>
      </c>
      <c r="E318">
        <f t="shared" si="13"/>
        <v>12.092145000000073</v>
      </c>
      <c r="F318">
        <f t="shared" si="14"/>
        <v>1.1498712024116947E-2</v>
      </c>
    </row>
    <row r="319" spans="1:6" x14ac:dyDescent="0.2">
      <c r="A319">
        <v>664.15436799999998</v>
      </c>
      <c r="B319">
        <v>20.068967000000001</v>
      </c>
      <c r="C319">
        <v>10.4064</v>
      </c>
      <c r="D319">
        <f t="shared" si="12"/>
        <v>1.5865220000000004</v>
      </c>
      <c r="E319">
        <f t="shared" si="13"/>
        <v>11.309843000000001</v>
      </c>
      <c r="F319">
        <f t="shared" si="14"/>
        <v>1.0733502065649608E-2</v>
      </c>
    </row>
    <row r="320" spans="1:6" x14ac:dyDescent="0.2">
      <c r="A320">
        <v>663.44232899999997</v>
      </c>
      <c r="B320">
        <v>20.053940000000001</v>
      </c>
      <c r="C320">
        <v>10.411405</v>
      </c>
      <c r="D320">
        <f t="shared" si="12"/>
        <v>1.591527000000001</v>
      </c>
      <c r="E320">
        <f t="shared" si="13"/>
        <v>10.597803999999996</v>
      </c>
      <c r="F320">
        <f t="shared" si="14"/>
        <v>1.0036879161707616E-2</v>
      </c>
    </row>
    <row r="321" spans="1:6" x14ac:dyDescent="0.2">
      <c r="A321">
        <v>663.15552300000002</v>
      </c>
      <c r="B321">
        <v>20.065435000000001</v>
      </c>
      <c r="C321">
        <v>10.416410000000001</v>
      </c>
      <c r="D321">
        <f t="shared" si="12"/>
        <v>1.5965320000000016</v>
      </c>
      <c r="E321">
        <f t="shared" si="13"/>
        <v>10.310998000000041</v>
      </c>
      <c r="F321">
        <f t="shared" si="14"/>
        <v>9.738850160943861E-3</v>
      </c>
    </row>
    <row r="322" spans="1:6" x14ac:dyDescent="0.2">
      <c r="A322">
        <v>662.33449199999995</v>
      </c>
      <c r="B322">
        <v>20.074002</v>
      </c>
      <c r="C322">
        <v>10.421414</v>
      </c>
      <c r="D322">
        <f t="shared" si="12"/>
        <v>1.6015360000000012</v>
      </c>
      <c r="E322">
        <f t="shared" si="13"/>
        <v>9.4899669999999787</v>
      </c>
      <c r="F322">
        <f t="shared" si="14"/>
        <v>8.9464476444304445E-3</v>
      </c>
    </row>
    <row r="323" spans="1:6" x14ac:dyDescent="0.2">
      <c r="A323">
        <v>661.40900899999997</v>
      </c>
      <c r="B323">
        <v>20.081719</v>
      </c>
      <c r="C323">
        <v>10.426418999999999</v>
      </c>
      <c r="D323">
        <f t="shared" ref="D323:D386" si="15">C323-$C$2</f>
        <v>1.606541</v>
      </c>
      <c r="E323">
        <f t="shared" ref="E323:E386" si="16">A323-$A$2</f>
        <v>8.5644839999999931</v>
      </c>
      <c r="F323">
        <f t="shared" ref="F323:F386" si="17">(1/A323)*(E323/D323)</f>
        <v>8.0600787071834629E-3</v>
      </c>
    </row>
    <row r="324" spans="1:6" x14ac:dyDescent="0.2">
      <c r="A324">
        <v>661.00232600000004</v>
      </c>
      <c r="B324">
        <v>20.020273</v>
      </c>
      <c r="C324">
        <v>10.431424</v>
      </c>
      <c r="D324">
        <f t="shared" si="15"/>
        <v>1.6115460000000006</v>
      </c>
      <c r="E324">
        <f t="shared" si="16"/>
        <v>8.1578010000000631</v>
      </c>
      <c r="F324">
        <f t="shared" si="17"/>
        <v>7.6582124958689615E-3</v>
      </c>
    </row>
    <row r="325" spans="1:6" x14ac:dyDescent="0.2">
      <c r="A325">
        <v>661.28992900000003</v>
      </c>
      <c r="B325">
        <v>19.968274999999998</v>
      </c>
      <c r="C325">
        <v>10.436429</v>
      </c>
      <c r="D325">
        <f t="shared" si="15"/>
        <v>1.6165510000000012</v>
      </c>
      <c r="E325">
        <f t="shared" si="16"/>
        <v>8.4454040000000532</v>
      </c>
      <c r="F325">
        <f t="shared" si="17"/>
        <v>7.9002186338049882E-3</v>
      </c>
    </row>
    <row r="326" spans="1:6" x14ac:dyDescent="0.2">
      <c r="A326">
        <v>661.23903900000005</v>
      </c>
      <c r="B326">
        <v>20.005554</v>
      </c>
      <c r="C326">
        <v>10.441433999999999</v>
      </c>
      <c r="D326">
        <f t="shared" si="15"/>
        <v>1.621556</v>
      </c>
      <c r="E326">
        <f t="shared" si="16"/>
        <v>8.394514000000072</v>
      </c>
      <c r="F326">
        <f t="shared" si="17"/>
        <v>7.8289788567327458E-3</v>
      </c>
    </row>
    <row r="327" spans="1:6" x14ac:dyDescent="0.2">
      <c r="A327">
        <v>661.26015800000005</v>
      </c>
      <c r="B327">
        <v>20.005751</v>
      </c>
      <c r="C327">
        <v>10.446438000000001</v>
      </c>
      <c r="D327">
        <f t="shared" si="15"/>
        <v>1.6265600000000013</v>
      </c>
      <c r="E327">
        <f t="shared" si="16"/>
        <v>8.4156330000000708</v>
      </c>
      <c r="F327">
        <f t="shared" si="17"/>
        <v>7.8242792727592405E-3</v>
      </c>
    </row>
    <row r="328" spans="1:6" x14ac:dyDescent="0.2">
      <c r="A328">
        <v>661.344876</v>
      </c>
      <c r="B328">
        <v>19.966560000000001</v>
      </c>
      <c r="C328">
        <v>10.451442999999999</v>
      </c>
      <c r="D328">
        <f t="shared" si="15"/>
        <v>1.6315650000000002</v>
      </c>
      <c r="E328">
        <f t="shared" si="16"/>
        <v>8.5003510000000233</v>
      </c>
      <c r="F328">
        <f t="shared" si="17"/>
        <v>7.8777915638467318E-3</v>
      </c>
    </row>
    <row r="329" spans="1:6" x14ac:dyDescent="0.2">
      <c r="A329">
        <v>662.01358500000003</v>
      </c>
      <c r="B329">
        <v>19.929487000000002</v>
      </c>
      <c r="C329">
        <v>10.456448</v>
      </c>
      <c r="D329">
        <f t="shared" si="15"/>
        <v>1.6365700000000007</v>
      </c>
      <c r="E329">
        <f t="shared" si="16"/>
        <v>9.1690600000000586</v>
      </c>
      <c r="F329">
        <f t="shared" si="17"/>
        <v>8.46298024735841E-3</v>
      </c>
    </row>
    <row r="330" spans="1:6" x14ac:dyDescent="0.2">
      <c r="A330">
        <v>662.80108199999995</v>
      </c>
      <c r="B330">
        <v>19.927790000000002</v>
      </c>
      <c r="C330">
        <v>10.461453000000001</v>
      </c>
      <c r="D330">
        <f t="shared" si="15"/>
        <v>1.6415750000000013</v>
      </c>
      <c r="E330">
        <f t="shared" si="16"/>
        <v>9.9565569999999752</v>
      </c>
      <c r="F330">
        <f t="shared" si="17"/>
        <v>9.1509302723865628E-3</v>
      </c>
    </row>
    <row r="331" spans="1:6" x14ac:dyDescent="0.2">
      <c r="A331">
        <v>663.52756699999998</v>
      </c>
      <c r="B331">
        <v>19.935535999999999</v>
      </c>
      <c r="C331">
        <v>10.466457999999999</v>
      </c>
      <c r="D331">
        <f t="shared" si="15"/>
        <v>1.6465800000000002</v>
      </c>
      <c r="E331">
        <f t="shared" si="16"/>
        <v>10.683042</v>
      </c>
      <c r="F331">
        <f t="shared" si="17"/>
        <v>9.7780697069501619E-3</v>
      </c>
    </row>
    <row r="332" spans="1:6" x14ac:dyDescent="0.2">
      <c r="A332">
        <v>663.77920200000005</v>
      </c>
      <c r="B332">
        <v>19.956178000000001</v>
      </c>
      <c r="C332">
        <v>10.471462000000001</v>
      </c>
      <c r="D332">
        <f t="shared" si="15"/>
        <v>1.6515840000000015</v>
      </c>
      <c r="E332">
        <f t="shared" si="16"/>
        <v>10.934677000000079</v>
      </c>
      <c r="F332">
        <f t="shared" si="17"/>
        <v>9.9742821973241736E-3</v>
      </c>
    </row>
    <row r="333" spans="1:6" x14ac:dyDescent="0.2">
      <c r="A333">
        <v>664.63914899999997</v>
      </c>
      <c r="B333">
        <v>19.899266000000001</v>
      </c>
      <c r="C333">
        <v>10.476467</v>
      </c>
      <c r="D333">
        <f t="shared" si="15"/>
        <v>1.6565890000000003</v>
      </c>
      <c r="E333">
        <f t="shared" si="16"/>
        <v>11.794623999999999</v>
      </c>
      <c r="F333">
        <f t="shared" si="17"/>
        <v>1.0712316819392215E-2</v>
      </c>
    </row>
    <row r="334" spans="1:6" x14ac:dyDescent="0.2">
      <c r="A334">
        <v>665.68192399999998</v>
      </c>
      <c r="B334">
        <v>19.897171</v>
      </c>
      <c r="C334">
        <v>10.481472</v>
      </c>
      <c r="D334">
        <f t="shared" si="15"/>
        <v>1.6615940000000009</v>
      </c>
      <c r="E334">
        <f t="shared" si="16"/>
        <v>12.837399000000005</v>
      </c>
      <c r="F334">
        <f t="shared" si="17"/>
        <v>1.1606074666286404E-2</v>
      </c>
    </row>
    <row r="335" spans="1:6" x14ac:dyDescent="0.2">
      <c r="A335">
        <v>666.350773</v>
      </c>
      <c r="B335">
        <v>19.961898999999999</v>
      </c>
      <c r="C335">
        <v>10.486477000000001</v>
      </c>
      <c r="D335">
        <f t="shared" si="15"/>
        <v>1.6665990000000015</v>
      </c>
      <c r="E335">
        <f t="shared" si="16"/>
        <v>13.506248000000028</v>
      </c>
      <c r="F335">
        <f t="shared" si="17"/>
        <v>1.2161879529416749E-2</v>
      </c>
    </row>
    <row r="336" spans="1:6" x14ac:dyDescent="0.2">
      <c r="A336">
        <v>666.31722300000001</v>
      </c>
      <c r="B336">
        <v>19.994094</v>
      </c>
      <c r="C336">
        <v>10.491482</v>
      </c>
      <c r="D336">
        <f t="shared" si="15"/>
        <v>1.6716040000000003</v>
      </c>
      <c r="E336">
        <f t="shared" si="16"/>
        <v>13.472698000000037</v>
      </c>
      <c r="F336">
        <f t="shared" si="17"/>
        <v>1.2095954209586854E-2</v>
      </c>
    </row>
    <row r="337" spans="1:6" x14ac:dyDescent="0.2">
      <c r="A337">
        <v>666.93215599999996</v>
      </c>
      <c r="B337">
        <v>19.926897</v>
      </c>
      <c r="C337">
        <v>10.496486000000001</v>
      </c>
      <c r="D337">
        <f t="shared" si="15"/>
        <v>1.6766080000000017</v>
      </c>
      <c r="E337">
        <f t="shared" si="16"/>
        <v>14.087630999999988</v>
      </c>
      <c r="F337">
        <f t="shared" si="17"/>
        <v>1.2598672193764595E-2</v>
      </c>
    </row>
    <row r="338" spans="1:6" x14ac:dyDescent="0.2">
      <c r="A338">
        <v>667.49635799999999</v>
      </c>
      <c r="B338">
        <v>19.989685000000001</v>
      </c>
      <c r="C338">
        <v>10.501491</v>
      </c>
      <c r="D338">
        <f t="shared" si="15"/>
        <v>1.6816130000000005</v>
      </c>
      <c r="E338">
        <f t="shared" si="16"/>
        <v>14.651833000000011</v>
      </c>
      <c r="F338">
        <f t="shared" si="17"/>
        <v>1.3053200335622187E-2</v>
      </c>
    </row>
    <row r="339" spans="1:6" x14ac:dyDescent="0.2">
      <c r="A339">
        <v>666.99237700000003</v>
      </c>
      <c r="B339">
        <v>20.059024999999998</v>
      </c>
      <c r="C339">
        <v>10.506496</v>
      </c>
      <c r="D339">
        <f t="shared" si="15"/>
        <v>1.6866180000000011</v>
      </c>
      <c r="E339">
        <f t="shared" si="16"/>
        <v>14.147852000000057</v>
      </c>
      <c r="F339">
        <f t="shared" si="17"/>
        <v>1.2576300522409784E-2</v>
      </c>
    </row>
    <row r="340" spans="1:6" x14ac:dyDescent="0.2">
      <c r="A340">
        <v>665.98340900000005</v>
      </c>
      <c r="B340">
        <v>20.086718999999999</v>
      </c>
      <c r="C340">
        <v>10.511501000000001</v>
      </c>
      <c r="D340">
        <f t="shared" si="15"/>
        <v>1.6916230000000017</v>
      </c>
      <c r="E340">
        <f t="shared" si="16"/>
        <v>13.138884000000076</v>
      </c>
      <c r="F340">
        <f t="shared" si="17"/>
        <v>1.166249543779444E-2</v>
      </c>
    </row>
    <row r="341" spans="1:6" x14ac:dyDescent="0.2">
      <c r="A341">
        <v>665.22515799999996</v>
      </c>
      <c r="B341">
        <v>20.067753</v>
      </c>
      <c r="C341">
        <v>10.516506</v>
      </c>
      <c r="D341">
        <f t="shared" si="15"/>
        <v>1.6966280000000005</v>
      </c>
      <c r="E341">
        <f t="shared" si="16"/>
        <v>12.380632999999989</v>
      </c>
      <c r="F341">
        <f t="shared" si="17"/>
        <v>1.0969518239352657E-2</v>
      </c>
    </row>
    <row r="342" spans="1:6" x14ac:dyDescent="0.2">
      <c r="A342">
        <v>664.45496500000002</v>
      </c>
      <c r="B342">
        <v>20.080950000000001</v>
      </c>
      <c r="C342">
        <v>10.521509999999999</v>
      </c>
      <c r="D342">
        <f t="shared" si="15"/>
        <v>1.701632</v>
      </c>
      <c r="E342">
        <f t="shared" si="16"/>
        <v>11.61044000000004</v>
      </c>
      <c r="F342">
        <f t="shared" si="17"/>
        <v>1.0268747698586864E-2</v>
      </c>
    </row>
    <row r="343" spans="1:6" x14ac:dyDescent="0.2">
      <c r="A343">
        <v>663.73884599999997</v>
      </c>
      <c r="B343">
        <v>20.083304999999999</v>
      </c>
      <c r="C343">
        <v>10.526515</v>
      </c>
      <c r="D343">
        <f t="shared" si="15"/>
        <v>1.7066370000000006</v>
      </c>
      <c r="E343">
        <f t="shared" si="16"/>
        <v>10.894320999999991</v>
      </c>
      <c r="F343">
        <f t="shared" si="17"/>
        <v>9.6174906932581117E-3</v>
      </c>
    </row>
    <row r="344" spans="1:6" x14ac:dyDescent="0.2">
      <c r="A344">
        <v>662.60453900000005</v>
      </c>
      <c r="B344">
        <v>20.116596000000001</v>
      </c>
      <c r="C344">
        <v>10.53152</v>
      </c>
      <c r="D344">
        <f t="shared" si="15"/>
        <v>1.7116420000000012</v>
      </c>
      <c r="E344">
        <f t="shared" si="16"/>
        <v>9.7600140000000692</v>
      </c>
      <c r="F344">
        <f t="shared" si="17"/>
        <v>8.6056385175864412E-3</v>
      </c>
    </row>
    <row r="345" spans="1:6" x14ac:dyDescent="0.2">
      <c r="A345">
        <v>661.65277700000001</v>
      </c>
      <c r="B345">
        <v>20.082139999999999</v>
      </c>
      <c r="C345">
        <v>10.536524999999999</v>
      </c>
      <c r="D345">
        <f t="shared" si="15"/>
        <v>1.716647</v>
      </c>
      <c r="E345">
        <f t="shared" si="16"/>
        <v>8.8082520000000386</v>
      </c>
      <c r="F345">
        <f t="shared" si="17"/>
        <v>7.7549426891676595E-3</v>
      </c>
    </row>
    <row r="346" spans="1:6" x14ac:dyDescent="0.2">
      <c r="A346">
        <v>660.97053000000005</v>
      </c>
      <c r="B346">
        <v>20.043043000000001</v>
      </c>
      <c r="C346">
        <v>10.54153</v>
      </c>
      <c r="D346">
        <f t="shared" si="15"/>
        <v>1.7216520000000006</v>
      </c>
      <c r="E346">
        <f t="shared" si="16"/>
        <v>8.1260050000000774</v>
      </c>
      <c r="F346">
        <f t="shared" si="17"/>
        <v>7.1408451805505006E-3</v>
      </c>
    </row>
    <row r="347" spans="1:6" x14ac:dyDescent="0.2">
      <c r="A347">
        <v>660.89332000000002</v>
      </c>
      <c r="B347">
        <v>20.015343999999999</v>
      </c>
      <c r="C347">
        <v>10.546533999999999</v>
      </c>
      <c r="D347">
        <f t="shared" si="15"/>
        <v>1.7266560000000002</v>
      </c>
      <c r="E347">
        <f t="shared" si="16"/>
        <v>8.048795000000041</v>
      </c>
      <c r="F347">
        <f t="shared" si="17"/>
        <v>7.053321529385064E-3</v>
      </c>
    </row>
    <row r="348" spans="1:6" x14ac:dyDescent="0.2">
      <c r="A348">
        <v>660.88732800000002</v>
      </c>
      <c r="B348">
        <v>19.991436</v>
      </c>
      <c r="C348">
        <v>10.551539</v>
      </c>
      <c r="D348">
        <f t="shared" si="15"/>
        <v>1.7316610000000008</v>
      </c>
      <c r="E348">
        <f t="shared" si="16"/>
        <v>8.042803000000049</v>
      </c>
      <c r="F348">
        <f t="shared" si="17"/>
        <v>7.0277633781938879E-3</v>
      </c>
    </row>
    <row r="349" spans="1:6" x14ac:dyDescent="0.2">
      <c r="A349">
        <v>660.89246800000001</v>
      </c>
      <c r="B349">
        <v>20.004095</v>
      </c>
      <c r="C349">
        <v>10.556544000000001</v>
      </c>
      <c r="D349">
        <f t="shared" si="15"/>
        <v>1.7366660000000014</v>
      </c>
      <c r="E349">
        <f t="shared" si="16"/>
        <v>8.047943000000032</v>
      </c>
      <c r="F349">
        <f t="shared" si="17"/>
        <v>7.0119334823764432E-3</v>
      </c>
    </row>
    <row r="350" spans="1:6" x14ac:dyDescent="0.2">
      <c r="A350">
        <v>661.171785</v>
      </c>
      <c r="B350">
        <v>19.958283000000002</v>
      </c>
      <c r="C350">
        <v>10.561548999999999</v>
      </c>
      <c r="D350">
        <f t="shared" si="15"/>
        <v>1.7416710000000002</v>
      </c>
      <c r="E350">
        <f t="shared" si="16"/>
        <v>8.3272600000000239</v>
      </c>
      <c r="F350">
        <f t="shared" si="17"/>
        <v>7.231388462972348E-3</v>
      </c>
    </row>
    <row r="351" spans="1:6" x14ac:dyDescent="0.2">
      <c r="A351">
        <v>661.84331699999996</v>
      </c>
      <c r="B351">
        <v>19.914411000000001</v>
      </c>
      <c r="C351">
        <v>10.566554</v>
      </c>
      <c r="D351">
        <f t="shared" si="15"/>
        <v>1.7466760000000008</v>
      </c>
      <c r="E351">
        <f t="shared" si="16"/>
        <v>8.9987919999999804</v>
      </c>
      <c r="F351">
        <f t="shared" si="17"/>
        <v>7.7842481608889754E-3</v>
      </c>
    </row>
    <row r="352" spans="1:6" x14ac:dyDescent="0.2">
      <c r="A352">
        <v>662.87085200000001</v>
      </c>
      <c r="B352">
        <v>19.904993000000001</v>
      </c>
      <c r="C352">
        <v>10.571558</v>
      </c>
      <c r="D352">
        <f t="shared" si="15"/>
        <v>1.7516800000000003</v>
      </c>
      <c r="E352">
        <f t="shared" si="16"/>
        <v>10.026327000000038</v>
      </c>
      <c r="F352">
        <f t="shared" si="17"/>
        <v>8.6349170665392314E-3</v>
      </c>
    </row>
    <row r="353" spans="1:6" x14ac:dyDescent="0.2">
      <c r="A353">
        <v>663.82507499999997</v>
      </c>
      <c r="B353">
        <v>19.902134</v>
      </c>
      <c r="C353">
        <v>10.576563</v>
      </c>
      <c r="D353">
        <f t="shared" si="15"/>
        <v>1.7566850000000009</v>
      </c>
      <c r="E353">
        <f t="shared" si="16"/>
        <v>10.980549999999994</v>
      </c>
      <c r="F353">
        <f t="shared" si="17"/>
        <v>9.4162189354465454E-3</v>
      </c>
    </row>
    <row r="354" spans="1:6" x14ac:dyDescent="0.2">
      <c r="A354">
        <v>664.39930900000002</v>
      </c>
      <c r="B354">
        <v>19.949321999999999</v>
      </c>
      <c r="C354">
        <v>10.581568000000001</v>
      </c>
      <c r="D354">
        <f t="shared" si="15"/>
        <v>1.7616900000000015</v>
      </c>
      <c r="E354">
        <f t="shared" si="16"/>
        <v>11.554784000000041</v>
      </c>
      <c r="F354">
        <f t="shared" si="17"/>
        <v>9.8719550712714765E-3</v>
      </c>
    </row>
    <row r="355" spans="1:6" x14ac:dyDescent="0.2">
      <c r="A355">
        <v>665.21681699999999</v>
      </c>
      <c r="B355">
        <v>19.914985999999999</v>
      </c>
      <c r="C355">
        <v>10.586573</v>
      </c>
      <c r="D355">
        <f t="shared" si="15"/>
        <v>1.7666950000000003</v>
      </c>
      <c r="E355">
        <f t="shared" si="16"/>
        <v>12.372292000000016</v>
      </c>
      <c r="F355">
        <f t="shared" si="17"/>
        <v>1.0527502700712904E-2</v>
      </c>
    </row>
    <row r="356" spans="1:6" x14ac:dyDescent="0.2">
      <c r="A356">
        <v>665.857215</v>
      </c>
      <c r="B356">
        <v>19.939578999999998</v>
      </c>
      <c r="C356">
        <v>10.591578</v>
      </c>
      <c r="D356">
        <f t="shared" si="15"/>
        <v>1.7717000000000009</v>
      </c>
      <c r="E356">
        <f t="shared" si="16"/>
        <v>13.012690000000021</v>
      </c>
      <c r="F356">
        <f t="shared" si="17"/>
        <v>1.1030514976343735E-2</v>
      </c>
    </row>
    <row r="357" spans="1:6" x14ac:dyDescent="0.2">
      <c r="A357">
        <v>666.23495600000001</v>
      </c>
      <c r="B357">
        <v>19.963155</v>
      </c>
      <c r="C357">
        <v>10.596582</v>
      </c>
      <c r="D357">
        <f t="shared" si="15"/>
        <v>1.7767040000000005</v>
      </c>
      <c r="E357">
        <f t="shared" si="16"/>
        <v>13.390431000000035</v>
      </c>
      <c r="F357">
        <f t="shared" si="17"/>
        <v>1.1312329859092411E-2</v>
      </c>
    </row>
    <row r="358" spans="1:6" x14ac:dyDescent="0.2">
      <c r="A358">
        <v>666.67094999999995</v>
      </c>
      <c r="B358">
        <v>19.938718999999999</v>
      </c>
      <c r="C358">
        <v>10.601587</v>
      </c>
      <c r="D358">
        <f t="shared" si="15"/>
        <v>1.7817090000000011</v>
      </c>
      <c r="E358">
        <f t="shared" si="16"/>
        <v>13.826424999999972</v>
      </c>
      <c r="F358">
        <f t="shared" si="17"/>
        <v>1.1640230951679062E-2</v>
      </c>
    </row>
    <row r="359" spans="1:6" x14ac:dyDescent="0.2">
      <c r="A359">
        <v>667.64485400000001</v>
      </c>
      <c r="B359">
        <v>19.919900999999999</v>
      </c>
      <c r="C359">
        <v>10.606591999999999</v>
      </c>
      <c r="D359">
        <f t="shared" si="15"/>
        <v>1.7867139999999999</v>
      </c>
      <c r="E359">
        <f t="shared" si="16"/>
        <v>14.800329000000033</v>
      </c>
      <c r="F359">
        <f t="shared" si="17"/>
        <v>1.2407115444000963E-2</v>
      </c>
    </row>
    <row r="360" spans="1:6" x14ac:dyDescent="0.2">
      <c r="A360">
        <v>668.250765</v>
      </c>
      <c r="B360">
        <v>19.937018999999999</v>
      </c>
      <c r="C360">
        <v>10.611597</v>
      </c>
      <c r="D360">
        <f t="shared" si="15"/>
        <v>1.7917190000000005</v>
      </c>
      <c r="E360">
        <f t="shared" si="16"/>
        <v>15.406240000000025</v>
      </c>
      <c r="F360">
        <f t="shared" si="17"/>
        <v>1.2867296110570837E-2</v>
      </c>
    </row>
    <row r="361" spans="1:6" x14ac:dyDescent="0.2">
      <c r="A361">
        <v>668.03274799999997</v>
      </c>
      <c r="B361">
        <v>20.057348999999999</v>
      </c>
      <c r="C361">
        <v>10.616602</v>
      </c>
      <c r="D361">
        <f t="shared" si="15"/>
        <v>1.7967240000000011</v>
      </c>
      <c r="E361">
        <f t="shared" si="16"/>
        <v>15.188222999999994</v>
      </c>
      <c r="F361">
        <f t="shared" si="17"/>
        <v>1.2654000381979306E-2</v>
      </c>
    </row>
    <row r="362" spans="1:6" x14ac:dyDescent="0.2">
      <c r="A362">
        <v>667.28214200000002</v>
      </c>
      <c r="B362">
        <v>20.091455</v>
      </c>
      <c r="C362">
        <v>10.621606</v>
      </c>
      <c r="D362">
        <f t="shared" si="15"/>
        <v>1.8017280000000007</v>
      </c>
      <c r="E362">
        <f t="shared" si="16"/>
        <v>14.437617000000046</v>
      </c>
      <c r="F362">
        <f t="shared" si="17"/>
        <v>1.2008721875706495E-2</v>
      </c>
    </row>
    <row r="363" spans="1:6" x14ac:dyDescent="0.2">
      <c r="A363">
        <v>666.48989300000005</v>
      </c>
      <c r="B363">
        <v>20.046858</v>
      </c>
      <c r="C363">
        <v>10.626611</v>
      </c>
      <c r="D363">
        <f t="shared" si="15"/>
        <v>1.8067330000000013</v>
      </c>
      <c r="E363">
        <f t="shared" si="16"/>
        <v>13.645368000000076</v>
      </c>
      <c r="F363">
        <f t="shared" si="17"/>
        <v>1.1331768865900349E-2</v>
      </c>
    </row>
    <row r="364" spans="1:6" x14ac:dyDescent="0.2">
      <c r="A364">
        <v>665.72865000000002</v>
      </c>
      <c r="B364">
        <v>20.082947000000001</v>
      </c>
      <c r="C364">
        <v>10.631615999999999</v>
      </c>
      <c r="D364">
        <f t="shared" si="15"/>
        <v>1.8117380000000001</v>
      </c>
      <c r="E364">
        <f t="shared" si="16"/>
        <v>12.88412500000004</v>
      </c>
      <c r="F364">
        <f t="shared" si="17"/>
        <v>1.0682238956904278E-2</v>
      </c>
    </row>
    <row r="365" spans="1:6" x14ac:dyDescent="0.2">
      <c r="A365">
        <v>664.68644700000004</v>
      </c>
      <c r="B365">
        <v>20.114090999999998</v>
      </c>
      <c r="C365">
        <v>10.636621</v>
      </c>
      <c r="D365">
        <f t="shared" si="15"/>
        <v>1.8167430000000007</v>
      </c>
      <c r="E365">
        <f t="shared" si="16"/>
        <v>11.841922000000068</v>
      </c>
      <c r="F365">
        <f t="shared" si="17"/>
        <v>9.8064513261687056E-3</v>
      </c>
    </row>
    <row r="366" spans="1:6" x14ac:dyDescent="0.2">
      <c r="A366">
        <v>663.21531400000003</v>
      </c>
      <c r="B366">
        <v>20.14068</v>
      </c>
      <c r="C366">
        <v>10.641626</v>
      </c>
      <c r="D366">
        <f t="shared" si="15"/>
        <v>1.8217480000000013</v>
      </c>
      <c r="E366">
        <f t="shared" si="16"/>
        <v>10.370789000000059</v>
      </c>
      <c r="F366">
        <f t="shared" si="17"/>
        <v>8.5835897247416547E-3</v>
      </c>
    </row>
    <row r="367" spans="1:6" x14ac:dyDescent="0.2">
      <c r="A367">
        <v>662.24178300000005</v>
      </c>
      <c r="B367">
        <v>20.091324</v>
      </c>
      <c r="C367">
        <v>10.64663</v>
      </c>
      <c r="D367">
        <f t="shared" si="15"/>
        <v>1.8267520000000008</v>
      </c>
      <c r="E367">
        <f t="shared" si="16"/>
        <v>9.3972580000000789</v>
      </c>
      <c r="F367">
        <f t="shared" si="17"/>
        <v>7.7679242288486109E-3</v>
      </c>
    </row>
    <row r="368" spans="1:6" x14ac:dyDescent="0.2">
      <c r="A368">
        <v>661.43869700000005</v>
      </c>
      <c r="B368">
        <v>20.089041000000002</v>
      </c>
      <c r="C368">
        <v>10.651635000000001</v>
      </c>
      <c r="D368">
        <f t="shared" si="15"/>
        <v>1.8317570000000014</v>
      </c>
      <c r="E368">
        <f t="shared" si="16"/>
        <v>8.5941720000000714</v>
      </c>
      <c r="F368">
        <f t="shared" si="17"/>
        <v>7.0932714812446951E-3</v>
      </c>
    </row>
    <row r="369" spans="1:6" x14ac:dyDescent="0.2">
      <c r="A369">
        <v>661.01522</v>
      </c>
      <c r="B369">
        <v>20.011648000000001</v>
      </c>
      <c r="C369">
        <v>10.656639999999999</v>
      </c>
      <c r="D369">
        <f t="shared" si="15"/>
        <v>1.8367620000000002</v>
      </c>
      <c r="E369">
        <f t="shared" si="16"/>
        <v>8.1706950000000234</v>
      </c>
      <c r="F369">
        <f t="shared" si="17"/>
        <v>6.729683723126113E-3</v>
      </c>
    </row>
    <row r="370" spans="1:6" x14ac:dyDescent="0.2">
      <c r="A370">
        <v>660.72932500000002</v>
      </c>
      <c r="B370">
        <v>20.032419000000001</v>
      </c>
      <c r="C370">
        <v>10.661645</v>
      </c>
      <c r="D370">
        <f t="shared" si="15"/>
        <v>1.8417670000000008</v>
      </c>
      <c r="E370">
        <f t="shared" si="16"/>
        <v>7.8848000000000411</v>
      </c>
      <c r="F370">
        <f t="shared" si="17"/>
        <v>6.4793645013461925E-3</v>
      </c>
    </row>
    <row r="371" spans="1:6" x14ac:dyDescent="0.2">
      <c r="A371">
        <v>660.81246699999997</v>
      </c>
      <c r="B371">
        <v>19.973513000000001</v>
      </c>
      <c r="C371">
        <v>10.666650000000001</v>
      </c>
      <c r="D371">
        <f t="shared" si="15"/>
        <v>1.8467720000000014</v>
      </c>
      <c r="E371">
        <f t="shared" si="16"/>
        <v>7.9679419999999936</v>
      </c>
      <c r="F371">
        <f t="shared" si="17"/>
        <v>6.5291200641070645E-3</v>
      </c>
    </row>
    <row r="372" spans="1:6" x14ac:dyDescent="0.2">
      <c r="A372">
        <v>661.21543699999995</v>
      </c>
      <c r="B372">
        <v>19.946876</v>
      </c>
      <c r="C372">
        <v>10.671654</v>
      </c>
      <c r="D372">
        <f t="shared" si="15"/>
        <v>1.851776000000001</v>
      </c>
      <c r="E372">
        <f t="shared" si="16"/>
        <v>8.3709119999999757</v>
      </c>
      <c r="F372">
        <f t="shared" si="17"/>
        <v>6.8366184239042017E-3</v>
      </c>
    </row>
    <row r="373" spans="1:6" x14ac:dyDescent="0.2">
      <c r="A373">
        <v>661.99391900000001</v>
      </c>
      <c r="B373">
        <v>19.928642</v>
      </c>
      <c r="C373">
        <v>10.676659000000001</v>
      </c>
      <c r="D373">
        <f t="shared" si="15"/>
        <v>1.8567810000000016</v>
      </c>
      <c r="E373">
        <f t="shared" si="16"/>
        <v>9.1493940000000293</v>
      </c>
      <c r="F373">
        <f t="shared" si="17"/>
        <v>7.4435077775051733E-3</v>
      </c>
    </row>
    <row r="374" spans="1:6" x14ac:dyDescent="0.2">
      <c r="A374">
        <v>662.40226500000006</v>
      </c>
      <c r="B374">
        <v>19.976628000000002</v>
      </c>
      <c r="C374">
        <v>10.681664</v>
      </c>
      <c r="D374">
        <f t="shared" si="15"/>
        <v>1.8617860000000004</v>
      </c>
      <c r="E374">
        <f t="shared" si="16"/>
        <v>9.5577400000000807</v>
      </c>
      <c r="F374">
        <f t="shared" si="17"/>
        <v>7.7500346312834624E-3</v>
      </c>
    </row>
    <row r="375" spans="1:6" x14ac:dyDescent="0.2">
      <c r="A375">
        <v>662.71189000000004</v>
      </c>
      <c r="B375">
        <v>19.956337000000001</v>
      </c>
      <c r="C375">
        <v>10.686669</v>
      </c>
      <c r="D375">
        <f t="shared" si="15"/>
        <v>1.866791000000001</v>
      </c>
      <c r="E375">
        <f t="shared" si="16"/>
        <v>9.8673650000000634</v>
      </c>
      <c r="F375">
        <f t="shared" si="17"/>
        <v>7.975918954860859E-3</v>
      </c>
    </row>
    <row r="376" spans="1:6" x14ac:dyDescent="0.2">
      <c r="A376">
        <v>663.62319600000001</v>
      </c>
      <c r="B376">
        <v>19.872236000000001</v>
      </c>
      <c r="C376">
        <v>10.691674000000001</v>
      </c>
      <c r="D376">
        <f t="shared" si="15"/>
        <v>1.8717960000000016</v>
      </c>
      <c r="E376">
        <f t="shared" si="16"/>
        <v>10.778671000000031</v>
      </c>
      <c r="F376">
        <f t="shared" si="17"/>
        <v>8.6773106069031793E-3</v>
      </c>
    </row>
    <row r="377" spans="1:6" x14ac:dyDescent="0.2">
      <c r="A377">
        <v>664.76183800000001</v>
      </c>
      <c r="B377">
        <v>19.898869999999999</v>
      </c>
      <c r="C377">
        <v>10.696678</v>
      </c>
      <c r="D377">
        <f t="shared" si="15"/>
        <v>1.8768000000000011</v>
      </c>
      <c r="E377">
        <f t="shared" si="16"/>
        <v>11.917313000000036</v>
      </c>
      <c r="F377">
        <f t="shared" si="17"/>
        <v>9.5519990640474568E-3</v>
      </c>
    </row>
    <row r="378" spans="1:6" x14ac:dyDescent="0.2">
      <c r="A378">
        <v>665.59979899999996</v>
      </c>
      <c r="B378">
        <v>19.933363</v>
      </c>
      <c r="C378">
        <v>10.701682999999999</v>
      </c>
      <c r="D378">
        <f t="shared" si="15"/>
        <v>1.8818049999999999</v>
      </c>
      <c r="E378">
        <f t="shared" si="16"/>
        <v>12.755273999999986</v>
      </c>
      <c r="F378">
        <f t="shared" si="17"/>
        <v>1.0183615466758979E-2</v>
      </c>
    </row>
    <row r="379" spans="1:6" x14ac:dyDescent="0.2">
      <c r="A379">
        <v>666.01800800000001</v>
      </c>
      <c r="B379">
        <v>19.954518</v>
      </c>
      <c r="C379">
        <v>10.706688</v>
      </c>
      <c r="D379">
        <f t="shared" si="15"/>
        <v>1.8868100000000005</v>
      </c>
      <c r="E379">
        <f t="shared" si="16"/>
        <v>13.173483000000033</v>
      </c>
      <c r="F379">
        <f t="shared" si="17"/>
        <v>1.0483021441825896E-2</v>
      </c>
    </row>
    <row r="380" spans="1:6" x14ac:dyDescent="0.2">
      <c r="A380">
        <v>666.44761000000005</v>
      </c>
      <c r="B380">
        <v>19.946681000000002</v>
      </c>
      <c r="C380">
        <v>10.711693</v>
      </c>
      <c r="D380">
        <f t="shared" si="15"/>
        <v>1.8918150000000011</v>
      </c>
      <c r="E380">
        <f t="shared" si="16"/>
        <v>13.603085000000078</v>
      </c>
      <c r="F380">
        <f t="shared" si="17"/>
        <v>1.0789286668252566E-2</v>
      </c>
    </row>
    <row r="381" spans="1:6" x14ac:dyDescent="0.2">
      <c r="A381">
        <v>667.28534100000002</v>
      </c>
      <c r="B381">
        <v>19.915699</v>
      </c>
      <c r="C381">
        <v>10.716697999999999</v>
      </c>
      <c r="D381">
        <f t="shared" si="15"/>
        <v>1.89682</v>
      </c>
      <c r="E381">
        <f t="shared" si="16"/>
        <v>14.440816000000041</v>
      </c>
      <c r="F381">
        <f t="shared" si="17"/>
        <v>1.1409169437527057E-2</v>
      </c>
    </row>
    <row r="382" spans="1:6" x14ac:dyDescent="0.2">
      <c r="A382">
        <v>667.73199799999998</v>
      </c>
      <c r="B382">
        <v>19.977360999999998</v>
      </c>
      <c r="C382">
        <v>10.721702000000001</v>
      </c>
      <c r="D382">
        <f t="shared" si="15"/>
        <v>1.9018240000000013</v>
      </c>
      <c r="E382">
        <f t="shared" si="16"/>
        <v>14.887473</v>
      </c>
      <c r="F382">
        <f t="shared" si="17"/>
        <v>1.1723262104213769E-2</v>
      </c>
    </row>
    <row r="383" spans="1:6" x14ac:dyDescent="0.2">
      <c r="A383">
        <v>667.88259800000003</v>
      </c>
      <c r="B383">
        <v>20.008994999999999</v>
      </c>
      <c r="C383">
        <v>10.726706999999999</v>
      </c>
      <c r="D383">
        <f t="shared" si="15"/>
        <v>1.9068290000000001</v>
      </c>
      <c r="E383">
        <f t="shared" si="16"/>
        <v>15.038073000000054</v>
      </c>
      <c r="F383">
        <f t="shared" si="17"/>
        <v>1.1808107888818311E-2</v>
      </c>
    </row>
    <row r="384" spans="1:6" x14ac:dyDescent="0.2">
      <c r="A384">
        <v>667.72647900000004</v>
      </c>
      <c r="B384">
        <v>20.001763</v>
      </c>
      <c r="C384">
        <v>10.731712</v>
      </c>
      <c r="D384">
        <f t="shared" si="15"/>
        <v>1.9118340000000007</v>
      </c>
      <c r="E384">
        <f t="shared" si="16"/>
        <v>14.881954000000064</v>
      </c>
      <c r="F384">
        <f t="shared" si="17"/>
        <v>1.1657654455718935E-2</v>
      </c>
    </row>
    <row r="385" spans="1:6" x14ac:dyDescent="0.2">
      <c r="A385">
        <v>667.63897699999995</v>
      </c>
      <c r="B385">
        <v>20.015070999999999</v>
      </c>
      <c r="C385">
        <v>10.736717000000001</v>
      </c>
      <c r="D385">
        <f t="shared" si="15"/>
        <v>1.9168390000000013</v>
      </c>
      <c r="E385">
        <f t="shared" si="16"/>
        <v>14.794451999999978</v>
      </c>
      <c r="F385">
        <f t="shared" si="17"/>
        <v>1.1560365444829775E-2</v>
      </c>
    </row>
    <row r="386" spans="1:6" x14ac:dyDescent="0.2">
      <c r="A386">
        <v>666.90655000000004</v>
      </c>
      <c r="B386">
        <v>20.082550000000001</v>
      </c>
      <c r="C386">
        <v>10.741721999999999</v>
      </c>
      <c r="D386">
        <f t="shared" si="15"/>
        <v>1.9218440000000001</v>
      </c>
      <c r="E386">
        <f t="shared" si="16"/>
        <v>14.062025000000062</v>
      </c>
      <c r="F386">
        <f t="shared" si="17"/>
        <v>1.0971468250180508E-2</v>
      </c>
    </row>
    <row r="387" spans="1:6" x14ac:dyDescent="0.2">
      <c r="A387">
        <v>666.19768299999998</v>
      </c>
      <c r="B387">
        <v>20.078596000000001</v>
      </c>
      <c r="C387">
        <v>10.746726000000001</v>
      </c>
      <c r="D387">
        <f t="shared" ref="D387:D398" si="18">C387-$C$2</f>
        <v>1.9268480000000014</v>
      </c>
      <c r="E387">
        <f t="shared" ref="E387:E398" si="19">A387-$A$2</f>
        <v>13.353158000000008</v>
      </c>
      <c r="F387">
        <f t="shared" ref="F387:F398" si="20">(1/A387)*(E387/D387)</f>
        <v>1.0402396737314336E-2</v>
      </c>
    </row>
    <row r="388" spans="1:6" x14ac:dyDescent="0.2">
      <c r="A388">
        <v>665.39768700000002</v>
      </c>
      <c r="B388">
        <v>20.060919999999999</v>
      </c>
      <c r="C388">
        <v>10.751730999999999</v>
      </c>
      <c r="D388">
        <f t="shared" si="18"/>
        <v>1.9318530000000003</v>
      </c>
      <c r="E388">
        <f t="shared" si="19"/>
        <v>12.553162000000043</v>
      </c>
      <c r="F388">
        <f t="shared" si="20"/>
        <v>9.7655738793040615E-3</v>
      </c>
    </row>
    <row r="389" spans="1:6" x14ac:dyDescent="0.2">
      <c r="A389">
        <v>664.78519900000003</v>
      </c>
      <c r="B389">
        <v>20.058192999999999</v>
      </c>
      <c r="C389">
        <v>10.756736</v>
      </c>
      <c r="D389">
        <f t="shared" si="18"/>
        <v>1.9368580000000009</v>
      </c>
      <c r="E389">
        <f t="shared" si="19"/>
        <v>11.940674000000058</v>
      </c>
      <c r="F389">
        <f t="shared" si="20"/>
        <v>9.273629013516695E-3</v>
      </c>
    </row>
    <row r="390" spans="1:6" x14ac:dyDescent="0.2">
      <c r="A390">
        <v>663.92688799999996</v>
      </c>
      <c r="B390">
        <v>20.073772000000002</v>
      </c>
      <c r="C390">
        <v>10.761741000000001</v>
      </c>
      <c r="D390">
        <f t="shared" si="18"/>
        <v>1.9418630000000014</v>
      </c>
      <c r="E390">
        <f t="shared" si="19"/>
        <v>11.082362999999987</v>
      </c>
      <c r="F390">
        <f t="shared" si="20"/>
        <v>8.5959430035417398E-3</v>
      </c>
    </row>
    <row r="391" spans="1:6" x14ac:dyDescent="0.2">
      <c r="A391">
        <v>663.11136199999999</v>
      </c>
      <c r="B391">
        <v>20.105157999999999</v>
      </c>
      <c r="C391">
        <v>10.766745999999999</v>
      </c>
      <c r="D391">
        <f t="shared" si="18"/>
        <v>1.9468680000000003</v>
      </c>
      <c r="E391">
        <f t="shared" si="19"/>
        <v>10.26683700000001</v>
      </c>
      <c r="F391">
        <f t="shared" si="20"/>
        <v>7.9526833553016131E-3</v>
      </c>
    </row>
    <row r="392" spans="1:6" x14ac:dyDescent="0.2">
      <c r="A392">
        <v>662.18918399999995</v>
      </c>
      <c r="B392">
        <v>20.070761000000001</v>
      </c>
      <c r="C392">
        <v>10.771750000000001</v>
      </c>
      <c r="D392">
        <f t="shared" si="18"/>
        <v>1.9518720000000016</v>
      </c>
      <c r="E392">
        <f t="shared" si="19"/>
        <v>9.3446589999999787</v>
      </c>
      <c r="F392">
        <f t="shared" si="20"/>
        <v>7.229862554201754E-3</v>
      </c>
    </row>
    <row r="393" spans="1:6" x14ac:dyDescent="0.2">
      <c r="A393">
        <v>661.69264499999997</v>
      </c>
      <c r="B393">
        <v>20.057328999999999</v>
      </c>
      <c r="C393">
        <v>10.776755</v>
      </c>
      <c r="D393">
        <f t="shared" si="18"/>
        <v>1.9568770000000004</v>
      </c>
      <c r="E393">
        <f t="shared" si="19"/>
        <v>8.8481199999999944</v>
      </c>
      <c r="F393">
        <f t="shared" si="20"/>
        <v>6.8333106999904141E-3</v>
      </c>
    </row>
    <row r="394" spans="1:6" x14ac:dyDescent="0.2">
      <c r="A394">
        <v>661.71008099999995</v>
      </c>
      <c r="B394">
        <v>19.975714</v>
      </c>
      <c r="C394">
        <v>10.78176</v>
      </c>
      <c r="D394">
        <f t="shared" si="18"/>
        <v>1.961882000000001</v>
      </c>
      <c r="E394">
        <f t="shared" si="19"/>
        <v>8.8655559999999696</v>
      </c>
      <c r="F394">
        <f t="shared" si="20"/>
        <v>6.8291294284842348E-3</v>
      </c>
    </row>
    <row r="395" spans="1:6" x14ac:dyDescent="0.2">
      <c r="A395">
        <v>661.95273999999995</v>
      </c>
      <c r="B395">
        <v>19.983322999999999</v>
      </c>
      <c r="C395">
        <v>10.786765000000001</v>
      </c>
      <c r="D395">
        <f t="shared" si="18"/>
        <v>1.9668870000000016</v>
      </c>
      <c r="E395">
        <f t="shared" si="19"/>
        <v>9.1082149999999729</v>
      </c>
      <c r="F395">
        <f t="shared" si="20"/>
        <v>6.9956307737573248E-3</v>
      </c>
    </row>
    <row r="396" spans="1:6" x14ac:dyDescent="0.2">
      <c r="A396">
        <v>661.99071500000002</v>
      </c>
      <c r="B396">
        <v>19.995007000000001</v>
      </c>
      <c r="C396">
        <v>10.79177</v>
      </c>
      <c r="D396">
        <f t="shared" si="18"/>
        <v>1.9718920000000004</v>
      </c>
      <c r="E396">
        <f t="shared" si="19"/>
        <v>9.1461900000000469</v>
      </c>
      <c r="F396">
        <f t="shared" si="20"/>
        <v>7.00656565385889E-3</v>
      </c>
    </row>
    <row r="397" spans="1:6" x14ac:dyDescent="0.2">
      <c r="A397">
        <v>662.53761199999997</v>
      </c>
      <c r="B397">
        <v>19.930983000000001</v>
      </c>
      <c r="C397">
        <v>10.796773999999999</v>
      </c>
      <c r="D397">
        <f t="shared" si="18"/>
        <v>1.976896</v>
      </c>
      <c r="E397">
        <f t="shared" si="19"/>
        <v>9.6930869999999913</v>
      </c>
      <c r="F397">
        <f t="shared" si="20"/>
        <v>7.4006139506662301E-3</v>
      </c>
    </row>
    <row r="398" spans="1:6" x14ac:dyDescent="0.2">
      <c r="A398">
        <v>663.40981699999998</v>
      </c>
      <c r="B398">
        <v>19.912744</v>
      </c>
      <c r="C398">
        <v>10.801779</v>
      </c>
      <c r="D398">
        <f t="shared" si="18"/>
        <v>1.9819010000000006</v>
      </c>
      <c r="E398">
        <f t="shared" si="19"/>
        <v>10.565291999999999</v>
      </c>
      <c r="F398">
        <f t="shared" si="20"/>
        <v>8.0355878571172108E-3</v>
      </c>
    </row>
    <row r="399" spans="1:6" ht="15" x14ac:dyDescent="0.25">
      <c r="A399">
        <f>MAX(A2:A398)</f>
        <v>668.250765</v>
      </c>
      <c r="B399" s="3" t="s">
        <v>16</v>
      </c>
    </row>
    <row r="400" spans="1:6" ht="15" x14ac:dyDescent="0.25">
      <c r="A400">
        <f>MIN(A2:A398)</f>
        <v>651.65327100000002</v>
      </c>
      <c r="B400" s="3" t="s">
        <v>17</v>
      </c>
    </row>
    <row r="402" spans="1:7" x14ac:dyDescent="0.2">
      <c r="A402" t="s">
        <v>20</v>
      </c>
      <c r="C402" s="14">
        <f>E398/A400</f>
        <v>1.6213057572452512E-2</v>
      </c>
    </row>
    <row r="407" spans="1:7" s="1" customFormat="1" x14ac:dyDescent="0.2">
      <c r="A407"/>
      <c r="B407"/>
      <c r="C407"/>
      <c r="D407"/>
      <c r="E407"/>
      <c r="F407"/>
      <c r="G407"/>
    </row>
    <row r="408" spans="1:7" s="1" customFormat="1" x14ac:dyDescent="0.2">
      <c r="A408"/>
      <c r="B408"/>
      <c r="C408"/>
      <c r="D408"/>
      <c r="E408"/>
      <c r="F408"/>
      <c r="G408"/>
    </row>
    <row r="409" spans="1:7" s="1" customFormat="1" x14ac:dyDescent="0.2">
      <c r="A409"/>
      <c r="B409"/>
      <c r="C409"/>
      <c r="D409"/>
      <c r="E409"/>
      <c r="F409"/>
      <c r="G409"/>
    </row>
    <row r="410" spans="1:7" x14ac:dyDescent="0.2">
      <c r="A410" s="1"/>
      <c r="B410" s="1"/>
      <c r="C410" s="1"/>
    </row>
    <row r="411" spans="1:7" x14ac:dyDescent="0.2">
      <c r="A411" s="1"/>
      <c r="B411" s="1"/>
      <c r="C411" s="1"/>
    </row>
    <row r="412" spans="1:7" s="1" customFormat="1" x14ac:dyDescent="0.2">
      <c r="D412"/>
      <c r="E412"/>
      <c r="F412"/>
      <c r="G412"/>
    </row>
    <row r="413" spans="1:7" s="1" customFormat="1" x14ac:dyDescent="0.2">
      <c r="A413"/>
      <c r="B413"/>
      <c r="C413"/>
      <c r="D413"/>
      <c r="E413"/>
      <c r="F413"/>
      <c r="G413"/>
    </row>
  </sheetData>
  <pageMargins left="0.7" right="0.7" top="0.75" bottom="0.75" header="0.3" footer="0.3"/>
  <pageSetup paperSize="9" orientation="portrait" r:id="rId1"/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89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  <col min="7" max="7" width="7.875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>
        <v>550.88728400000002</v>
      </c>
      <c r="B2">
        <v>19.857921999999999</v>
      </c>
      <c r="C2">
        <v>7.3654909999999996</v>
      </c>
      <c r="D2">
        <f>C2-$C$2</f>
        <v>0</v>
      </c>
      <c r="E2">
        <f>A2-$A$2</f>
        <v>0</v>
      </c>
      <c r="G2" s="3">
        <f>(A377-A378)/A377</f>
        <v>2.58827518455352E-2</v>
      </c>
    </row>
    <row r="3" spans="1:7" x14ac:dyDescent="0.2">
      <c r="A3">
        <v>551.72699899999998</v>
      </c>
      <c r="B3">
        <v>19.920819999999999</v>
      </c>
      <c r="C3">
        <v>7.3704960000000002</v>
      </c>
      <c r="D3">
        <f t="shared" ref="D3:D66" si="0">C3-$C$2</f>
        <v>5.0050000000005923E-3</v>
      </c>
      <c r="E3">
        <f t="shared" ref="E3:E66" si="1">A3-$A$2</f>
        <v>0.83971499999995558</v>
      </c>
      <c r="F3">
        <f t="shared" ref="F3:F66" si="2">(1/A3)*(E3/D3)</f>
        <v>0.30409101798405203</v>
      </c>
      <c r="G3" s="4">
        <f>G2*100</f>
        <v>2.5882751845535199</v>
      </c>
    </row>
    <row r="4" spans="1:7" x14ac:dyDescent="0.2">
      <c r="A4">
        <v>552.18765299999995</v>
      </c>
      <c r="B4">
        <v>19.958076999999999</v>
      </c>
      <c r="C4">
        <v>7.3755009999999999</v>
      </c>
      <c r="D4">
        <f t="shared" si="0"/>
        <v>1.0010000000000296E-2</v>
      </c>
      <c r="E4">
        <f t="shared" si="1"/>
        <v>1.3003689999999324</v>
      </c>
      <c r="F4">
        <f t="shared" si="2"/>
        <v>0.23525877896980507</v>
      </c>
    </row>
    <row r="5" spans="1:7" x14ac:dyDescent="0.2">
      <c r="A5">
        <v>552.85222399999998</v>
      </c>
      <c r="B5">
        <v>19.923966</v>
      </c>
      <c r="C5">
        <v>7.3805059999999996</v>
      </c>
      <c r="D5">
        <f t="shared" si="0"/>
        <v>1.5015000000000001E-2</v>
      </c>
      <c r="E5">
        <f t="shared" si="1"/>
        <v>1.9649399999999559</v>
      </c>
      <c r="F5">
        <f t="shared" si="2"/>
        <v>0.23670906832624394</v>
      </c>
    </row>
    <row r="6" spans="1:7" x14ac:dyDescent="0.2">
      <c r="A6">
        <v>553.36268900000005</v>
      </c>
      <c r="B6">
        <v>19.943379</v>
      </c>
      <c r="C6">
        <v>7.38551</v>
      </c>
      <c r="D6">
        <f t="shared" si="0"/>
        <v>2.0019000000000453E-2</v>
      </c>
      <c r="E6">
        <f t="shared" si="1"/>
        <v>2.4754050000000234</v>
      </c>
      <c r="F6">
        <f t="shared" si="2"/>
        <v>0.22345702432990053</v>
      </c>
    </row>
    <row r="7" spans="1:7" x14ac:dyDescent="0.2">
      <c r="A7">
        <v>553.58110399999998</v>
      </c>
      <c r="B7">
        <v>19.982839999999999</v>
      </c>
      <c r="C7">
        <v>7.3905149999999997</v>
      </c>
      <c r="D7">
        <f t="shared" si="0"/>
        <v>2.5024000000000157E-2</v>
      </c>
      <c r="E7">
        <f t="shared" si="1"/>
        <v>2.6938199999999597</v>
      </c>
      <c r="F7">
        <f t="shared" si="2"/>
        <v>0.19446013554996061</v>
      </c>
    </row>
    <row r="8" spans="1:7" x14ac:dyDescent="0.2">
      <c r="A8">
        <v>553.09112700000003</v>
      </c>
      <c r="B8">
        <v>20.083209</v>
      </c>
      <c r="C8">
        <v>7.3955200000000003</v>
      </c>
      <c r="D8">
        <f t="shared" si="0"/>
        <v>3.002900000000075E-2</v>
      </c>
      <c r="E8">
        <f t="shared" si="1"/>
        <v>2.2038430000000062</v>
      </c>
      <c r="F8">
        <f t="shared" si="2"/>
        <v>0.13269149623110429</v>
      </c>
    </row>
    <row r="9" spans="1:7" x14ac:dyDescent="0.2">
      <c r="A9">
        <v>552.353701</v>
      </c>
      <c r="B9">
        <v>20.065194000000002</v>
      </c>
      <c r="C9">
        <v>7.400525</v>
      </c>
      <c r="D9">
        <f t="shared" si="0"/>
        <v>3.5034000000000454E-2</v>
      </c>
      <c r="E9">
        <f t="shared" si="1"/>
        <v>1.4664169999999785</v>
      </c>
      <c r="F9">
        <f t="shared" si="2"/>
        <v>7.5779283168535855E-2</v>
      </c>
    </row>
    <row r="10" spans="1:7" x14ac:dyDescent="0.2">
      <c r="A10">
        <v>552.05143499999997</v>
      </c>
      <c r="B10">
        <v>20.040272000000002</v>
      </c>
      <c r="C10">
        <v>7.4055299999999997</v>
      </c>
      <c r="D10">
        <f t="shared" si="0"/>
        <v>4.0039000000000158E-2</v>
      </c>
      <c r="E10">
        <f t="shared" si="1"/>
        <v>1.1641509999999471</v>
      </c>
      <c r="F10">
        <f t="shared" si="2"/>
        <v>5.2667966453525915E-2</v>
      </c>
    </row>
    <row r="11" spans="1:7" x14ac:dyDescent="0.2">
      <c r="A11">
        <v>551.86394099999995</v>
      </c>
      <c r="B11">
        <v>20.022921</v>
      </c>
      <c r="C11">
        <v>7.4105340000000002</v>
      </c>
      <c r="D11">
        <f t="shared" si="0"/>
        <v>4.504300000000061E-2</v>
      </c>
      <c r="E11">
        <f t="shared" si="1"/>
        <v>0.97665699999993194</v>
      </c>
      <c r="F11">
        <f t="shared" si="2"/>
        <v>3.9290064428665061E-2</v>
      </c>
    </row>
    <row r="12" spans="1:7" x14ac:dyDescent="0.2">
      <c r="A12">
        <v>551.09663399999999</v>
      </c>
      <c r="B12">
        <v>20.083970000000001</v>
      </c>
      <c r="C12">
        <v>7.4155389999999999</v>
      </c>
      <c r="D12">
        <f t="shared" si="0"/>
        <v>5.0048000000000314E-2</v>
      </c>
      <c r="E12">
        <f t="shared" si="1"/>
        <v>0.20934999999997217</v>
      </c>
      <c r="F12">
        <f t="shared" si="2"/>
        <v>7.5902919324268292E-3</v>
      </c>
    </row>
    <row r="13" spans="1:7" x14ac:dyDescent="0.2">
      <c r="A13">
        <v>550.57168999999999</v>
      </c>
      <c r="B13">
        <v>20.053905</v>
      </c>
      <c r="C13">
        <v>7.4205439999999996</v>
      </c>
      <c r="D13">
        <f t="shared" si="0"/>
        <v>5.5053000000000019E-2</v>
      </c>
      <c r="E13">
        <f t="shared" si="1"/>
        <v>-0.31559400000003279</v>
      </c>
      <c r="F13">
        <f t="shared" si="2"/>
        <v>-1.0411993095671824E-2</v>
      </c>
    </row>
    <row r="14" spans="1:7" x14ac:dyDescent="0.2">
      <c r="A14">
        <v>550.035481</v>
      </c>
      <c r="B14">
        <v>20.060084</v>
      </c>
      <c r="C14">
        <v>7.4255490000000002</v>
      </c>
      <c r="D14">
        <f t="shared" si="0"/>
        <v>6.0058000000000611E-2</v>
      </c>
      <c r="E14">
        <f t="shared" si="1"/>
        <v>-0.85180300000001807</v>
      </c>
      <c r="F14">
        <f t="shared" si="2"/>
        <v>-2.5785620959097009E-2</v>
      </c>
    </row>
    <row r="15" spans="1:7" x14ac:dyDescent="0.2">
      <c r="A15">
        <v>549.62273000000005</v>
      </c>
      <c r="B15">
        <v>20.045553000000002</v>
      </c>
      <c r="C15">
        <v>7.4305539999999999</v>
      </c>
      <c r="D15">
        <f t="shared" si="0"/>
        <v>6.5063000000000315E-2</v>
      </c>
      <c r="E15">
        <f t="shared" si="1"/>
        <v>-1.2645539999999755</v>
      </c>
      <c r="F15">
        <f t="shared" si="2"/>
        <v>-3.5362145793689112E-2</v>
      </c>
    </row>
    <row r="16" spans="1:7" x14ac:dyDescent="0.2">
      <c r="A16">
        <v>548.66959399999996</v>
      </c>
      <c r="B16">
        <v>20.129270999999999</v>
      </c>
      <c r="C16">
        <v>7.4355580000000003</v>
      </c>
      <c r="D16">
        <f t="shared" si="0"/>
        <v>7.0067000000000768E-2</v>
      </c>
      <c r="E16">
        <f t="shared" si="1"/>
        <v>-2.2176900000000614</v>
      </c>
      <c r="F16">
        <f t="shared" si="2"/>
        <v>-5.768679646232279E-2</v>
      </c>
    </row>
    <row r="17" spans="1:6" x14ac:dyDescent="0.2">
      <c r="A17">
        <v>547.580558</v>
      </c>
      <c r="B17">
        <v>20.111556</v>
      </c>
      <c r="C17">
        <v>7.440563</v>
      </c>
      <c r="D17">
        <f t="shared" si="0"/>
        <v>7.5072000000000472E-2</v>
      </c>
      <c r="E17">
        <f t="shared" si="1"/>
        <v>-3.306726000000026</v>
      </c>
      <c r="F17">
        <f t="shared" si="2"/>
        <v>-8.0440026326279543E-2</v>
      </c>
    </row>
    <row r="18" spans="1:6" x14ac:dyDescent="0.2">
      <c r="A18">
        <v>546.97459500000002</v>
      </c>
      <c r="B18">
        <v>20.059856</v>
      </c>
      <c r="C18">
        <v>7.4455679999999997</v>
      </c>
      <c r="D18">
        <f t="shared" si="0"/>
        <v>8.0077000000000176E-2</v>
      </c>
      <c r="E18">
        <f t="shared" si="1"/>
        <v>-3.9126890000000003</v>
      </c>
      <c r="F18">
        <f t="shared" si="2"/>
        <v>-8.9330626454679721E-2</v>
      </c>
    </row>
    <row r="19" spans="1:6" x14ac:dyDescent="0.2">
      <c r="A19">
        <v>547.08754899999997</v>
      </c>
      <c r="B19">
        <v>19.970683999999999</v>
      </c>
      <c r="C19">
        <v>7.4505730000000003</v>
      </c>
      <c r="D19">
        <f t="shared" si="0"/>
        <v>8.5082000000000768E-2</v>
      </c>
      <c r="E19">
        <f t="shared" si="1"/>
        <v>-3.7997350000000552</v>
      </c>
      <c r="F19">
        <f t="shared" si="2"/>
        <v>-8.1631690083807759E-2</v>
      </c>
    </row>
    <row r="20" spans="1:6" x14ac:dyDescent="0.2">
      <c r="A20">
        <v>546.97481400000004</v>
      </c>
      <c r="B20">
        <v>20.017448000000002</v>
      </c>
      <c r="C20">
        <v>7.455578</v>
      </c>
      <c r="D20">
        <f t="shared" si="0"/>
        <v>9.0087000000000472E-2</v>
      </c>
      <c r="E20">
        <f t="shared" si="1"/>
        <v>-3.9124699999999848</v>
      </c>
      <c r="F20">
        <f t="shared" si="2"/>
        <v>-7.9400194550452455E-2</v>
      </c>
    </row>
    <row r="21" spans="1:6" x14ac:dyDescent="0.2">
      <c r="A21">
        <v>546.87577299999998</v>
      </c>
      <c r="B21">
        <v>20.021177000000002</v>
      </c>
      <c r="C21">
        <v>7.4605819999999996</v>
      </c>
      <c r="D21">
        <f t="shared" si="0"/>
        <v>9.5091000000000037E-2</v>
      </c>
      <c r="E21">
        <f t="shared" si="1"/>
        <v>-4.0115110000000413</v>
      </c>
      <c r="F21">
        <f t="shared" si="2"/>
        <v>-7.7140045131761634E-2</v>
      </c>
    </row>
    <row r="22" spans="1:6" x14ac:dyDescent="0.2">
      <c r="A22">
        <v>546.54429200000004</v>
      </c>
      <c r="B22">
        <v>20.045282</v>
      </c>
      <c r="C22">
        <v>7.4655870000000002</v>
      </c>
      <c r="D22">
        <f t="shared" si="0"/>
        <v>0.10009600000000063</v>
      </c>
      <c r="E22">
        <f t="shared" si="1"/>
        <v>-4.3429919999999811</v>
      </c>
      <c r="F22">
        <f t="shared" si="2"/>
        <v>-7.9386552743334934E-2</v>
      </c>
    </row>
    <row r="23" spans="1:6" x14ac:dyDescent="0.2">
      <c r="A23">
        <v>546.65798099999995</v>
      </c>
      <c r="B23">
        <v>19.977048</v>
      </c>
      <c r="C23">
        <v>7.4705919999999999</v>
      </c>
      <c r="D23">
        <f t="shared" si="0"/>
        <v>0.10510100000000033</v>
      </c>
      <c r="E23">
        <f t="shared" si="1"/>
        <v>-4.2293030000000726</v>
      </c>
      <c r="F23">
        <f t="shared" si="2"/>
        <v>-7.3611600281600326E-2</v>
      </c>
    </row>
    <row r="24" spans="1:6" x14ac:dyDescent="0.2">
      <c r="A24">
        <v>546.91060200000004</v>
      </c>
      <c r="B24">
        <v>19.959741000000001</v>
      </c>
      <c r="C24">
        <v>7.4755969999999996</v>
      </c>
      <c r="D24">
        <f t="shared" si="0"/>
        <v>0.11010600000000004</v>
      </c>
      <c r="E24">
        <f t="shared" si="1"/>
        <v>-3.9766819999999825</v>
      </c>
      <c r="F24">
        <f t="shared" si="2"/>
        <v>-6.603794276867489E-2</v>
      </c>
    </row>
    <row r="25" spans="1:6" x14ac:dyDescent="0.2">
      <c r="A25">
        <v>547.24641399999996</v>
      </c>
      <c r="B25">
        <v>19.960861999999999</v>
      </c>
      <c r="C25">
        <v>7.4806020000000002</v>
      </c>
      <c r="D25">
        <f t="shared" si="0"/>
        <v>0.11511100000000063</v>
      </c>
      <c r="E25">
        <f t="shared" si="1"/>
        <v>-3.6408700000000636</v>
      </c>
      <c r="F25">
        <f t="shared" si="2"/>
        <v>-5.7797016586399165E-2</v>
      </c>
    </row>
    <row r="26" spans="1:6" x14ac:dyDescent="0.2">
      <c r="A26">
        <v>547.35788600000001</v>
      </c>
      <c r="B26">
        <v>19.972481999999999</v>
      </c>
      <c r="C26">
        <v>7.4856059999999998</v>
      </c>
      <c r="D26">
        <f t="shared" si="0"/>
        <v>0.12011500000000019</v>
      </c>
      <c r="E26">
        <f t="shared" si="1"/>
        <v>-3.5293980000000147</v>
      </c>
      <c r="F26">
        <f t="shared" si="2"/>
        <v>-5.3682410672888946E-2</v>
      </c>
    </row>
    <row r="27" spans="1:6" x14ac:dyDescent="0.2">
      <c r="A27">
        <v>548.00526600000001</v>
      </c>
      <c r="B27">
        <v>19.923389</v>
      </c>
      <c r="C27">
        <v>7.4906110000000004</v>
      </c>
      <c r="D27">
        <f t="shared" si="0"/>
        <v>0.12512000000000079</v>
      </c>
      <c r="E27">
        <f t="shared" si="1"/>
        <v>-2.8820180000000164</v>
      </c>
      <c r="F27">
        <f t="shared" si="2"/>
        <v>-4.2032499975872967E-2</v>
      </c>
    </row>
    <row r="28" spans="1:6" x14ac:dyDescent="0.2">
      <c r="A28">
        <v>548.87022899999999</v>
      </c>
      <c r="B28">
        <v>19.909217999999999</v>
      </c>
      <c r="C28">
        <v>7.4956160000000001</v>
      </c>
      <c r="D28">
        <f t="shared" si="0"/>
        <v>0.13012500000000049</v>
      </c>
      <c r="E28">
        <f t="shared" si="1"/>
        <v>-2.0170550000000276</v>
      </c>
      <c r="F28">
        <f t="shared" si="2"/>
        <v>-2.8241471588188499E-2</v>
      </c>
    </row>
    <row r="29" spans="1:6" x14ac:dyDescent="0.2">
      <c r="A29">
        <v>549.35065299999997</v>
      </c>
      <c r="B29">
        <v>19.953681</v>
      </c>
      <c r="C29">
        <v>7.5006209999999998</v>
      </c>
      <c r="D29">
        <f t="shared" si="0"/>
        <v>0.13513000000000019</v>
      </c>
      <c r="E29">
        <f t="shared" si="1"/>
        <v>-1.5366310000000567</v>
      </c>
      <c r="F29">
        <f t="shared" si="2"/>
        <v>-2.0699896241059081E-2</v>
      </c>
    </row>
    <row r="30" spans="1:6" x14ac:dyDescent="0.2">
      <c r="A30">
        <v>549.62976900000001</v>
      </c>
      <c r="B30">
        <v>19.950896</v>
      </c>
      <c r="C30">
        <v>7.5056260000000004</v>
      </c>
      <c r="D30">
        <f t="shared" si="0"/>
        <v>0.14013500000000079</v>
      </c>
      <c r="E30">
        <f t="shared" si="1"/>
        <v>-1.2575150000000122</v>
      </c>
      <c r="F30">
        <f t="shared" si="2"/>
        <v>-1.632662092710355E-2</v>
      </c>
    </row>
    <row r="31" spans="1:6" x14ac:dyDescent="0.2">
      <c r="A31">
        <v>550.71839899999998</v>
      </c>
      <c r="B31">
        <v>19.861149000000001</v>
      </c>
      <c r="C31">
        <v>7.5106299999999999</v>
      </c>
      <c r="D31">
        <f t="shared" si="0"/>
        <v>0.14513900000000035</v>
      </c>
      <c r="E31">
        <f t="shared" si="1"/>
        <v>-0.16888500000004569</v>
      </c>
      <c r="F31">
        <f t="shared" si="2"/>
        <v>-2.1128923251707088E-3</v>
      </c>
    </row>
    <row r="32" spans="1:6" x14ac:dyDescent="0.2">
      <c r="A32">
        <v>551.71443999999997</v>
      </c>
      <c r="B32">
        <v>19.908553999999999</v>
      </c>
      <c r="C32">
        <v>7.5156349999999996</v>
      </c>
      <c r="D32">
        <f t="shared" si="0"/>
        <v>0.15014400000000006</v>
      </c>
      <c r="E32">
        <f t="shared" si="1"/>
        <v>0.82715599999994538</v>
      </c>
      <c r="F32">
        <f t="shared" si="2"/>
        <v>9.9853913776578804E-3</v>
      </c>
    </row>
    <row r="33" spans="1:6" x14ac:dyDescent="0.2">
      <c r="A33">
        <v>552.64783899999998</v>
      </c>
      <c r="B33">
        <v>19.888985000000002</v>
      </c>
      <c r="C33">
        <v>7.5206400000000002</v>
      </c>
      <c r="D33">
        <f t="shared" si="0"/>
        <v>0.15514900000000065</v>
      </c>
      <c r="E33">
        <f t="shared" si="1"/>
        <v>1.7605549999999539</v>
      </c>
      <c r="F33">
        <f t="shared" si="2"/>
        <v>2.0532987377211865E-2</v>
      </c>
    </row>
    <row r="34" spans="1:6" x14ac:dyDescent="0.2">
      <c r="A34">
        <v>553.37991999999997</v>
      </c>
      <c r="B34">
        <v>19.924422</v>
      </c>
      <c r="C34">
        <v>7.5256449999999999</v>
      </c>
      <c r="D34">
        <f t="shared" si="0"/>
        <v>0.16015400000000035</v>
      </c>
      <c r="E34">
        <f t="shared" si="1"/>
        <v>2.4926359999999477</v>
      </c>
      <c r="F34">
        <f t="shared" si="2"/>
        <v>2.8125333234252634E-2</v>
      </c>
    </row>
    <row r="35" spans="1:6" x14ac:dyDescent="0.2">
      <c r="A35">
        <v>554.10951999999997</v>
      </c>
      <c r="B35">
        <v>19.928232999999999</v>
      </c>
      <c r="C35">
        <v>7.5306499999999996</v>
      </c>
      <c r="D35">
        <f t="shared" si="0"/>
        <v>0.16515900000000006</v>
      </c>
      <c r="E35">
        <f t="shared" si="1"/>
        <v>3.2222359999999526</v>
      </c>
      <c r="F35">
        <f t="shared" si="2"/>
        <v>3.5209470103900894E-2</v>
      </c>
    </row>
    <row r="36" spans="1:6" x14ac:dyDescent="0.2">
      <c r="A36">
        <v>554.60424699999999</v>
      </c>
      <c r="B36">
        <v>19.941770999999999</v>
      </c>
      <c r="C36">
        <v>7.5356540000000001</v>
      </c>
      <c r="D36">
        <f t="shared" si="0"/>
        <v>0.17016300000000051</v>
      </c>
      <c r="E36">
        <f t="shared" si="1"/>
        <v>3.7169629999999643</v>
      </c>
      <c r="F36">
        <f t="shared" si="2"/>
        <v>3.9385821961105703E-2</v>
      </c>
    </row>
    <row r="37" spans="1:6" x14ac:dyDescent="0.2">
      <c r="A37">
        <v>554.67885799999999</v>
      </c>
      <c r="B37">
        <v>19.989543999999999</v>
      </c>
      <c r="C37">
        <v>7.5406589999999998</v>
      </c>
      <c r="D37">
        <f t="shared" si="0"/>
        <v>0.17516800000000021</v>
      </c>
      <c r="E37">
        <f t="shared" si="1"/>
        <v>3.7915739999999687</v>
      </c>
      <c r="F37">
        <f t="shared" si="2"/>
        <v>3.9023224497158247E-2</v>
      </c>
    </row>
    <row r="38" spans="1:6" x14ac:dyDescent="0.2">
      <c r="A38">
        <v>555.00610700000004</v>
      </c>
      <c r="B38">
        <v>19.970402</v>
      </c>
      <c r="C38">
        <v>7.5456640000000004</v>
      </c>
      <c r="D38">
        <f t="shared" si="0"/>
        <v>0.1801730000000008</v>
      </c>
      <c r="E38">
        <f t="shared" si="1"/>
        <v>4.1188230000000203</v>
      </c>
      <c r="F38">
        <f t="shared" si="2"/>
        <v>4.1189418184345593E-2</v>
      </c>
    </row>
    <row r="39" spans="1:6" x14ac:dyDescent="0.2">
      <c r="A39">
        <v>555.18308000000002</v>
      </c>
      <c r="B39">
        <v>19.988185000000001</v>
      </c>
      <c r="C39">
        <v>7.5506690000000001</v>
      </c>
      <c r="D39">
        <f t="shared" si="0"/>
        <v>0.18517800000000051</v>
      </c>
      <c r="E39">
        <f t="shared" si="1"/>
        <v>4.2957959999999957</v>
      </c>
      <c r="F39">
        <f t="shared" si="2"/>
        <v>4.1784772133367842E-2</v>
      </c>
    </row>
    <row r="40" spans="1:6" x14ac:dyDescent="0.2">
      <c r="A40">
        <v>555.09987899999999</v>
      </c>
      <c r="B40">
        <v>20.01539</v>
      </c>
      <c r="C40">
        <v>7.5556739999999998</v>
      </c>
      <c r="D40">
        <f t="shared" si="0"/>
        <v>0.19018300000000021</v>
      </c>
      <c r="E40">
        <f t="shared" si="1"/>
        <v>4.2125949999999648</v>
      </c>
      <c r="F40">
        <f t="shared" si="2"/>
        <v>3.9903122504167519E-2</v>
      </c>
    </row>
    <row r="41" spans="1:6" x14ac:dyDescent="0.2">
      <c r="A41">
        <v>554.91633400000001</v>
      </c>
      <c r="B41">
        <v>20.032893000000001</v>
      </c>
      <c r="C41">
        <v>7.5606780000000002</v>
      </c>
      <c r="D41">
        <f t="shared" si="0"/>
        <v>0.19518700000000067</v>
      </c>
      <c r="E41">
        <f t="shared" si="1"/>
        <v>4.0290499999999838</v>
      </c>
      <c r="F41">
        <f t="shared" si="2"/>
        <v>3.7198399936344419E-2</v>
      </c>
    </row>
    <row r="42" spans="1:6" x14ac:dyDescent="0.2">
      <c r="A42">
        <v>554.14790500000004</v>
      </c>
      <c r="B42">
        <v>20.090312000000001</v>
      </c>
      <c r="C42">
        <v>7.5656829999999999</v>
      </c>
      <c r="D42">
        <f t="shared" si="0"/>
        <v>0.20019200000000037</v>
      </c>
      <c r="E42">
        <f t="shared" si="1"/>
        <v>3.2606210000000146</v>
      </c>
      <c r="F42">
        <f t="shared" si="2"/>
        <v>2.9391916639532362E-2</v>
      </c>
    </row>
    <row r="43" spans="1:6" x14ac:dyDescent="0.2">
      <c r="A43">
        <v>553.32402200000001</v>
      </c>
      <c r="B43">
        <v>20.079840999999998</v>
      </c>
      <c r="C43">
        <v>7.5706879999999996</v>
      </c>
      <c r="D43">
        <f t="shared" si="0"/>
        <v>0.20519700000000007</v>
      </c>
      <c r="E43">
        <f t="shared" si="1"/>
        <v>2.4367379999999912</v>
      </c>
      <c r="F43">
        <f t="shared" si="2"/>
        <v>2.1461412592099851E-2</v>
      </c>
    </row>
    <row r="44" spans="1:6" x14ac:dyDescent="0.2">
      <c r="A44">
        <v>552.72101799999996</v>
      </c>
      <c r="B44">
        <v>20.065605000000001</v>
      </c>
      <c r="C44">
        <v>7.5756930000000002</v>
      </c>
      <c r="D44">
        <f t="shared" si="0"/>
        <v>0.21020200000000067</v>
      </c>
      <c r="E44">
        <f t="shared" si="1"/>
        <v>1.8337339999999358</v>
      </c>
      <c r="F44">
        <f t="shared" si="2"/>
        <v>1.5783143824346032E-2</v>
      </c>
    </row>
    <row r="45" spans="1:6" x14ac:dyDescent="0.2">
      <c r="A45">
        <v>552.13041499999997</v>
      </c>
      <c r="B45">
        <v>20.052384</v>
      </c>
      <c r="C45">
        <v>7.5806979999999999</v>
      </c>
      <c r="D45">
        <f t="shared" si="0"/>
        <v>0.21520700000000037</v>
      </c>
      <c r="E45">
        <f t="shared" si="1"/>
        <v>1.2431309999999485</v>
      </c>
      <c r="F45">
        <f t="shared" si="2"/>
        <v>1.0462099149956211E-2</v>
      </c>
    </row>
    <row r="46" spans="1:6" x14ac:dyDescent="0.2">
      <c r="A46">
        <v>551.95662100000004</v>
      </c>
      <c r="B46">
        <v>20.028668</v>
      </c>
      <c r="C46">
        <v>7.5857020000000004</v>
      </c>
      <c r="D46">
        <f t="shared" si="0"/>
        <v>0.22021100000000082</v>
      </c>
      <c r="E46">
        <f t="shared" si="1"/>
        <v>1.0693370000000186</v>
      </c>
      <c r="F46">
        <f t="shared" si="2"/>
        <v>8.7977301661690144E-3</v>
      </c>
    </row>
    <row r="47" spans="1:6" x14ac:dyDescent="0.2">
      <c r="A47">
        <v>551.62567200000001</v>
      </c>
      <c r="B47">
        <v>20.037151999999999</v>
      </c>
      <c r="C47">
        <v>7.5907070000000001</v>
      </c>
      <c r="D47">
        <f t="shared" si="0"/>
        <v>0.22521600000000053</v>
      </c>
      <c r="E47">
        <f t="shared" si="1"/>
        <v>0.73838799999998628</v>
      </c>
      <c r="F47">
        <f t="shared" si="2"/>
        <v>5.9434815617397194E-3</v>
      </c>
    </row>
    <row r="48" spans="1:6" x14ac:dyDescent="0.2">
      <c r="A48">
        <v>551.24926900000003</v>
      </c>
      <c r="B48">
        <v>20.053642</v>
      </c>
      <c r="C48">
        <v>7.5957119999999998</v>
      </c>
      <c r="D48">
        <f t="shared" si="0"/>
        <v>0.23022100000000023</v>
      </c>
      <c r="E48">
        <f t="shared" si="1"/>
        <v>0.36198500000000422</v>
      </c>
      <c r="F48">
        <f t="shared" si="2"/>
        <v>2.8523158282912917E-3</v>
      </c>
    </row>
    <row r="49" spans="1:6" x14ac:dyDescent="0.2">
      <c r="A49">
        <v>550.90210999999999</v>
      </c>
      <c r="B49">
        <v>20.028977000000001</v>
      </c>
      <c r="C49">
        <v>7.6007170000000004</v>
      </c>
      <c r="D49">
        <f t="shared" si="0"/>
        <v>0.23522600000000082</v>
      </c>
      <c r="E49">
        <f t="shared" si="1"/>
        <v>1.4825999999970918E-2</v>
      </c>
      <c r="F49">
        <f t="shared" si="2"/>
        <v>1.1441006610426883E-4</v>
      </c>
    </row>
    <row r="50" spans="1:6" x14ac:dyDescent="0.2">
      <c r="A50">
        <v>550.37758399999996</v>
      </c>
      <c r="B50">
        <v>20.067834000000001</v>
      </c>
      <c r="C50">
        <v>7.6057220000000001</v>
      </c>
      <c r="D50">
        <f t="shared" si="0"/>
        <v>0.24023100000000053</v>
      </c>
      <c r="E50">
        <f t="shared" si="1"/>
        <v>-0.50970000000006621</v>
      </c>
      <c r="F50">
        <f t="shared" si="2"/>
        <v>-3.8550041242026486E-3</v>
      </c>
    </row>
    <row r="51" spans="1:6" x14ac:dyDescent="0.2">
      <c r="A51">
        <v>549.95667700000001</v>
      </c>
      <c r="B51">
        <v>20.046842999999999</v>
      </c>
      <c r="C51">
        <v>7.6107259999999997</v>
      </c>
      <c r="D51">
        <f t="shared" si="0"/>
        <v>0.24523500000000009</v>
      </c>
      <c r="E51">
        <f t="shared" si="1"/>
        <v>-0.93060700000000907</v>
      </c>
      <c r="F51">
        <f t="shared" si="2"/>
        <v>-6.9000999697274648E-3</v>
      </c>
    </row>
    <row r="52" spans="1:6" x14ac:dyDescent="0.2">
      <c r="A52">
        <v>549.49757599999998</v>
      </c>
      <c r="B52">
        <v>20.044226999999999</v>
      </c>
      <c r="C52">
        <v>7.6157310000000003</v>
      </c>
      <c r="D52">
        <f t="shared" si="0"/>
        <v>0.25024000000000068</v>
      </c>
      <c r="E52">
        <f t="shared" si="1"/>
        <v>-1.3897080000000415</v>
      </c>
      <c r="F52">
        <f t="shared" si="2"/>
        <v>-1.0106506164799424E-2</v>
      </c>
    </row>
    <row r="53" spans="1:6" x14ac:dyDescent="0.2">
      <c r="A53">
        <v>549.17881899999998</v>
      </c>
      <c r="B53">
        <v>20.039251</v>
      </c>
      <c r="C53">
        <v>7.620736</v>
      </c>
      <c r="D53">
        <f t="shared" si="0"/>
        <v>0.25524500000000039</v>
      </c>
      <c r="E53">
        <f t="shared" si="1"/>
        <v>-1.7084650000000465</v>
      </c>
      <c r="F53">
        <f t="shared" si="2"/>
        <v>-1.2188073482162089E-2</v>
      </c>
    </row>
    <row r="54" spans="1:6" x14ac:dyDescent="0.2">
      <c r="A54">
        <v>548.70970199999999</v>
      </c>
      <c r="B54">
        <v>20.045628000000001</v>
      </c>
      <c r="C54">
        <v>7.6257409999999997</v>
      </c>
      <c r="D54">
        <f t="shared" si="0"/>
        <v>0.26025000000000009</v>
      </c>
      <c r="E54">
        <f t="shared" si="1"/>
        <v>-2.1775820000000294</v>
      </c>
      <c r="F54">
        <f t="shared" si="2"/>
        <v>-1.5248992139667097E-2</v>
      </c>
    </row>
    <row r="55" spans="1:6" x14ac:dyDescent="0.2">
      <c r="A55">
        <v>548.32696599999997</v>
      </c>
      <c r="B55">
        <v>20.055568000000001</v>
      </c>
      <c r="C55">
        <v>7.6307460000000003</v>
      </c>
      <c r="D55">
        <f t="shared" si="0"/>
        <v>0.26525500000000068</v>
      </c>
      <c r="E55">
        <f t="shared" si="1"/>
        <v>-2.5603180000000521</v>
      </c>
      <c r="F55">
        <f t="shared" si="2"/>
        <v>-1.7603163632329076E-2</v>
      </c>
    </row>
    <row r="56" spans="1:6" x14ac:dyDescent="0.2">
      <c r="A56">
        <v>548.24192200000005</v>
      </c>
      <c r="B56">
        <v>19.993210000000001</v>
      </c>
      <c r="C56">
        <v>7.6357499999999998</v>
      </c>
      <c r="D56">
        <f t="shared" si="0"/>
        <v>0.27025900000000025</v>
      </c>
      <c r="E56">
        <f t="shared" si="1"/>
        <v>-2.6453619999999773</v>
      </c>
      <c r="F56">
        <f t="shared" si="2"/>
        <v>-1.7853883800450367E-2</v>
      </c>
    </row>
    <row r="57" spans="1:6" x14ac:dyDescent="0.2">
      <c r="A57">
        <v>548.15661899999998</v>
      </c>
      <c r="B57">
        <v>20.014672000000001</v>
      </c>
      <c r="C57">
        <v>7.6407550000000004</v>
      </c>
      <c r="D57">
        <f t="shared" si="0"/>
        <v>0.27526400000000084</v>
      </c>
      <c r="E57">
        <f t="shared" si="1"/>
        <v>-2.7306650000000445</v>
      </c>
      <c r="F57">
        <f t="shared" si="2"/>
        <v>-1.8097323291182819E-2</v>
      </c>
    </row>
    <row r="58" spans="1:6" x14ac:dyDescent="0.2">
      <c r="A58">
        <v>548.34274600000003</v>
      </c>
      <c r="B58">
        <v>19.954395999999999</v>
      </c>
      <c r="C58">
        <v>7.6457600000000001</v>
      </c>
      <c r="D58">
        <f t="shared" si="0"/>
        <v>0.28026900000000055</v>
      </c>
      <c r="E58">
        <f t="shared" si="1"/>
        <v>-2.5445379999999886</v>
      </c>
      <c r="F58">
        <f t="shared" si="2"/>
        <v>-1.655700479060216E-2</v>
      </c>
    </row>
    <row r="59" spans="1:6" x14ac:dyDescent="0.2">
      <c r="A59">
        <v>549.43933100000004</v>
      </c>
      <c r="B59">
        <v>19.852999000000001</v>
      </c>
      <c r="C59">
        <v>7.6507649999999998</v>
      </c>
      <c r="D59">
        <f t="shared" si="0"/>
        <v>0.28527400000000025</v>
      </c>
      <c r="E59">
        <f t="shared" si="1"/>
        <v>-1.4479529999999841</v>
      </c>
      <c r="F59">
        <f t="shared" si="2"/>
        <v>-9.2378845146269435E-3</v>
      </c>
    </row>
    <row r="60" spans="1:6" x14ac:dyDescent="0.2">
      <c r="A60">
        <v>550.56176800000003</v>
      </c>
      <c r="B60">
        <v>19.905116</v>
      </c>
      <c r="C60">
        <v>7.6557700000000004</v>
      </c>
      <c r="D60">
        <f t="shared" si="0"/>
        <v>0.29027900000000084</v>
      </c>
      <c r="E60">
        <f t="shared" si="1"/>
        <v>-0.32551599999999326</v>
      </c>
      <c r="F60">
        <f t="shared" si="2"/>
        <v>-2.0368107196525975E-3</v>
      </c>
    </row>
    <row r="61" spans="1:6" x14ac:dyDescent="0.2">
      <c r="A61">
        <v>551.340867</v>
      </c>
      <c r="B61">
        <v>19.897734</v>
      </c>
      <c r="C61">
        <v>7.660774</v>
      </c>
      <c r="D61">
        <f t="shared" si="0"/>
        <v>0.29528300000000041</v>
      </c>
      <c r="E61">
        <f t="shared" si="1"/>
        <v>0.45358299999998053</v>
      </c>
      <c r="F61">
        <f t="shared" si="2"/>
        <v>2.7861092344903709E-3</v>
      </c>
    </row>
    <row r="62" spans="1:6" x14ac:dyDescent="0.2">
      <c r="A62">
        <v>552.32921299999998</v>
      </c>
      <c r="B62">
        <v>19.892523000000001</v>
      </c>
      <c r="C62">
        <v>7.6657789999999997</v>
      </c>
      <c r="D62">
        <f t="shared" si="0"/>
        <v>0.30028800000000011</v>
      </c>
      <c r="E62">
        <f t="shared" si="1"/>
        <v>1.4419289999999592</v>
      </c>
      <c r="F62">
        <f t="shared" si="2"/>
        <v>8.6937647684360436E-3</v>
      </c>
    </row>
    <row r="63" spans="1:6" x14ac:dyDescent="0.2">
      <c r="A63">
        <v>553.04902300000003</v>
      </c>
      <c r="B63">
        <v>19.933568000000001</v>
      </c>
      <c r="C63">
        <v>7.6707840000000003</v>
      </c>
      <c r="D63">
        <f t="shared" si="0"/>
        <v>0.3052930000000007</v>
      </c>
      <c r="E63">
        <f t="shared" si="1"/>
        <v>2.1617390000000114</v>
      </c>
      <c r="F63">
        <f t="shared" si="2"/>
        <v>1.2803325352504202E-2</v>
      </c>
    </row>
    <row r="64" spans="1:6" x14ac:dyDescent="0.2">
      <c r="A64">
        <v>553.50558699999999</v>
      </c>
      <c r="B64">
        <v>19.933064000000002</v>
      </c>
      <c r="C64">
        <v>7.675789</v>
      </c>
      <c r="D64">
        <f t="shared" si="0"/>
        <v>0.31029800000000041</v>
      </c>
      <c r="E64">
        <f t="shared" si="1"/>
        <v>2.618302999999969</v>
      </c>
      <c r="F64">
        <f t="shared" si="2"/>
        <v>1.5244701252992191E-2</v>
      </c>
    </row>
    <row r="65" spans="1:6" x14ac:dyDescent="0.2">
      <c r="A65">
        <v>554.38973899999996</v>
      </c>
      <c r="B65">
        <v>19.902612000000001</v>
      </c>
      <c r="C65">
        <v>7.6807939999999997</v>
      </c>
      <c r="D65">
        <f t="shared" si="0"/>
        <v>0.31530300000000011</v>
      </c>
      <c r="E65">
        <f t="shared" si="1"/>
        <v>3.5024549999999408</v>
      </c>
      <c r="F65">
        <f t="shared" si="2"/>
        <v>2.0036842190664834E-2</v>
      </c>
    </row>
    <row r="66" spans="1:6" x14ac:dyDescent="0.2">
      <c r="A66">
        <v>555.21536000000003</v>
      </c>
      <c r="B66">
        <v>19.893211000000001</v>
      </c>
      <c r="C66">
        <v>7.6857980000000001</v>
      </c>
      <c r="D66">
        <f t="shared" si="0"/>
        <v>0.32030700000000056</v>
      </c>
      <c r="E66">
        <f t="shared" si="1"/>
        <v>4.32807600000001</v>
      </c>
      <c r="F66">
        <f t="shared" si="2"/>
        <v>2.4336996299914794E-2</v>
      </c>
    </row>
    <row r="67" spans="1:6" x14ac:dyDescent="0.2">
      <c r="A67">
        <v>556.20064500000001</v>
      </c>
      <c r="B67">
        <v>19.911403</v>
      </c>
      <c r="C67">
        <v>7.6908029999999998</v>
      </c>
      <c r="D67">
        <f t="shared" ref="D67:D130" si="3">C67-$C$2</f>
        <v>0.32531200000000027</v>
      </c>
      <c r="E67">
        <f t="shared" ref="E67:E130" si="4">A67-$A$2</f>
        <v>5.3133609999999862</v>
      </c>
      <c r="F67">
        <f t="shared" ref="F67:F130" si="5">(1/A67)*(E67/D67)</f>
        <v>2.9365523800454398E-2</v>
      </c>
    </row>
    <row r="68" spans="1:6" x14ac:dyDescent="0.2">
      <c r="A68">
        <v>556.33670600000005</v>
      </c>
      <c r="B68">
        <v>19.990739000000001</v>
      </c>
      <c r="C68">
        <v>7.6958080000000004</v>
      </c>
      <c r="D68">
        <f t="shared" si="3"/>
        <v>0.33031700000000086</v>
      </c>
      <c r="E68">
        <f t="shared" si="4"/>
        <v>5.4494220000000269</v>
      </c>
      <c r="F68">
        <f t="shared" si="5"/>
        <v>2.9653898751067279E-2</v>
      </c>
    </row>
    <row r="69" spans="1:6" x14ac:dyDescent="0.2">
      <c r="A69">
        <v>556.13430600000004</v>
      </c>
      <c r="B69">
        <v>20.029026000000002</v>
      </c>
      <c r="C69">
        <v>7.7008130000000001</v>
      </c>
      <c r="D69">
        <f t="shared" si="3"/>
        <v>0.33532200000000056</v>
      </c>
      <c r="E69">
        <f t="shared" si="4"/>
        <v>5.2470220000000154</v>
      </c>
      <c r="F69">
        <f t="shared" si="5"/>
        <v>2.8136569858881248E-2</v>
      </c>
    </row>
    <row r="70" spans="1:6" x14ac:dyDescent="0.2">
      <c r="A70">
        <v>556.34556799999996</v>
      </c>
      <c r="B70">
        <v>19.976254000000001</v>
      </c>
      <c r="C70">
        <v>7.7058179999999998</v>
      </c>
      <c r="D70">
        <f t="shared" si="3"/>
        <v>0.34032700000000027</v>
      </c>
      <c r="E70">
        <f t="shared" si="4"/>
        <v>5.4582839999999351</v>
      </c>
      <c r="F70">
        <f t="shared" si="5"/>
        <v>2.8828038314342708E-2</v>
      </c>
    </row>
    <row r="71" spans="1:6" x14ac:dyDescent="0.2">
      <c r="A71">
        <v>556.29690800000003</v>
      </c>
      <c r="B71">
        <v>20.009626999999998</v>
      </c>
      <c r="C71">
        <v>7.7108220000000003</v>
      </c>
      <c r="D71">
        <f t="shared" si="3"/>
        <v>0.34533100000000072</v>
      </c>
      <c r="E71">
        <f t="shared" si="4"/>
        <v>5.409624000000008</v>
      </c>
      <c r="F71">
        <f t="shared" si="5"/>
        <v>2.8159495374726441E-2</v>
      </c>
    </row>
    <row r="72" spans="1:6" x14ac:dyDescent="0.2">
      <c r="A72">
        <v>555.87194499999998</v>
      </c>
      <c r="B72">
        <v>20.055499999999999</v>
      </c>
      <c r="C72">
        <v>7.715827</v>
      </c>
      <c r="D72">
        <f t="shared" si="3"/>
        <v>0.35033600000000042</v>
      </c>
      <c r="E72">
        <f t="shared" si="4"/>
        <v>4.98466099999996</v>
      </c>
      <c r="F72">
        <f t="shared" si="5"/>
        <v>2.559623596606616E-2</v>
      </c>
    </row>
    <row r="73" spans="1:6" x14ac:dyDescent="0.2">
      <c r="A73">
        <v>555.17043000000001</v>
      </c>
      <c r="B73">
        <v>20.085899999999999</v>
      </c>
      <c r="C73">
        <v>7.7208319999999997</v>
      </c>
      <c r="D73">
        <f t="shared" si="3"/>
        <v>0.35534100000000013</v>
      </c>
      <c r="E73">
        <f t="shared" si="4"/>
        <v>4.2831459999999879</v>
      </c>
      <c r="F73">
        <f t="shared" si="5"/>
        <v>2.171157014317943E-2</v>
      </c>
    </row>
    <row r="74" spans="1:6" x14ac:dyDescent="0.2">
      <c r="A74">
        <v>554.67985499999998</v>
      </c>
      <c r="B74">
        <v>20.051447</v>
      </c>
      <c r="C74">
        <v>7.7258370000000003</v>
      </c>
      <c r="D74">
        <f t="shared" si="3"/>
        <v>0.36034600000000072</v>
      </c>
      <c r="E74">
        <f t="shared" si="4"/>
        <v>3.7925709999999526</v>
      </c>
      <c r="F74">
        <f t="shared" si="5"/>
        <v>1.8974555941709464E-2</v>
      </c>
    </row>
    <row r="75" spans="1:6" x14ac:dyDescent="0.2">
      <c r="A75">
        <v>554.41894500000001</v>
      </c>
      <c r="B75">
        <v>20.023510999999999</v>
      </c>
      <c r="C75">
        <v>7.730842</v>
      </c>
      <c r="D75">
        <f t="shared" si="3"/>
        <v>0.36535100000000043</v>
      </c>
      <c r="E75">
        <f t="shared" si="4"/>
        <v>3.5316609999999855</v>
      </c>
      <c r="F75">
        <f t="shared" si="5"/>
        <v>1.743534908100464E-2</v>
      </c>
    </row>
    <row r="76" spans="1:6" x14ac:dyDescent="0.2">
      <c r="A76">
        <v>554.03590499999996</v>
      </c>
      <c r="B76">
        <v>20.056276</v>
      </c>
      <c r="C76">
        <v>7.7358460000000004</v>
      </c>
      <c r="D76">
        <f t="shared" si="3"/>
        <v>0.37035500000000088</v>
      </c>
      <c r="E76">
        <f t="shared" si="4"/>
        <v>3.1486209999999346</v>
      </c>
      <c r="F76">
        <f t="shared" si="5"/>
        <v>1.5344907145728734E-2</v>
      </c>
    </row>
    <row r="77" spans="1:6" x14ac:dyDescent="0.2">
      <c r="A77">
        <v>553.08777499999997</v>
      </c>
      <c r="B77">
        <v>20.106874999999999</v>
      </c>
      <c r="C77">
        <v>7.7408510000000001</v>
      </c>
      <c r="D77">
        <f t="shared" si="3"/>
        <v>0.37536000000000058</v>
      </c>
      <c r="E77">
        <f t="shared" si="4"/>
        <v>2.2004909999999427</v>
      </c>
      <c r="F77">
        <f t="shared" si="5"/>
        <v>1.0599308845291129E-2</v>
      </c>
    </row>
    <row r="78" spans="1:6" x14ac:dyDescent="0.2">
      <c r="A78">
        <v>552.3329</v>
      </c>
      <c r="B78">
        <v>20.078181000000001</v>
      </c>
      <c r="C78">
        <v>7.7458559999999999</v>
      </c>
      <c r="D78">
        <f t="shared" si="3"/>
        <v>0.38036500000000029</v>
      </c>
      <c r="E78">
        <f t="shared" si="4"/>
        <v>1.4456159999999727</v>
      </c>
      <c r="F78">
        <f t="shared" si="5"/>
        <v>6.8809988564701528E-3</v>
      </c>
    </row>
    <row r="79" spans="1:6" x14ac:dyDescent="0.2">
      <c r="A79">
        <v>551.90111999999999</v>
      </c>
      <c r="B79">
        <v>20.055129999999998</v>
      </c>
      <c r="C79">
        <v>7.7508609999999996</v>
      </c>
      <c r="D79">
        <f t="shared" si="3"/>
        <v>0.38536999999999999</v>
      </c>
      <c r="E79">
        <f t="shared" si="4"/>
        <v>1.0138359999999693</v>
      </c>
      <c r="F79">
        <f t="shared" si="5"/>
        <v>4.7668175541299585E-3</v>
      </c>
    </row>
    <row r="80" spans="1:6" x14ac:dyDescent="0.2">
      <c r="A80">
        <v>551.21343999999999</v>
      </c>
      <c r="B80">
        <v>20.084167999999998</v>
      </c>
      <c r="C80">
        <v>7.7558660000000001</v>
      </c>
      <c r="D80">
        <f t="shared" si="3"/>
        <v>0.39037500000000058</v>
      </c>
      <c r="E80">
        <f t="shared" si="4"/>
        <v>0.32615599999996903</v>
      </c>
      <c r="F80">
        <f t="shared" si="5"/>
        <v>1.5157360390354287E-3</v>
      </c>
    </row>
    <row r="81" spans="1:6" x14ac:dyDescent="0.2">
      <c r="A81">
        <v>550.05036900000005</v>
      </c>
      <c r="B81">
        <v>20.126118999999999</v>
      </c>
      <c r="C81">
        <v>7.7608699999999997</v>
      </c>
      <c r="D81">
        <f t="shared" si="3"/>
        <v>0.39537900000000015</v>
      </c>
      <c r="E81">
        <f t="shared" si="4"/>
        <v>-0.83691499999997632</v>
      </c>
      <c r="F81">
        <f t="shared" si="5"/>
        <v>-3.8482678522851269E-3</v>
      </c>
    </row>
    <row r="82" spans="1:6" x14ac:dyDescent="0.2">
      <c r="A82">
        <v>549.30564100000004</v>
      </c>
      <c r="B82">
        <v>20.055501</v>
      </c>
      <c r="C82">
        <v>7.7658750000000003</v>
      </c>
      <c r="D82">
        <f t="shared" si="3"/>
        <v>0.40038400000000074</v>
      </c>
      <c r="E82">
        <f t="shared" si="4"/>
        <v>-1.5816429999999855</v>
      </c>
      <c r="F82">
        <f t="shared" si="5"/>
        <v>-7.1914702900537702E-3</v>
      </c>
    </row>
    <row r="83" spans="1:6" x14ac:dyDescent="0.2">
      <c r="A83">
        <v>549.17588899999998</v>
      </c>
      <c r="B83">
        <v>20.017764</v>
      </c>
      <c r="C83">
        <v>7.77088</v>
      </c>
      <c r="D83">
        <f t="shared" si="3"/>
        <v>0.40538900000000044</v>
      </c>
      <c r="E83">
        <f t="shared" si="4"/>
        <v>-1.7113950000000386</v>
      </c>
      <c r="F83">
        <f t="shared" si="5"/>
        <v>-7.6871762200743585E-3</v>
      </c>
    </row>
    <row r="84" spans="1:6" x14ac:dyDescent="0.2">
      <c r="A84">
        <v>549.14144899999997</v>
      </c>
      <c r="B84">
        <v>19.994240999999999</v>
      </c>
      <c r="C84">
        <v>7.7758849999999997</v>
      </c>
      <c r="D84">
        <f t="shared" si="3"/>
        <v>0.41039400000000015</v>
      </c>
      <c r="E84">
        <f t="shared" si="4"/>
        <v>-1.7458350000000564</v>
      </c>
      <c r="F84">
        <f t="shared" si="5"/>
        <v>-7.7467219411904127E-3</v>
      </c>
    </row>
    <row r="85" spans="1:6" x14ac:dyDescent="0.2">
      <c r="A85">
        <v>549.19338700000003</v>
      </c>
      <c r="B85">
        <v>19.994361999999999</v>
      </c>
      <c r="C85">
        <v>7.7808900000000003</v>
      </c>
      <c r="D85">
        <f t="shared" si="3"/>
        <v>0.41539900000000074</v>
      </c>
      <c r="E85">
        <f t="shared" si="4"/>
        <v>-1.6938969999999927</v>
      </c>
      <c r="F85">
        <f t="shared" si="5"/>
        <v>-7.4249964956372913E-3</v>
      </c>
    </row>
    <row r="86" spans="1:6" x14ac:dyDescent="0.2">
      <c r="A86">
        <v>549.28659500000003</v>
      </c>
      <c r="B86">
        <v>19.986967</v>
      </c>
      <c r="C86">
        <v>7.7858939999999999</v>
      </c>
      <c r="D86">
        <f t="shared" si="3"/>
        <v>0.4204030000000003</v>
      </c>
      <c r="E86">
        <f t="shared" si="4"/>
        <v>-1.6006889999999885</v>
      </c>
      <c r="F86">
        <f t="shared" si="5"/>
        <v>-6.9317382274035862E-3</v>
      </c>
    </row>
    <row r="87" spans="1:6" x14ac:dyDescent="0.2">
      <c r="A87">
        <v>549.71546999999998</v>
      </c>
      <c r="B87">
        <v>19.956923</v>
      </c>
      <c r="C87">
        <v>7.7908989999999996</v>
      </c>
      <c r="D87">
        <f t="shared" si="3"/>
        <v>0.42540800000000001</v>
      </c>
      <c r="E87">
        <f t="shared" si="4"/>
        <v>-1.1718140000000403</v>
      </c>
      <c r="F87">
        <f t="shared" si="5"/>
        <v>-5.0108923245995559E-3</v>
      </c>
    </row>
    <row r="88" spans="1:6" x14ac:dyDescent="0.2">
      <c r="A88">
        <v>550.31826699999999</v>
      </c>
      <c r="B88">
        <v>19.921918000000002</v>
      </c>
      <c r="C88">
        <v>7.7959040000000002</v>
      </c>
      <c r="D88">
        <f t="shared" si="3"/>
        <v>0.4304130000000006</v>
      </c>
      <c r="E88">
        <f t="shared" si="4"/>
        <v>-0.56901700000003075</v>
      </c>
      <c r="F88">
        <f t="shared" si="5"/>
        <v>-2.4022927615736499E-3</v>
      </c>
    </row>
    <row r="89" spans="1:6" x14ac:dyDescent="0.2">
      <c r="A89">
        <v>550.43012799999997</v>
      </c>
      <c r="B89">
        <v>20.013919999999999</v>
      </c>
      <c r="C89">
        <v>7.8009089999999999</v>
      </c>
      <c r="D89">
        <f t="shared" si="3"/>
        <v>0.4354180000000003</v>
      </c>
      <c r="E89">
        <f t="shared" si="4"/>
        <v>-0.45715600000005452</v>
      </c>
      <c r="F89">
        <f t="shared" si="5"/>
        <v>-1.90746179581015E-3</v>
      </c>
    </row>
    <row r="90" spans="1:6" x14ac:dyDescent="0.2">
      <c r="A90">
        <v>550.22354099999995</v>
      </c>
      <c r="B90">
        <v>19.994157000000001</v>
      </c>
      <c r="C90">
        <v>7.8059139999999996</v>
      </c>
      <c r="D90">
        <f t="shared" si="3"/>
        <v>0.44042300000000001</v>
      </c>
      <c r="E90">
        <f t="shared" si="4"/>
        <v>-0.6637430000000677</v>
      </c>
      <c r="F90">
        <f t="shared" si="5"/>
        <v>-2.7389922006898662E-3</v>
      </c>
    </row>
    <row r="91" spans="1:6" x14ac:dyDescent="0.2">
      <c r="A91">
        <v>551.08004100000005</v>
      </c>
      <c r="B91">
        <v>19.899979999999999</v>
      </c>
      <c r="C91">
        <v>7.810918</v>
      </c>
      <c r="D91">
        <f t="shared" si="3"/>
        <v>0.44542700000000046</v>
      </c>
      <c r="E91">
        <f t="shared" si="4"/>
        <v>0.19275700000002871</v>
      </c>
      <c r="F91">
        <f t="shared" si="5"/>
        <v>7.852698761637363E-4</v>
      </c>
    </row>
    <row r="92" spans="1:6" x14ac:dyDescent="0.2">
      <c r="A92">
        <v>552.13546399999996</v>
      </c>
      <c r="B92">
        <v>19.881415000000001</v>
      </c>
      <c r="C92">
        <v>7.8159229999999997</v>
      </c>
      <c r="D92">
        <f t="shared" si="3"/>
        <v>0.45043200000000017</v>
      </c>
      <c r="E92">
        <f t="shared" si="4"/>
        <v>1.2481799999999339</v>
      </c>
      <c r="F92">
        <f t="shared" si="5"/>
        <v>5.0188283199178053E-3</v>
      </c>
    </row>
    <row r="93" spans="1:6" x14ac:dyDescent="0.2">
      <c r="A93">
        <v>552.69212600000003</v>
      </c>
      <c r="B93">
        <v>19.949646000000001</v>
      </c>
      <c r="C93">
        <v>7.8209280000000003</v>
      </c>
      <c r="D93">
        <f t="shared" si="3"/>
        <v>0.45543700000000076</v>
      </c>
      <c r="E93">
        <f t="shared" si="4"/>
        <v>1.8048420000000078</v>
      </c>
      <c r="F93">
        <f t="shared" si="5"/>
        <v>7.1701394348017231E-3</v>
      </c>
    </row>
    <row r="94" spans="1:6" x14ac:dyDescent="0.2">
      <c r="A94">
        <v>552.85250299999996</v>
      </c>
      <c r="B94">
        <v>19.990157</v>
      </c>
      <c r="C94">
        <v>7.825933</v>
      </c>
      <c r="D94">
        <f t="shared" si="3"/>
        <v>0.46044200000000046</v>
      </c>
      <c r="E94">
        <f t="shared" si="4"/>
        <v>1.9652189999999337</v>
      </c>
      <c r="F94">
        <f t="shared" si="5"/>
        <v>7.720167844543155E-3</v>
      </c>
    </row>
    <row r="95" spans="1:6" x14ac:dyDescent="0.2">
      <c r="A95">
        <v>553.04365900000005</v>
      </c>
      <c r="B95">
        <v>19.965921000000002</v>
      </c>
      <c r="C95">
        <v>7.8309379999999997</v>
      </c>
      <c r="D95">
        <f t="shared" si="3"/>
        <v>0.46544700000000017</v>
      </c>
      <c r="E95">
        <f t="shared" si="4"/>
        <v>2.1563750000000255</v>
      </c>
      <c r="F95">
        <f t="shared" si="5"/>
        <v>8.3771180493902343E-3</v>
      </c>
    </row>
    <row r="96" spans="1:6" x14ac:dyDescent="0.2">
      <c r="A96">
        <v>553.73153000000002</v>
      </c>
      <c r="B96">
        <v>19.925346999999999</v>
      </c>
      <c r="C96">
        <v>7.8359420000000002</v>
      </c>
      <c r="D96">
        <f t="shared" si="3"/>
        <v>0.47045100000000062</v>
      </c>
      <c r="E96">
        <f t="shared" si="4"/>
        <v>2.8442459999999983</v>
      </c>
      <c r="F96">
        <f t="shared" si="5"/>
        <v>1.0918261873762479E-2</v>
      </c>
    </row>
    <row r="97" spans="1:6" x14ac:dyDescent="0.2">
      <c r="A97">
        <v>554.18733599999996</v>
      </c>
      <c r="B97">
        <v>19.972137</v>
      </c>
      <c r="C97">
        <v>7.8409469999999999</v>
      </c>
      <c r="D97">
        <f t="shared" si="3"/>
        <v>0.47545600000000032</v>
      </c>
      <c r="E97">
        <f t="shared" si="4"/>
        <v>3.3000519999999369</v>
      </c>
      <c r="F97">
        <f t="shared" si="5"/>
        <v>1.2524311296446869E-2</v>
      </c>
    </row>
    <row r="98" spans="1:6" x14ac:dyDescent="0.2">
      <c r="A98">
        <v>553.86144300000001</v>
      </c>
      <c r="B98">
        <v>20.025638000000001</v>
      </c>
      <c r="C98">
        <v>7.8459519999999996</v>
      </c>
      <c r="D98">
        <f t="shared" si="3"/>
        <v>0.48046100000000003</v>
      </c>
      <c r="E98">
        <f t="shared" si="4"/>
        <v>2.974158999999986</v>
      </c>
      <c r="F98">
        <f t="shared" si="5"/>
        <v>1.1176476484674713E-2</v>
      </c>
    </row>
    <row r="99" spans="1:6" x14ac:dyDescent="0.2">
      <c r="A99">
        <v>554.07663500000001</v>
      </c>
      <c r="B99">
        <v>19.956205000000001</v>
      </c>
      <c r="C99">
        <v>7.8509570000000002</v>
      </c>
      <c r="D99">
        <f t="shared" si="3"/>
        <v>0.48546600000000062</v>
      </c>
      <c r="E99">
        <f t="shared" si="4"/>
        <v>3.1893509999999878</v>
      </c>
      <c r="F99">
        <f t="shared" si="5"/>
        <v>1.1856968382429941E-2</v>
      </c>
    </row>
    <row r="100" spans="1:6" x14ac:dyDescent="0.2">
      <c r="A100">
        <v>554.99551099999996</v>
      </c>
      <c r="B100">
        <v>19.897836000000002</v>
      </c>
      <c r="C100">
        <v>7.8559619999999999</v>
      </c>
      <c r="D100">
        <f t="shared" si="3"/>
        <v>0.49047100000000032</v>
      </c>
      <c r="E100">
        <f t="shared" si="4"/>
        <v>4.1082269999999426</v>
      </c>
      <c r="F100">
        <f t="shared" si="5"/>
        <v>1.5092167900874812E-2</v>
      </c>
    </row>
    <row r="101" spans="1:6" x14ac:dyDescent="0.2">
      <c r="A101">
        <v>555.53170799999998</v>
      </c>
      <c r="B101">
        <v>19.961200999999999</v>
      </c>
      <c r="C101">
        <v>7.8609660000000003</v>
      </c>
      <c r="D101">
        <f t="shared" si="3"/>
        <v>0.49547500000000078</v>
      </c>
      <c r="E101">
        <f t="shared" si="4"/>
        <v>4.6444239999999581</v>
      </c>
      <c r="F101">
        <f t="shared" si="5"/>
        <v>1.6873347942562268E-2</v>
      </c>
    </row>
    <row r="102" spans="1:6" x14ac:dyDescent="0.2">
      <c r="A102">
        <v>555.17157499999996</v>
      </c>
      <c r="B102">
        <v>20.045998999999998</v>
      </c>
      <c r="C102">
        <v>7.865971</v>
      </c>
      <c r="D102">
        <f t="shared" si="3"/>
        <v>0.50048000000000048</v>
      </c>
      <c r="E102">
        <f t="shared" si="4"/>
        <v>4.2842909999999392</v>
      </c>
      <c r="F102">
        <f t="shared" si="5"/>
        <v>1.541931258009991E-2</v>
      </c>
    </row>
    <row r="103" spans="1:6" x14ac:dyDescent="0.2">
      <c r="A103">
        <v>554.85754099999997</v>
      </c>
      <c r="B103">
        <v>20.022545999999998</v>
      </c>
      <c r="C103">
        <v>7.8709759999999998</v>
      </c>
      <c r="D103">
        <f t="shared" si="3"/>
        <v>0.50548500000000018</v>
      </c>
      <c r="E103">
        <f t="shared" si="4"/>
        <v>3.9702569999999469</v>
      </c>
      <c r="F103">
        <f t="shared" si="5"/>
        <v>1.415561866028554E-2</v>
      </c>
    </row>
    <row r="104" spans="1:6" x14ac:dyDescent="0.2">
      <c r="A104">
        <v>555.02004999999997</v>
      </c>
      <c r="B104">
        <v>19.978189</v>
      </c>
      <c r="C104">
        <v>7.8759810000000003</v>
      </c>
      <c r="D104">
        <f t="shared" si="3"/>
        <v>0.51049000000000078</v>
      </c>
      <c r="E104">
        <f t="shared" si="4"/>
        <v>4.1327659999999469</v>
      </c>
      <c r="F104">
        <f t="shared" si="5"/>
        <v>1.4586292041854295E-2</v>
      </c>
    </row>
    <row r="105" spans="1:6" x14ac:dyDescent="0.2">
      <c r="A105">
        <v>555.19841499999995</v>
      </c>
      <c r="B105">
        <v>19.990341999999998</v>
      </c>
      <c r="C105">
        <v>7.880986</v>
      </c>
      <c r="D105">
        <f t="shared" si="3"/>
        <v>0.51549500000000048</v>
      </c>
      <c r="E105">
        <f t="shared" si="4"/>
        <v>4.3111309999999321</v>
      </c>
      <c r="F105">
        <f t="shared" si="5"/>
        <v>1.5063245174578115E-2</v>
      </c>
    </row>
    <row r="106" spans="1:6" x14ac:dyDescent="0.2">
      <c r="A106">
        <v>555.119643</v>
      </c>
      <c r="B106">
        <v>20.018181999999999</v>
      </c>
      <c r="C106">
        <v>7.8859899999999996</v>
      </c>
      <c r="D106">
        <f t="shared" si="3"/>
        <v>0.52049900000000004</v>
      </c>
      <c r="E106">
        <f t="shared" si="4"/>
        <v>4.232358999999974</v>
      </c>
      <c r="F106">
        <f t="shared" si="5"/>
        <v>1.4647921503151489E-2</v>
      </c>
    </row>
    <row r="107" spans="1:6" x14ac:dyDescent="0.2">
      <c r="A107">
        <v>554.55008999999995</v>
      </c>
      <c r="B107">
        <v>20.051891000000001</v>
      </c>
      <c r="C107">
        <v>7.8909950000000002</v>
      </c>
      <c r="D107">
        <f t="shared" si="3"/>
        <v>0.52550400000000064</v>
      </c>
      <c r="E107">
        <f t="shared" si="4"/>
        <v>3.6628059999999323</v>
      </c>
      <c r="F107">
        <f t="shared" si="5"/>
        <v>1.2568895362654828E-2</v>
      </c>
    </row>
    <row r="108" spans="1:6" x14ac:dyDescent="0.2">
      <c r="A108">
        <v>554.17572199999995</v>
      </c>
      <c r="B108">
        <v>20.04214</v>
      </c>
      <c r="C108">
        <v>7.8959999999999999</v>
      </c>
      <c r="D108">
        <f t="shared" si="3"/>
        <v>0.53050900000000034</v>
      </c>
      <c r="E108">
        <f t="shared" si="4"/>
        <v>3.2884379999999283</v>
      </c>
      <c r="F108">
        <f t="shared" si="5"/>
        <v>1.1185345574930087E-2</v>
      </c>
    </row>
    <row r="109" spans="1:6" x14ac:dyDescent="0.2">
      <c r="A109">
        <v>554.18887500000005</v>
      </c>
      <c r="B109">
        <v>20.001290999999998</v>
      </c>
      <c r="C109">
        <v>7.9010049999999996</v>
      </c>
      <c r="D109">
        <f t="shared" si="3"/>
        <v>0.53551400000000005</v>
      </c>
      <c r="E109">
        <f t="shared" si="4"/>
        <v>3.3015910000000304</v>
      </c>
      <c r="F109">
        <f t="shared" si="5"/>
        <v>1.1124862182458556E-2</v>
      </c>
    </row>
    <row r="110" spans="1:6" x14ac:dyDescent="0.2">
      <c r="A110">
        <v>553.67133000000001</v>
      </c>
      <c r="B110">
        <v>20.083487999999999</v>
      </c>
      <c r="C110">
        <v>7.9060100000000002</v>
      </c>
      <c r="D110">
        <f t="shared" si="3"/>
        <v>0.54051900000000064</v>
      </c>
      <c r="E110">
        <f t="shared" si="4"/>
        <v>2.7840459999999894</v>
      </c>
      <c r="F110">
        <f t="shared" si="5"/>
        <v>9.3027940511397293E-3</v>
      </c>
    </row>
    <row r="111" spans="1:6" x14ac:dyDescent="0.2">
      <c r="A111">
        <v>552.922459</v>
      </c>
      <c r="B111">
        <v>20.075137999999999</v>
      </c>
      <c r="C111">
        <v>7.9110139999999998</v>
      </c>
      <c r="D111">
        <f t="shared" si="3"/>
        <v>0.5455230000000002</v>
      </c>
      <c r="E111">
        <f t="shared" si="4"/>
        <v>2.0351749999999811</v>
      </c>
      <c r="F111">
        <f t="shared" si="5"/>
        <v>6.7472136551030397E-3</v>
      </c>
    </row>
    <row r="112" spans="1:6" x14ac:dyDescent="0.2">
      <c r="A112">
        <v>552.61109799999997</v>
      </c>
      <c r="B112">
        <v>20.006091999999999</v>
      </c>
      <c r="C112">
        <v>7.9160190000000004</v>
      </c>
      <c r="D112">
        <f t="shared" si="3"/>
        <v>0.55052800000000079</v>
      </c>
      <c r="E112">
        <f t="shared" si="4"/>
        <v>1.7238139999999476</v>
      </c>
      <c r="F112">
        <f t="shared" si="5"/>
        <v>5.6661933334181628E-3</v>
      </c>
    </row>
    <row r="113" spans="1:6" x14ac:dyDescent="0.2">
      <c r="A113">
        <v>552.74435300000005</v>
      </c>
      <c r="B113">
        <v>19.987411999999999</v>
      </c>
      <c r="C113">
        <v>7.9210240000000001</v>
      </c>
      <c r="D113">
        <f t="shared" si="3"/>
        <v>0.5555330000000005</v>
      </c>
      <c r="E113">
        <f t="shared" si="4"/>
        <v>1.8570690000000241</v>
      </c>
      <c r="F113">
        <f t="shared" si="5"/>
        <v>6.0477504690360836E-3</v>
      </c>
    </row>
    <row r="114" spans="1:6" x14ac:dyDescent="0.2">
      <c r="A114">
        <v>552.63880300000005</v>
      </c>
      <c r="B114">
        <v>20.034963999999999</v>
      </c>
      <c r="C114">
        <v>7.9260289999999998</v>
      </c>
      <c r="D114">
        <f t="shared" si="3"/>
        <v>0.5605380000000002</v>
      </c>
      <c r="E114">
        <f t="shared" si="4"/>
        <v>1.7515190000000302</v>
      </c>
      <c r="F114">
        <f t="shared" si="5"/>
        <v>5.6541642189751303E-3</v>
      </c>
    </row>
    <row r="115" spans="1:6" x14ac:dyDescent="0.2">
      <c r="A115">
        <v>551.73854400000005</v>
      </c>
      <c r="B115">
        <v>20.114820000000002</v>
      </c>
      <c r="C115">
        <v>7.9310340000000004</v>
      </c>
      <c r="D115">
        <f t="shared" si="3"/>
        <v>0.5655430000000008</v>
      </c>
      <c r="E115">
        <f t="shared" si="4"/>
        <v>0.85126000000002477</v>
      </c>
      <c r="F115">
        <f t="shared" si="5"/>
        <v>2.728118753413224E-3</v>
      </c>
    </row>
    <row r="116" spans="1:6" x14ac:dyDescent="0.2">
      <c r="A116">
        <v>551.184887</v>
      </c>
      <c r="B116">
        <v>20.031685</v>
      </c>
      <c r="C116">
        <v>7.9360379999999999</v>
      </c>
      <c r="D116">
        <f t="shared" si="3"/>
        <v>0.57054700000000036</v>
      </c>
      <c r="E116">
        <f t="shared" si="4"/>
        <v>0.29760299999998097</v>
      </c>
      <c r="F116">
        <f t="shared" si="5"/>
        <v>9.4634300771671007E-4</v>
      </c>
    </row>
    <row r="117" spans="1:6" x14ac:dyDescent="0.2">
      <c r="A117">
        <v>551.74065299999995</v>
      </c>
      <c r="B117">
        <v>19.926635000000001</v>
      </c>
      <c r="C117">
        <v>7.9410429999999996</v>
      </c>
      <c r="D117">
        <f t="shared" si="3"/>
        <v>0.57555200000000006</v>
      </c>
      <c r="E117">
        <f t="shared" si="4"/>
        <v>0.85336899999992966</v>
      </c>
      <c r="F117">
        <f t="shared" si="5"/>
        <v>2.6873071672191512E-3</v>
      </c>
    </row>
    <row r="118" spans="1:6" x14ac:dyDescent="0.2">
      <c r="A118">
        <v>551.91905999999994</v>
      </c>
      <c r="B118">
        <v>19.981238000000001</v>
      </c>
      <c r="C118">
        <v>7.9460480000000002</v>
      </c>
      <c r="D118">
        <f t="shared" si="3"/>
        <v>0.58055700000000066</v>
      </c>
      <c r="E118">
        <f t="shared" si="4"/>
        <v>1.0317759999999225</v>
      </c>
      <c r="F118">
        <f t="shared" si="5"/>
        <v>3.2200688927046172E-3</v>
      </c>
    </row>
    <row r="119" spans="1:6" x14ac:dyDescent="0.2">
      <c r="A119">
        <v>551.64784599999996</v>
      </c>
      <c r="B119">
        <v>20.058367000000001</v>
      </c>
      <c r="C119">
        <v>7.9510529999999999</v>
      </c>
      <c r="D119">
        <f t="shared" si="3"/>
        <v>0.58556200000000036</v>
      </c>
      <c r="E119">
        <f t="shared" si="4"/>
        <v>0.76056199999993623</v>
      </c>
      <c r="F119">
        <f t="shared" si="5"/>
        <v>2.3545060501050361E-3</v>
      </c>
    </row>
    <row r="120" spans="1:6" x14ac:dyDescent="0.2">
      <c r="A120">
        <v>551.20983100000001</v>
      </c>
      <c r="B120">
        <v>20.028499</v>
      </c>
      <c r="C120">
        <v>7.9560579999999996</v>
      </c>
      <c r="D120">
        <f t="shared" si="3"/>
        <v>0.59056700000000006</v>
      </c>
      <c r="E120">
        <f t="shared" si="4"/>
        <v>0.32254699999998593</v>
      </c>
      <c r="F120">
        <f t="shared" si="5"/>
        <v>9.908476337171894E-4</v>
      </c>
    </row>
    <row r="121" spans="1:6" x14ac:dyDescent="0.2">
      <c r="A121">
        <v>551.52689299999997</v>
      </c>
      <c r="B121">
        <v>19.949569</v>
      </c>
      <c r="C121">
        <v>7.9610620000000001</v>
      </c>
      <c r="D121">
        <f t="shared" si="3"/>
        <v>0.59557100000000052</v>
      </c>
      <c r="E121">
        <f t="shared" si="4"/>
        <v>0.63960899999995036</v>
      </c>
      <c r="F121">
        <f t="shared" si="5"/>
        <v>1.9472168974481088E-3</v>
      </c>
    </row>
    <row r="122" spans="1:6" x14ac:dyDescent="0.2">
      <c r="A122">
        <v>551.77541099999996</v>
      </c>
      <c r="B122">
        <v>19.997716</v>
      </c>
      <c r="C122">
        <v>7.9660669999999998</v>
      </c>
      <c r="D122">
        <f t="shared" si="3"/>
        <v>0.60057600000000022</v>
      </c>
      <c r="E122">
        <f t="shared" si="4"/>
        <v>0.88812699999994038</v>
      </c>
      <c r="F122">
        <f t="shared" si="5"/>
        <v>2.680061483061083E-3</v>
      </c>
    </row>
    <row r="123" spans="1:6" x14ac:dyDescent="0.2">
      <c r="A123">
        <v>551.84828900000002</v>
      </c>
      <c r="B123">
        <v>19.990168000000001</v>
      </c>
      <c r="C123">
        <v>7.9710720000000004</v>
      </c>
      <c r="D123">
        <f t="shared" si="3"/>
        <v>0.60558100000000081</v>
      </c>
      <c r="E123">
        <f t="shared" si="4"/>
        <v>0.96100500000000011</v>
      </c>
      <c r="F123">
        <f t="shared" si="5"/>
        <v>2.8756346373975564E-3</v>
      </c>
    </row>
    <row r="124" spans="1:6" x14ac:dyDescent="0.2">
      <c r="A124">
        <v>551.65270199999998</v>
      </c>
      <c r="B124">
        <v>20.020341999999999</v>
      </c>
      <c r="C124">
        <v>7.9760770000000001</v>
      </c>
      <c r="D124">
        <f t="shared" si="3"/>
        <v>0.61058600000000052</v>
      </c>
      <c r="E124">
        <f t="shared" si="4"/>
        <v>0.76541799999995419</v>
      </c>
      <c r="F124">
        <f t="shared" si="5"/>
        <v>2.2724067947438912E-3</v>
      </c>
    </row>
    <row r="125" spans="1:6" x14ac:dyDescent="0.2">
      <c r="A125">
        <v>552.12482299999999</v>
      </c>
      <c r="B125">
        <v>19.920458</v>
      </c>
      <c r="C125">
        <v>7.9810819999999998</v>
      </c>
      <c r="D125">
        <f t="shared" si="3"/>
        <v>0.61559100000000022</v>
      </c>
      <c r="E125">
        <f t="shared" si="4"/>
        <v>1.2375389999999697</v>
      </c>
      <c r="F125">
        <f t="shared" si="5"/>
        <v>3.6410727754868288E-3</v>
      </c>
    </row>
    <row r="126" spans="1:6" x14ac:dyDescent="0.2">
      <c r="A126">
        <v>552.83022300000005</v>
      </c>
      <c r="B126">
        <v>19.937062999999998</v>
      </c>
      <c r="C126">
        <v>7.9860860000000002</v>
      </c>
      <c r="D126">
        <f t="shared" si="3"/>
        <v>0.62059500000000067</v>
      </c>
      <c r="E126">
        <f t="shared" si="4"/>
        <v>1.942939000000024</v>
      </c>
      <c r="F126">
        <f t="shared" si="5"/>
        <v>5.6631637037674494E-3</v>
      </c>
    </row>
    <row r="127" spans="1:6" x14ac:dyDescent="0.2">
      <c r="A127">
        <v>553.51708099999996</v>
      </c>
      <c r="B127">
        <v>19.907605</v>
      </c>
      <c r="C127">
        <v>7.9910909999999999</v>
      </c>
      <c r="D127">
        <f t="shared" si="3"/>
        <v>0.62560000000000038</v>
      </c>
      <c r="E127">
        <f t="shared" si="4"/>
        <v>2.6297969999999395</v>
      </c>
      <c r="F127">
        <f t="shared" si="5"/>
        <v>7.5944173182295243E-3</v>
      </c>
    </row>
    <row r="128" spans="1:6" x14ac:dyDescent="0.2">
      <c r="A128">
        <v>554.39832100000001</v>
      </c>
      <c r="B128">
        <v>19.900006000000001</v>
      </c>
      <c r="C128">
        <v>7.9960959999999996</v>
      </c>
      <c r="D128">
        <f t="shared" si="3"/>
        <v>0.63060500000000008</v>
      </c>
      <c r="E128">
        <f t="shared" si="4"/>
        <v>3.5110369999999875</v>
      </c>
      <c r="F128">
        <f t="shared" si="5"/>
        <v>1.0042829507302354E-2</v>
      </c>
    </row>
    <row r="129" spans="1:6" x14ac:dyDescent="0.2">
      <c r="A129">
        <v>554.96474899999998</v>
      </c>
      <c r="B129">
        <v>19.940787</v>
      </c>
      <c r="C129">
        <v>8.0011010000000002</v>
      </c>
      <c r="D129">
        <f t="shared" si="3"/>
        <v>0.63561000000000067</v>
      </c>
      <c r="E129">
        <f t="shared" si="4"/>
        <v>4.077464999999961</v>
      </c>
      <c r="F129">
        <f t="shared" si="5"/>
        <v>1.155936886882291E-2</v>
      </c>
    </row>
    <row r="130" spans="1:6" x14ac:dyDescent="0.2">
      <c r="A130">
        <v>555.35325899999998</v>
      </c>
      <c r="B130">
        <v>19.950785</v>
      </c>
      <c r="C130">
        <v>8.0061060000000008</v>
      </c>
      <c r="D130">
        <f t="shared" si="3"/>
        <v>0.64061500000000127</v>
      </c>
      <c r="E130">
        <f t="shared" si="4"/>
        <v>4.4659749999999576</v>
      </c>
      <c r="F130">
        <f t="shared" si="5"/>
        <v>1.2553067362892916E-2</v>
      </c>
    </row>
    <row r="131" spans="1:6" x14ac:dyDescent="0.2">
      <c r="A131">
        <v>556.23735799999997</v>
      </c>
      <c r="B131">
        <v>19.901994999999999</v>
      </c>
      <c r="C131">
        <v>8.0111100000000004</v>
      </c>
      <c r="D131">
        <f t="shared" ref="D131:D194" si="6">C131-$C$2</f>
        <v>0.64561900000000083</v>
      </c>
      <c r="E131">
        <f t="shared" ref="E131:E194" si="7">A131-$A$2</f>
        <v>5.3500739999999496</v>
      </c>
      <c r="F131">
        <f t="shared" ref="F131:F194" si="8">(1/A131)*(E131/D131)</f>
        <v>1.489784092382917E-2</v>
      </c>
    </row>
    <row r="132" spans="1:6" x14ac:dyDescent="0.2">
      <c r="A132">
        <v>556.19943699999999</v>
      </c>
      <c r="B132">
        <v>20.030182</v>
      </c>
      <c r="C132">
        <v>8.0161149999999992</v>
      </c>
      <c r="D132">
        <f t="shared" si="6"/>
        <v>0.65062399999999965</v>
      </c>
      <c r="E132">
        <f t="shared" si="7"/>
        <v>5.3121529999999666</v>
      </c>
      <c r="F132">
        <f t="shared" si="8"/>
        <v>1.4679455635912978E-2</v>
      </c>
    </row>
    <row r="133" spans="1:6" x14ac:dyDescent="0.2">
      <c r="A133">
        <v>556.09712300000001</v>
      </c>
      <c r="B133">
        <v>20.004200000000001</v>
      </c>
      <c r="C133">
        <v>8.0211199999999998</v>
      </c>
      <c r="D133">
        <f t="shared" si="6"/>
        <v>0.65562900000000024</v>
      </c>
      <c r="E133">
        <f t="shared" si="7"/>
        <v>5.2098389999999881</v>
      </c>
      <c r="F133">
        <f t="shared" si="8"/>
        <v>1.4289449536484073E-2</v>
      </c>
    </row>
    <row r="134" spans="1:6" x14ac:dyDescent="0.2">
      <c r="A134">
        <v>556.02472699999998</v>
      </c>
      <c r="B134">
        <v>20.002029</v>
      </c>
      <c r="C134">
        <v>8.0261250000000004</v>
      </c>
      <c r="D134">
        <f t="shared" si="6"/>
        <v>0.66063400000000083</v>
      </c>
      <c r="E134">
        <f t="shared" si="7"/>
        <v>5.137442999999962</v>
      </c>
      <c r="F134">
        <f t="shared" si="8"/>
        <v>1.3985950591399345E-2</v>
      </c>
    </row>
    <row r="135" spans="1:6" x14ac:dyDescent="0.2">
      <c r="A135">
        <v>556.63075700000002</v>
      </c>
      <c r="B135">
        <v>19.914345999999998</v>
      </c>
      <c r="C135">
        <v>8.0311299999999992</v>
      </c>
      <c r="D135">
        <f t="shared" si="6"/>
        <v>0.66563899999999965</v>
      </c>
      <c r="E135">
        <f t="shared" si="7"/>
        <v>5.7434729999999945</v>
      </c>
      <c r="F135">
        <f t="shared" si="8"/>
        <v>1.5501317956640547E-2</v>
      </c>
    </row>
    <row r="136" spans="1:6" x14ac:dyDescent="0.2">
      <c r="A136">
        <v>556.41005500000006</v>
      </c>
      <c r="B136">
        <v>20.066701999999999</v>
      </c>
      <c r="C136">
        <v>8.0361340000000006</v>
      </c>
      <c r="D136">
        <f t="shared" si="6"/>
        <v>0.67064300000000099</v>
      </c>
      <c r="E136">
        <f t="shared" si="7"/>
        <v>5.5227710000000343</v>
      </c>
      <c r="F136">
        <f t="shared" si="8"/>
        <v>1.4800305167378016E-2</v>
      </c>
    </row>
    <row r="137" spans="1:6" x14ac:dyDescent="0.2">
      <c r="A137">
        <v>555.66158800000005</v>
      </c>
      <c r="B137">
        <v>20.093595000000001</v>
      </c>
      <c r="C137">
        <v>8.0411389999999994</v>
      </c>
      <c r="D137">
        <f t="shared" si="6"/>
        <v>0.6756479999999998</v>
      </c>
      <c r="E137">
        <f t="shared" si="7"/>
        <v>4.7743040000000292</v>
      </c>
      <c r="F137">
        <f t="shared" si="8"/>
        <v>1.2716839721487431E-2</v>
      </c>
    </row>
    <row r="138" spans="1:6" x14ac:dyDescent="0.2">
      <c r="A138">
        <v>554.972801</v>
      </c>
      <c r="B138">
        <v>20.053871999999998</v>
      </c>
      <c r="C138">
        <v>8.046144</v>
      </c>
      <c r="D138">
        <f t="shared" si="6"/>
        <v>0.6806530000000004</v>
      </c>
      <c r="E138">
        <f t="shared" si="7"/>
        <v>4.0855169999999816</v>
      </c>
      <c r="F138">
        <f t="shared" si="8"/>
        <v>1.0815573671062114E-2</v>
      </c>
    </row>
    <row r="139" spans="1:6" x14ac:dyDescent="0.2">
      <c r="A139">
        <v>554.91347699999994</v>
      </c>
      <c r="B139">
        <v>20.000971</v>
      </c>
      <c r="C139">
        <v>8.0511490000000006</v>
      </c>
      <c r="D139">
        <f t="shared" si="6"/>
        <v>0.68565800000000099</v>
      </c>
      <c r="E139">
        <f t="shared" si="7"/>
        <v>4.0261929999999211</v>
      </c>
      <c r="F139">
        <f t="shared" si="8"/>
        <v>1.0581854101861708E-2</v>
      </c>
    </row>
    <row r="140" spans="1:6" x14ac:dyDescent="0.2">
      <c r="A140">
        <v>554.70662300000004</v>
      </c>
      <c r="B140">
        <v>20.048635000000001</v>
      </c>
      <c r="C140">
        <v>8.0561539999999994</v>
      </c>
      <c r="D140">
        <f t="shared" si="6"/>
        <v>0.6906629999999998</v>
      </c>
      <c r="E140">
        <f t="shared" si="7"/>
        <v>3.8193390000000136</v>
      </c>
      <c r="F140">
        <f t="shared" si="8"/>
        <v>9.9691622799563655E-3</v>
      </c>
    </row>
    <row r="141" spans="1:6" x14ac:dyDescent="0.2">
      <c r="A141">
        <v>553.92698399999995</v>
      </c>
      <c r="B141">
        <v>20.080864999999999</v>
      </c>
      <c r="C141">
        <v>8.0611580000000007</v>
      </c>
      <c r="D141">
        <f t="shared" si="6"/>
        <v>0.69566700000000115</v>
      </c>
      <c r="E141">
        <f t="shared" si="7"/>
        <v>3.0396999999999252</v>
      </c>
      <c r="F141">
        <f t="shared" si="8"/>
        <v>7.8881797633289091E-3</v>
      </c>
    </row>
    <row r="142" spans="1:6" x14ac:dyDescent="0.2">
      <c r="A142">
        <v>553.10964300000001</v>
      </c>
      <c r="B142">
        <v>20.091868000000002</v>
      </c>
      <c r="C142">
        <v>8.0661629999999995</v>
      </c>
      <c r="D142">
        <f t="shared" si="6"/>
        <v>0.70067199999999996</v>
      </c>
      <c r="E142">
        <f t="shared" si="7"/>
        <v>2.2223589999999831</v>
      </c>
      <c r="F142">
        <f t="shared" si="8"/>
        <v>5.7344031658623142E-3</v>
      </c>
    </row>
    <row r="143" spans="1:6" x14ac:dyDescent="0.2">
      <c r="A143">
        <v>552.67478900000003</v>
      </c>
      <c r="B143">
        <v>20.038335</v>
      </c>
      <c r="C143">
        <v>8.0711680000000001</v>
      </c>
      <c r="D143">
        <f t="shared" si="6"/>
        <v>0.70567700000000055</v>
      </c>
      <c r="E143">
        <f t="shared" si="7"/>
        <v>1.7875050000000101</v>
      </c>
      <c r="F143">
        <f t="shared" si="8"/>
        <v>4.5832299621840064E-3</v>
      </c>
    </row>
    <row r="144" spans="1:6" x14ac:dyDescent="0.2">
      <c r="A144">
        <v>552.60486200000003</v>
      </c>
      <c r="B144">
        <v>20.013451</v>
      </c>
      <c r="C144">
        <v>8.0761730000000007</v>
      </c>
      <c r="D144">
        <f t="shared" si="6"/>
        <v>0.71068200000000115</v>
      </c>
      <c r="E144">
        <f t="shared" si="7"/>
        <v>1.7175780000000032</v>
      </c>
      <c r="F144">
        <f t="shared" si="8"/>
        <v>4.3734730146646186E-3</v>
      </c>
    </row>
    <row r="145" spans="1:6" x14ac:dyDescent="0.2">
      <c r="A145">
        <v>552.020083</v>
      </c>
      <c r="B145">
        <v>20.073056000000001</v>
      </c>
      <c r="C145">
        <v>8.0811779999999995</v>
      </c>
      <c r="D145">
        <f t="shared" si="6"/>
        <v>0.71568699999999996</v>
      </c>
      <c r="E145">
        <f t="shared" si="7"/>
        <v>1.1327989999999772</v>
      </c>
      <c r="F145">
        <f t="shared" si="8"/>
        <v>2.8673113267874461E-3</v>
      </c>
    </row>
    <row r="146" spans="1:6" x14ac:dyDescent="0.2">
      <c r="A146">
        <v>551.11434499999996</v>
      </c>
      <c r="B146">
        <v>20.099551000000002</v>
      </c>
      <c r="C146">
        <v>8.0861820000000009</v>
      </c>
      <c r="D146">
        <f t="shared" si="6"/>
        <v>0.7206910000000013</v>
      </c>
      <c r="E146">
        <f t="shared" si="7"/>
        <v>0.22706099999993512</v>
      </c>
      <c r="F146">
        <f t="shared" si="8"/>
        <v>5.7167833254641873E-4</v>
      </c>
    </row>
    <row r="147" spans="1:6" x14ac:dyDescent="0.2">
      <c r="A147">
        <v>550.67275199999995</v>
      </c>
      <c r="B147">
        <v>20.024645</v>
      </c>
      <c r="C147">
        <v>8.0911869999999997</v>
      </c>
      <c r="D147">
        <f t="shared" si="6"/>
        <v>0.72569600000000012</v>
      </c>
      <c r="E147">
        <f t="shared" si="7"/>
        <v>-0.21453200000007655</v>
      </c>
      <c r="F147">
        <f t="shared" si="8"/>
        <v>-5.3683863657675408E-4</v>
      </c>
    </row>
    <row r="148" spans="1:6" x14ac:dyDescent="0.2">
      <c r="A148">
        <v>550.65726800000004</v>
      </c>
      <c r="B148">
        <v>19.999005</v>
      </c>
      <c r="C148">
        <v>8.0961920000000003</v>
      </c>
      <c r="D148">
        <f t="shared" si="6"/>
        <v>0.73070100000000071</v>
      </c>
      <c r="E148">
        <f t="shared" si="7"/>
        <v>-0.23001599999997779</v>
      </c>
      <c r="F148">
        <f t="shared" si="8"/>
        <v>-5.7165890001939013E-4</v>
      </c>
    </row>
    <row r="149" spans="1:6" x14ac:dyDescent="0.2">
      <c r="A149">
        <v>550.80224099999998</v>
      </c>
      <c r="B149">
        <v>19.979184</v>
      </c>
      <c r="C149">
        <v>8.1011970000000009</v>
      </c>
      <c r="D149">
        <f t="shared" si="6"/>
        <v>0.7357060000000013</v>
      </c>
      <c r="E149">
        <f t="shared" si="7"/>
        <v>-8.5043000000041502E-2</v>
      </c>
      <c r="F149">
        <f t="shared" si="8"/>
        <v>-2.0986430412292057E-4</v>
      </c>
    </row>
    <row r="150" spans="1:6" x14ac:dyDescent="0.2">
      <c r="A150">
        <v>550.68950299999995</v>
      </c>
      <c r="B150">
        <v>20.027152999999998</v>
      </c>
      <c r="C150">
        <v>8.1062019999999997</v>
      </c>
      <c r="D150">
        <f t="shared" si="6"/>
        <v>0.74071100000000012</v>
      </c>
      <c r="E150">
        <f t="shared" si="7"/>
        <v>-0.19778100000007726</v>
      </c>
      <c r="F150">
        <f t="shared" si="8"/>
        <v>-4.8487408821226626E-4</v>
      </c>
    </row>
    <row r="151" spans="1:6" x14ac:dyDescent="0.2">
      <c r="A151">
        <v>550.748561</v>
      </c>
      <c r="B151">
        <v>19.975432999999999</v>
      </c>
      <c r="C151">
        <v>8.1112059999999992</v>
      </c>
      <c r="D151">
        <f t="shared" si="6"/>
        <v>0.74571499999999968</v>
      </c>
      <c r="E151">
        <f t="shared" si="7"/>
        <v>-0.13872300000002724</v>
      </c>
      <c r="F151">
        <f t="shared" si="8"/>
        <v>-3.3777089307305072E-4</v>
      </c>
    </row>
    <row r="152" spans="1:6" x14ac:dyDescent="0.2">
      <c r="A152">
        <v>551.62667499999998</v>
      </c>
      <c r="B152">
        <v>19.898927</v>
      </c>
      <c r="C152">
        <v>8.1162109999999998</v>
      </c>
      <c r="D152">
        <f t="shared" si="6"/>
        <v>0.75072000000000028</v>
      </c>
      <c r="E152">
        <f t="shared" si="7"/>
        <v>0.73939099999995506</v>
      </c>
      <c r="F152">
        <f t="shared" si="8"/>
        <v>1.785463246277716E-3</v>
      </c>
    </row>
    <row r="153" spans="1:6" x14ac:dyDescent="0.2">
      <c r="A153">
        <v>552.42992200000003</v>
      </c>
      <c r="B153">
        <v>19.919734999999999</v>
      </c>
      <c r="C153">
        <v>8.1212160000000004</v>
      </c>
      <c r="D153">
        <f t="shared" si="6"/>
        <v>0.75572500000000087</v>
      </c>
      <c r="E153">
        <f t="shared" si="7"/>
        <v>1.5426380000000108</v>
      </c>
      <c r="F153">
        <f t="shared" si="8"/>
        <v>3.69507316462565E-3</v>
      </c>
    </row>
    <row r="154" spans="1:6" x14ac:dyDescent="0.2">
      <c r="A154">
        <v>552.78855899999996</v>
      </c>
      <c r="B154">
        <v>19.946752</v>
      </c>
      <c r="C154">
        <v>8.1262209999999993</v>
      </c>
      <c r="D154">
        <f t="shared" si="6"/>
        <v>0.76072999999999968</v>
      </c>
      <c r="E154">
        <f t="shared" si="7"/>
        <v>1.9012749999999414</v>
      </c>
      <c r="F154">
        <f t="shared" si="8"/>
        <v>4.5212169636095678E-3</v>
      </c>
    </row>
    <row r="155" spans="1:6" x14ac:dyDescent="0.2">
      <c r="A155">
        <v>553.28976699999998</v>
      </c>
      <c r="B155">
        <v>19.947220000000002</v>
      </c>
      <c r="C155">
        <v>8.1312259999999998</v>
      </c>
      <c r="D155">
        <f t="shared" si="6"/>
        <v>0.76573500000000028</v>
      </c>
      <c r="E155">
        <f t="shared" si="7"/>
        <v>2.4024829999999611</v>
      </c>
      <c r="F155">
        <f t="shared" si="8"/>
        <v>5.6706022652022103E-3</v>
      </c>
    </row>
    <row r="156" spans="1:6" x14ac:dyDescent="0.2">
      <c r="A156">
        <v>554.25537699999995</v>
      </c>
      <c r="B156">
        <v>19.880655999999998</v>
      </c>
      <c r="C156">
        <v>8.1362299999999994</v>
      </c>
      <c r="D156">
        <f t="shared" si="6"/>
        <v>0.77073899999999984</v>
      </c>
      <c r="E156">
        <f t="shared" si="7"/>
        <v>3.3680929999999307</v>
      </c>
      <c r="F156">
        <f t="shared" si="8"/>
        <v>7.8843668731336351E-3</v>
      </c>
    </row>
    <row r="157" spans="1:6" x14ac:dyDescent="0.2">
      <c r="A157">
        <v>555.26929800000005</v>
      </c>
      <c r="B157">
        <v>19.903843999999999</v>
      </c>
      <c r="C157">
        <v>8.141235</v>
      </c>
      <c r="D157">
        <f t="shared" si="6"/>
        <v>0.77574400000000043</v>
      </c>
      <c r="E157">
        <f t="shared" si="7"/>
        <v>4.3820140000000265</v>
      </c>
      <c r="F157">
        <f t="shared" si="8"/>
        <v>1.017306160456688E-2</v>
      </c>
    </row>
    <row r="158" spans="1:6" x14ac:dyDescent="0.2">
      <c r="A158">
        <v>555.68084099999999</v>
      </c>
      <c r="B158">
        <v>19.954754000000001</v>
      </c>
      <c r="C158">
        <v>8.1462400000000006</v>
      </c>
      <c r="D158">
        <f t="shared" si="6"/>
        <v>0.78074900000000103</v>
      </c>
      <c r="E158">
        <f t="shared" si="7"/>
        <v>4.7935569999999643</v>
      </c>
      <c r="F158">
        <f t="shared" si="8"/>
        <v>1.1048950706120489E-2</v>
      </c>
    </row>
    <row r="159" spans="1:6" x14ac:dyDescent="0.2">
      <c r="A159">
        <v>556.20155299999999</v>
      </c>
      <c r="B159">
        <v>19.931280000000001</v>
      </c>
      <c r="C159">
        <v>8.1512449999999994</v>
      </c>
      <c r="D159">
        <f t="shared" si="6"/>
        <v>0.78575399999999984</v>
      </c>
      <c r="E159">
        <f t="shared" si="7"/>
        <v>5.3142689999999675</v>
      </c>
      <c r="F159">
        <f t="shared" si="8"/>
        <v>1.2159752524439665E-2</v>
      </c>
    </row>
    <row r="160" spans="1:6" x14ac:dyDescent="0.2">
      <c r="A160">
        <v>556.86387100000002</v>
      </c>
      <c r="B160">
        <v>19.912495</v>
      </c>
      <c r="C160">
        <v>8.15625</v>
      </c>
      <c r="D160">
        <f t="shared" si="6"/>
        <v>0.79075900000000043</v>
      </c>
      <c r="E160">
        <f t="shared" si="7"/>
        <v>5.976586999999995</v>
      </c>
      <c r="F160">
        <f t="shared" si="8"/>
        <v>1.3572506560973398E-2</v>
      </c>
    </row>
    <row r="161" spans="1:6" x14ac:dyDescent="0.2">
      <c r="A161">
        <v>557.64921500000003</v>
      </c>
      <c r="B161">
        <v>19.927053999999998</v>
      </c>
      <c r="C161">
        <v>8.1612539999999996</v>
      </c>
      <c r="D161">
        <f t="shared" si="6"/>
        <v>0.795763</v>
      </c>
      <c r="E161">
        <f t="shared" si="7"/>
        <v>6.7619310000000041</v>
      </c>
      <c r="F161">
        <f t="shared" si="8"/>
        <v>1.5237927307308831E-2</v>
      </c>
    </row>
    <row r="162" spans="1:6" x14ac:dyDescent="0.2">
      <c r="A162">
        <v>558.00232800000003</v>
      </c>
      <c r="B162">
        <v>19.97824</v>
      </c>
      <c r="C162">
        <v>8.1662590000000002</v>
      </c>
      <c r="D162">
        <f t="shared" si="6"/>
        <v>0.80076800000000059</v>
      </c>
      <c r="E162">
        <f t="shared" si="7"/>
        <v>7.1150440000000117</v>
      </c>
      <c r="F162">
        <f t="shared" si="8"/>
        <v>1.5923365710168818E-2</v>
      </c>
    </row>
    <row r="163" spans="1:6" x14ac:dyDescent="0.2">
      <c r="A163">
        <v>557.92332299999998</v>
      </c>
      <c r="B163">
        <v>20.000900999999999</v>
      </c>
      <c r="C163">
        <v>8.1712640000000007</v>
      </c>
      <c r="D163">
        <f t="shared" si="6"/>
        <v>0.80577300000000118</v>
      </c>
      <c r="E163">
        <f t="shared" si="7"/>
        <v>7.0360389999999597</v>
      </c>
      <c r="F163">
        <f t="shared" si="8"/>
        <v>1.5650961044007674E-2</v>
      </c>
    </row>
    <row r="164" spans="1:6" x14ac:dyDescent="0.2">
      <c r="A164">
        <v>557.75032199999998</v>
      </c>
      <c r="B164">
        <v>20.034151999999999</v>
      </c>
      <c r="C164">
        <v>8.1762689999999996</v>
      </c>
      <c r="D164">
        <f t="shared" si="6"/>
        <v>0.810778</v>
      </c>
      <c r="E164">
        <f t="shared" si="7"/>
        <v>6.8630379999999604</v>
      </c>
      <c r="F164">
        <f t="shared" si="8"/>
        <v>1.5176604548505734E-2</v>
      </c>
    </row>
    <row r="165" spans="1:6" x14ac:dyDescent="0.2">
      <c r="A165">
        <v>557.58404900000005</v>
      </c>
      <c r="B165">
        <v>20.014845000000001</v>
      </c>
      <c r="C165">
        <v>8.1812740000000002</v>
      </c>
      <c r="D165">
        <f t="shared" si="6"/>
        <v>0.81578300000000059</v>
      </c>
      <c r="E165">
        <f t="shared" si="7"/>
        <v>6.6967650000000276</v>
      </c>
      <c r="F165">
        <f t="shared" si="8"/>
        <v>1.4722449286467119E-2</v>
      </c>
    </row>
    <row r="166" spans="1:6" x14ac:dyDescent="0.2">
      <c r="A166">
        <v>557.28166699999997</v>
      </c>
      <c r="B166">
        <v>20.036276999999998</v>
      </c>
      <c r="C166">
        <v>8.1862779999999997</v>
      </c>
      <c r="D166">
        <f t="shared" si="6"/>
        <v>0.82078700000000016</v>
      </c>
      <c r="E166">
        <f t="shared" si="7"/>
        <v>6.394382999999948</v>
      </c>
      <c r="F166">
        <f t="shared" si="8"/>
        <v>1.397955734283231E-2</v>
      </c>
    </row>
    <row r="167" spans="1:6" x14ac:dyDescent="0.2">
      <c r="A167">
        <v>556.89021200000002</v>
      </c>
      <c r="B167">
        <v>20.048321000000001</v>
      </c>
      <c r="C167">
        <v>8.1912830000000003</v>
      </c>
      <c r="D167">
        <f t="shared" si="6"/>
        <v>0.82579200000000075</v>
      </c>
      <c r="E167">
        <f t="shared" si="7"/>
        <v>6.0029279999999972</v>
      </c>
      <c r="F167">
        <f t="shared" si="8"/>
        <v>1.3053376915362538E-2</v>
      </c>
    </row>
    <row r="168" spans="1:6" x14ac:dyDescent="0.2">
      <c r="A168">
        <v>556.19952499999999</v>
      </c>
      <c r="B168">
        <v>20.079217</v>
      </c>
      <c r="C168">
        <v>8.1962879999999991</v>
      </c>
      <c r="D168">
        <f t="shared" si="6"/>
        <v>0.83079699999999956</v>
      </c>
      <c r="E168">
        <f t="shared" si="7"/>
        <v>5.3122409999999718</v>
      </c>
      <c r="F168">
        <f t="shared" si="8"/>
        <v>1.1496145086186101E-2</v>
      </c>
    </row>
    <row r="169" spans="1:6" x14ac:dyDescent="0.2">
      <c r="A169">
        <v>555.90134399999999</v>
      </c>
      <c r="B169">
        <v>20.034835999999999</v>
      </c>
      <c r="C169">
        <v>8.2012929999999997</v>
      </c>
      <c r="D169">
        <f t="shared" si="6"/>
        <v>0.83580200000000016</v>
      </c>
      <c r="E169">
        <f t="shared" si="7"/>
        <v>5.0140599999999722</v>
      </c>
      <c r="F169">
        <f t="shared" si="8"/>
        <v>1.0791663539086213E-2</v>
      </c>
    </row>
    <row r="170" spans="1:6" x14ac:dyDescent="0.2">
      <c r="A170">
        <v>555.54309000000001</v>
      </c>
      <c r="B170">
        <v>20.037326</v>
      </c>
      <c r="C170">
        <v>8.2062980000000003</v>
      </c>
      <c r="D170">
        <f t="shared" si="6"/>
        <v>0.84080700000000075</v>
      </c>
      <c r="E170">
        <f t="shared" si="7"/>
        <v>4.6558059999999841</v>
      </c>
      <c r="F170">
        <f t="shared" si="8"/>
        <v>9.9673752059323516E-3</v>
      </c>
    </row>
    <row r="171" spans="1:6" x14ac:dyDescent="0.2">
      <c r="A171">
        <v>554.55312200000003</v>
      </c>
      <c r="B171">
        <v>20.126259000000001</v>
      </c>
      <c r="C171">
        <v>8.2113019999999999</v>
      </c>
      <c r="D171">
        <f t="shared" si="6"/>
        <v>0.84581100000000031</v>
      </c>
      <c r="E171">
        <f t="shared" si="7"/>
        <v>3.6658380000000079</v>
      </c>
      <c r="F171">
        <f t="shared" si="8"/>
        <v>7.8155003202949845E-3</v>
      </c>
    </row>
    <row r="172" spans="1:6" x14ac:dyDescent="0.2">
      <c r="A172">
        <v>553.58464000000004</v>
      </c>
      <c r="B172">
        <v>20.106705000000002</v>
      </c>
      <c r="C172">
        <v>8.2163070000000005</v>
      </c>
      <c r="D172">
        <f t="shared" si="6"/>
        <v>0.8508160000000009</v>
      </c>
      <c r="E172">
        <f t="shared" si="7"/>
        <v>2.6973560000000134</v>
      </c>
      <c r="F172">
        <f t="shared" si="8"/>
        <v>5.7268866711397467E-3</v>
      </c>
    </row>
    <row r="173" spans="1:6" x14ac:dyDescent="0.2">
      <c r="A173">
        <v>553.21919200000002</v>
      </c>
      <c r="B173">
        <v>20.033441</v>
      </c>
      <c r="C173">
        <v>8.2213119999999993</v>
      </c>
      <c r="D173">
        <f t="shared" si="6"/>
        <v>0.85582099999999972</v>
      </c>
      <c r="E173">
        <f t="shared" si="7"/>
        <v>2.3319079999999985</v>
      </c>
      <c r="F173">
        <f t="shared" si="8"/>
        <v>4.9252835203374215E-3</v>
      </c>
    </row>
    <row r="174" spans="1:6" x14ac:dyDescent="0.2">
      <c r="A174">
        <v>552.82852000000003</v>
      </c>
      <c r="B174">
        <v>20.047388000000002</v>
      </c>
      <c r="C174">
        <v>8.2263169999999999</v>
      </c>
      <c r="D174">
        <f t="shared" si="6"/>
        <v>0.86082600000000031</v>
      </c>
      <c r="E174">
        <f t="shared" si="7"/>
        <v>1.9412360000000035</v>
      </c>
      <c r="F174">
        <f t="shared" si="8"/>
        <v>4.0791767257069896E-3</v>
      </c>
    </row>
    <row r="175" spans="1:6" x14ac:dyDescent="0.2">
      <c r="A175">
        <v>552.46350500000005</v>
      </c>
      <c r="B175">
        <v>20.037224999999999</v>
      </c>
      <c r="C175">
        <v>8.2313220000000005</v>
      </c>
      <c r="D175">
        <f t="shared" si="6"/>
        <v>0.86583100000000091</v>
      </c>
      <c r="E175">
        <f t="shared" si="7"/>
        <v>1.5762210000000323</v>
      </c>
      <c r="F175">
        <f t="shared" si="8"/>
        <v>3.2951894143230017E-3</v>
      </c>
    </row>
    <row r="176" spans="1:6" x14ac:dyDescent="0.2">
      <c r="A176">
        <v>551.67724799999996</v>
      </c>
      <c r="B176">
        <v>20.078458999999999</v>
      </c>
      <c r="C176">
        <v>8.236326</v>
      </c>
      <c r="D176">
        <f t="shared" si="6"/>
        <v>0.87083500000000047</v>
      </c>
      <c r="E176">
        <f t="shared" si="7"/>
        <v>0.78996399999994082</v>
      </c>
      <c r="F176">
        <f t="shared" si="8"/>
        <v>1.6443200456914444E-3</v>
      </c>
    </row>
    <row r="177" spans="1:6" x14ac:dyDescent="0.2">
      <c r="A177">
        <v>551.49984099999995</v>
      </c>
      <c r="B177">
        <v>20.003630999999999</v>
      </c>
      <c r="C177">
        <v>8.2413310000000006</v>
      </c>
      <c r="D177">
        <f t="shared" si="6"/>
        <v>0.87584000000000106</v>
      </c>
      <c r="E177">
        <f t="shared" si="7"/>
        <v>0.6125569999999243</v>
      </c>
      <c r="F177">
        <f t="shared" si="8"/>
        <v>1.2681666845324976E-3</v>
      </c>
    </row>
    <row r="178" spans="1:6" x14ac:dyDescent="0.2">
      <c r="A178">
        <v>551.77313700000002</v>
      </c>
      <c r="B178">
        <v>19.966262</v>
      </c>
      <c r="C178">
        <v>8.2463359999999994</v>
      </c>
      <c r="D178">
        <f t="shared" si="6"/>
        <v>0.88084499999999988</v>
      </c>
      <c r="E178">
        <f t="shared" si="7"/>
        <v>0.88585299999999734</v>
      </c>
      <c r="F178">
        <f t="shared" si="8"/>
        <v>1.8226430072962798E-3</v>
      </c>
    </row>
    <row r="179" spans="1:6" x14ac:dyDescent="0.2">
      <c r="A179">
        <v>552.35839799999997</v>
      </c>
      <c r="B179">
        <v>19.936111</v>
      </c>
      <c r="C179">
        <v>8.251341</v>
      </c>
      <c r="D179">
        <f t="shared" si="6"/>
        <v>0.88585000000000047</v>
      </c>
      <c r="E179">
        <f t="shared" si="7"/>
        <v>1.4711139999999432</v>
      </c>
      <c r="F179">
        <f t="shared" si="8"/>
        <v>3.0065274795557867E-3</v>
      </c>
    </row>
    <row r="180" spans="1:6" x14ac:dyDescent="0.2">
      <c r="A180">
        <v>552.53967699999998</v>
      </c>
      <c r="B180">
        <v>19.983941000000002</v>
      </c>
      <c r="C180">
        <v>8.2563460000000006</v>
      </c>
      <c r="D180">
        <f t="shared" si="6"/>
        <v>0.89085500000000106</v>
      </c>
      <c r="E180">
        <f t="shared" si="7"/>
        <v>1.6523929999999609</v>
      </c>
      <c r="F180">
        <f t="shared" si="8"/>
        <v>3.3569344052501227E-3</v>
      </c>
    </row>
    <row r="181" spans="1:6" x14ac:dyDescent="0.2">
      <c r="A181">
        <v>552.83218899999997</v>
      </c>
      <c r="B181">
        <v>19.958732999999999</v>
      </c>
      <c r="C181">
        <v>8.2613500000000002</v>
      </c>
      <c r="D181">
        <f t="shared" si="6"/>
        <v>0.89585900000000063</v>
      </c>
      <c r="E181">
        <f t="shared" si="7"/>
        <v>1.9449049999999488</v>
      </c>
      <c r="F181">
        <f t="shared" si="8"/>
        <v>3.927040765471651E-3</v>
      </c>
    </row>
    <row r="182" spans="1:6" x14ac:dyDescent="0.2">
      <c r="A182">
        <v>553.688895</v>
      </c>
      <c r="B182">
        <v>19.880503000000001</v>
      </c>
      <c r="C182">
        <v>8.2663550000000008</v>
      </c>
      <c r="D182">
        <f t="shared" si="6"/>
        <v>0.90086400000000122</v>
      </c>
      <c r="E182">
        <f t="shared" si="7"/>
        <v>2.8016109999999799</v>
      </c>
      <c r="F182">
        <f t="shared" si="8"/>
        <v>5.61672018389068E-3</v>
      </c>
    </row>
    <row r="183" spans="1:6" x14ac:dyDescent="0.2">
      <c r="A183">
        <v>554.81206999999995</v>
      </c>
      <c r="B183">
        <v>19.893356000000001</v>
      </c>
      <c r="C183">
        <v>8.2713599999999996</v>
      </c>
      <c r="D183">
        <f t="shared" si="6"/>
        <v>0.90586900000000004</v>
      </c>
      <c r="E183">
        <f t="shared" si="7"/>
        <v>3.9247859999999264</v>
      </c>
      <c r="F183">
        <f t="shared" si="8"/>
        <v>7.809166512847604E-3</v>
      </c>
    </row>
    <row r="184" spans="1:6" x14ac:dyDescent="0.2">
      <c r="A184">
        <v>554.88741400000004</v>
      </c>
      <c r="B184">
        <v>20.002279000000001</v>
      </c>
      <c r="C184">
        <v>8.2763650000000002</v>
      </c>
      <c r="D184">
        <f t="shared" si="6"/>
        <v>0.91087400000000063</v>
      </c>
      <c r="E184">
        <f t="shared" si="7"/>
        <v>4.0001300000000128</v>
      </c>
      <c r="F184">
        <f t="shared" si="8"/>
        <v>7.9142711536230367E-3</v>
      </c>
    </row>
    <row r="185" spans="1:6" x14ac:dyDescent="0.2">
      <c r="A185">
        <v>554.85734000000002</v>
      </c>
      <c r="B185">
        <v>20.004000000000001</v>
      </c>
      <c r="C185">
        <v>8.2813700000000008</v>
      </c>
      <c r="D185">
        <f t="shared" si="6"/>
        <v>0.91587900000000122</v>
      </c>
      <c r="E185">
        <f t="shared" si="7"/>
        <v>3.9700559999999996</v>
      </c>
      <c r="F185">
        <f t="shared" si="8"/>
        <v>7.8122691265079961E-3</v>
      </c>
    </row>
    <row r="186" spans="1:6" x14ac:dyDescent="0.2">
      <c r="A186">
        <v>555.28419699999995</v>
      </c>
      <c r="B186">
        <v>19.934957000000001</v>
      </c>
      <c r="C186">
        <v>8.2863740000000004</v>
      </c>
      <c r="D186">
        <f t="shared" si="6"/>
        <v>0.92088300000000078</v>
      </c>
      <c r="E186">
        <f t="shared" si="7"/>
        <v>4.3969129999999268</v>
      </c>
      <c r="F186">
        <f t="shared" si="8"/>
        <v>8.5986070571551065E-3</v>
      </c>
    </row>
    <row r="187" spans="1:6" x14ac:dyDescent="0.2">
      <c r="A187">
        <v>556.22144200000002</v>
      </c>
      <c r="B187">
        <v>19.912286000000002</v>
      </c>
      <c r="C187">
        <v>8.2913789999999992</v>
      </c>
      <c r="D187">
        <f t="shared" si="6"/>
        <v>0.9258879999999996</v>
      </c>
      <c r="E187">
        <f t="shared" si="7"/>
        <v>5.3341580000000022</v>
      </c>
      <c r="F187">
        <f t="shared" si="8"/>
        <v>1.0357613318592966E-2</v>
      </c>
    </row>
    <row r="188" spans="1:6" x14ac:dyDescent="0.2">
      <c r="A188">
        <v>556.51768100000004</v>
      </c>
      <c r="B188">
        <v>19.971623999999998</v>
      </c>
      <c r="C188">
        <v>8.2963839999999998</v>
      </c>
      <c r="D188">
        <f t="shared" si="6"/>
        <v>0.93089300000000019</v>
      </c>
      <c r="E188">
        <f t="shared" si="7"/>
        <v>5.6303970000000163</v>
      </c>
      <c r="F188">
        <f t="shared" si="8"/>
        <v>1.0868266689592612E-2</v>
      </c>
    </row>
    <row r="189" spans="1:6" x14ac:dyDescent="0.2">
      <c r="A189">
        <v>556.59400600000004</v>
      </c>
      <c r="B189">
        <v>19.983188999999999</v>
      </c>
      <c r="C189">
        <v>8.3013890000000004</v>
      </c>
      <c r="D189">
        <f t="shared" si="6"/>
        <v>0.93589800000000078</v>
      </c>
      <c r="E189">
        <f t="shared" si="7"/>
        <v>5.7067220000000134</v>
      </c>
      <c r="F189">
        <f t="shared" si="8"/>
        <v>1.0955183902220248E-2</v>
      </c>
    </row>
    <row r="190" spans="1:6" x14ac:dyDescent="0.2">
      <c r="A190">
        <v>556.65678700000001</v>
      </c>
      <c r="B190">
        <v>19.977833</v>
      </c>
      <c r="C190">
        <v>8.3063939999999992</v>
      </c>
      <c r="D190">
        <f t="shared" si="6"/>
        <v>0.9409029999999996</v>
      </c>
      <c r="E190">
        <f t="shared" si="7"/>
        <v>5.7695029999999861</v>
      </c>
      <c r="F190">
        <f t="shared" si="8"/>
        <v>1.1015546337863745E-2</v>
      </c>
    </row>
    <row r="191" spans="1:6" x14ac:dyDescent="0.2">
      <c r="A191">
        <v>557.14555099999995</v>
      </c>
      <c r="B191">
        <v>19.954689999999999</v>
      </c>
      <c r="C191">
        <v>8.3113980000000005</v>
      </c>
      <c r="D191">
        <f t="shared" si="6"/>
        <v>0.94590700000000094</v>
      </c>
      <c r="E191">
        <f t="shared" si="7"/>
        <v>6.2582669999999325</v>
      </c>
      <c r="F191">
        <f t="shared" si="8"/>
        <v>1.1875091960810652E-2</v>
      </c>
    </row>
    <row r="192" spans="1:6" x14ac:dyDescent="0.2">
      <c r="A192">
        <v>557.43919700000004</v>
      </c>
      <c r="B192">
        <v>19.968233999999999</v>
      </c>
      <c r="C192">
        <v>8.3164029999999993</v>
      </c>
      <c r="D192">
        <f t="shared" si="6"/>
        <v>0.95091199999999976</v>
      </c>
      <c r="E192">
        <f t="shared" si="7"/>
        <v>6.5519130000000132</v>
      </c>
      <c r="F192">
        <f t="shared" si="8"/>
        <v>1.2360336396939585E-2</v>
      </c>
    </row>
    <row r="193" spans="1:6" x14ac:dyDescent="0.2">
      <c r="A193">
        <v>557.41221800000005</v>
      </c>
      <c r="B193">
        <v>20.03173</v>
      </c>
      <c r="C193">
        <v>8.3214079999999999</v>
      </c>
      <c r="D193">
        <f t="shared" si="6"/>
        <v>0.95591700000000035</v>
      </c>
      <c r="E193">
        <f t="shared" si="7"/>
        <v>6.5249340000000302</v>
      </c>
      <c r="F193">
        <f t="shared" si="8"/>
        <v>1.2245582657192264E-2</v>
      </c>
    </row>
    <row r="194" spans="1:6" x14ac:dyDescent="0.2">
      <c r="A194">
        <v>556.82619799999998</v>
      </c>
      <c r="B194">
        <v>20.05612</v>
      </c>
      <c r="C194">
        <v>8.3264130000000005</v>
      </c>
      <c r="D194">
        <f t="shared" si="6"/>
        <v>0.96092200000000094</v>
      </c>
      <c r="E194">
        <f t="shared" si="7"/>
        <v>5.9389139999999543</v>
      </c>
      <c r="F194">
        <f t="shared" si="8"/>
        <v>1.1099393278149487E-2</v>
      </c>
    </row>
    <row r="195" spans="1:6" x14ac:dyDescent="0.2">
      <c r="A195">
        <v>556.57274600000005</v>
      </c>
      <c r="B195">
        <v>20.018113</v>
      </c>
      <c r="C195">
        <v>8.3314179999999993</v>
      </c>
      <c r="D195">
        <f t="shared" ref="D195:D258" si="9">C195-$C$2</f>
        <v>0.96592699999999976</v>
      </c>
      <c r="E195">
        <f t="shared" ref="E195:E258" si="10">A195-$A$2</f>
        <v>5.6854620000000295</v>
      </c>
      <c r="F195">
        <f t="shared" ref="F195:F258" si="11">(1/A195)*(E195/D195)</f>
        <v>1.0575466142282622E-2</v>
      </c>
    </row>
    <row r="196" spans="1:6" x14ac:dyDescent="0.2">
      <c r="A196">
        <v>556.50343499999997</v>
      </c>
      <c r="B196">
        <v>20.022248999999999</v>
      </c>
      <c r="C196">
        <v>8.3364220000000007</v>
      </c>
      <c r="D196">
        <f t="shared" si="9"/>
        <v>0.9709310000000011</v>
      </c>
      <c r="E196">
        <f t="shared" si="10"/>
        <v>5.6161509999999453</v>
      </c>
      <c r="F196">
        <f t="shared" si="11"/>
        <v>1.0393996330886142E-2</v>
      </c>
    </row>
    <row r="197" spans="1:6" x14ac:dyDescent="0.2">
      <c r="A197">
        <v>556.02855499999998</v>
      </c>
      <c r="B197">
        <v>20.069800999999998</v>
      </c>
      <c r="C197">
        <v>8.3414269999999995</v>
      </c>
      <c r="D197">
        <f t="shared" si="9"/>
        <v>0.97593599999999991</v>
      </c>
      <c r="E197">
        <f t="shared" si="10"/>
        <v>5.1412709999999606</v>
      </c>
      <c r="F197">
        <f t="shared" si="11"/>
        <v>9.4744075545581674E-3</v>
      </c>
    </row>
    <row r="198" spans="1:6" x14ac:dyDescent="0.2">
      <c r="A198">
        <v>555.60489199999995</v>
      </c>
      <c r="B198">
        <v>20.029145</v>
      </c>
      <c r="C198">
        <v>8.3464320000000001</v>
      </c>
      <c r="D198">
        <f t="shared" si="9"/>
        <v>0.98094100000000051</v>
      </c>
      <c r="E198">
        <f t="shared" si="10"/>
        <v>4.7176079999999274</v>
      </c>
      <c r="F198">
        <f t="shared" si="11"/>
        <v>8.6559134106402955E-3</v>
      </c>
    </row>
    <row r="199" spans="1:6" x14ac:dyDescent="0.2">
      <c r="A199">
        <v>555.70601699999997</v>
      </c>
      <c r="B199">
        <v>19.965440999999998</v>
      </c>
      <c r="C199">
        <v>8.3514370000000007</v>
      </c>
      <c r="D199">
        <f t="shared" si="9"/>
        <v>0.9859460000000011</v>
      </c>
      <c r="E199">
        <f t="shared" si="10"/>
        <v>4.818732999999952</v>
      </c>
      <c r="F199">
        <f t="shared" si="11"/>
        <v>8.7949755132723413E-3</v>
      </c>
    </row>
    <row r="200" spans="1:6" x14ac:dyDescent="0.2">
      <c r="A200">
        <v>556.13154199999997</v>
      </c>
      <c r="B200">
        <v>19.956399999999999</v>
      </c>
      <c r="C200">
        <v>8.3564419999999995</v>
      </c>
      <c r="D200">
        <f t="shared" si="9"/>
        <v>0.99095099999999992</v>
      </c>
      <c r="E200">
        <f t="shared" si="10"/>
        <v>5.2442579999999452</v>
      </c>
      <c r="F200">
        <f t="shared" si="11"/>
        <v>9.5159979882945538E-3</v>
      </c>
    </row>
    <row r="201" spans="1:6" x14ac:dyDescent="0.2">
      <c r="A201">
        <v>556.12796200000003</v>
      </c>
      <c r="B201">
        <v>20.012799999999999</v>
      </c>
      <c r="C201">
        <v>8.3614460000000008</v>
      </c>
      <c r="D201">
        <f t="shared" si="9"/>
        <v>0.99595500000000126</v>
      </c>
      <c r="E201">
        <f t="shared" si="10"/>
        <v>5.2406780000000026</v>
      </c>
      <c r="F201">
        <f t="shared" si="11"/>
        <v>9.4617839749518689E-3</v>
      </c>
    </row>
    <row r="202" spans="1:6" x14ac:dyDescent="0.2">
      <c r="A202">
        <v>555.965192</v>
      </c>
      <c r="B202">
        <v>20.009754000000001</v>
      </c>
      <c r="C202">
        <v>8.3664509999999996</v>
      </c>
      <c r="D202">
        <f t="shared" si="9"/>
        <v>1.0009600000000001</v>
      </c>
      <c r="E202">
        <f t="shared" si="10"/>
        <v>5.0779079999999794</v>
      </c>
      <c r="F202">
        <f t="shared" si="11"/>
        <v>9.1247401035705351E-3</v>
      </c>
    </row>
    <row r="203" spans="1:6" x14ac:dyDescent="0.2">
      <c r="A203">
        <v>555.89777100000003</v>
      </c>
      <c r="B203">
        <v>20.025891999999999</v>
      </c>
      <c r="C203">
        <v>8.3714560000000002</v>
      </c>
      <c r="D203">
        <f t="shared" si="9"/>
        <v>1.0059650000000007</v>
      </c>
      <c r="E203">
        <f t="shared" si="10"/>
        <v>5.0104870000000119</v>
      </c>
      <c r="F203">
        <f t="shared" si="11"/>
        <v>8.9598788248788971E-3</v>
      </c>
    </row>
    <row r="204" spans="1:6" x14ac:dyDescent="0.2">
      <c r="A204">
        <v>555.73285199999998</v>
      </c>
      <c r="B204">
        <v>20.016041999999999</v>
      </c>
      <c r="C204">
        <v>8.3764610000000008</v>
      </c>
      <c r="D204">
        <f t="shared" si="9"/>
        <v>1.0109700000000013</v>
      </c>
      <c r="E204">
        <f t="shared" si="10"/>
        <v>4.8455679999999575</v>
      </c>
      <c r="F204">
        <f t="shared" si="11"/>
        <v>8.624627632485669E-3</v>
      </c>
    </row>
    <row r="205" spans="1:6" x14ac:dyDescent="0.2">
      <c r="A205">
        <v>555.45767799999999</v>
      </c>
      <c r="B205">
        <v>20.023249</v>
      </c>
      <c r="C205">
        <v>8.3814659999999996</v>
      </c>
      <c r="D205">
        <f t="shared" si="9"/>
        <v>1.0159750000000001</v>
      </c>
      <c r="E205">
        <f t="shared" si="10"/>
        <v>4.5703939999999648</v>
      </c>
      <c r="F205">
        <f t="shared" si="11"/>
        <v>8.0987808102876545E-3</v>
      </c>
    </row>
    <row r="206" spans="1:6" x14ac:dyDescent="0.2">
      <c r="A206">
        <v>555.36569199999997</v>
      </c>
      <c r="B206">
        <v>20.000508</v>
      </c>
      <c r="C206">
        <v>8.3864699999999992</v>
      </c>
      <c r="D206">
        <f t="shared" si="9"/>
        <v>1.0209789999999996</v>
      </c>
      <c r="E206">
        <f t="shared" si="10"/>
        <v>4.4784079999999449</v>
      </c>
      <c r="F206">
        <f t="shared" si="11"/>
        <v>7.8981940568618805E-3</v>
      </c>
    </row>
    <row r="207" spans="1:6" x14ac:dyDescent="0.2">
      <c r="A207">
        <v>555.38707599999998</v>
      </c>
      <c r="B207">
        <v>20.015059000000001</v>
      </c>
      <c r="C207">
        <v>8.3914749999999998</v>
      </c>
      <c r="D207">
        <f t="shared" si="9"/>
        <v>1.0259840000000002</v>
      </c>
      <c r="E207">
        <f t="shared" si="10"/>
        <v>4.4997919999999567</v>
      </c>
      <c r="F207">
        <f t="shared" si="11"/>
        <v>7.8968898769523916E-3</v>
      </c>
    </row>
    <row r="208" spans="1:6" x14ac:dyDescent="0.2">
      <c r="A208">
        <v>555.23389599999996</v>
      </c>
      <c r="B208">
        <v>20.015433000000002</v>
      </c>
      <c r="C208">
        <v>8.3964800000000004</v>
      </c>
      <c r="D208">
        <f t="shared" si="9"/>
        <v>1.0309890000000008</v>
      </c>
      <c r="E208">
        <f t="shared" si="10"/>
        <v>4.3466119999999364</v>
      </c>
      <c r="F208">
        <f t="shared" si="11"/>
        <v>7.5931306378403665E-3</v>
      </c>
    </row>
    <row r="209" spans="1:6" x14ac:dyDescent="0.2">
      <c r="A209">
        <v>554.97031200000004</v>
      </c>
      <c r="B209">
        <v>20.033048999999998</v>
      </c>
      <c r="C209">
        <v>8.4014849999999992</v>
      </c>
      <c r="D209">
        <f t="shared" si="9"/>
        <v>1.0359939999999996</v>
      </c>
      <c r="E209">
        <f t="shared" si="10"/>
        <v>4.083028000000013</v>
      </c>
      <c r="F209">
        <f t="shared" si="11"/>
        <v>7.1015862618845236E-3</v>
      </c>
    </row>
    <row r="210" spans="1:6" x14ac:dyDescent="0.2">
      <c r="A210">
        <v>554.58835599999998</v>
      </c>
      <c r="B210">
        <v>20.045573000000001</v>
      </c>
      <c r="C210">
        <v>8.4064899999999998</v>
      </c>
      <c r="D210">
        <f t="shared" si="9"/>
        <v>1.0409990000000002</v>
      </c>
      <c r="E210">
        <f t="shared" si="10"/>
        <v>3.7010719999999537</v>
      </c>
      <c r="F210">
        <f t="shared" si="11"/>
        <v>6.4107150676832409E-3</v>
      </c>
    </row>
    <row r="211" spans="1:6" x14ac:dyDescent="0.2">
      <c r="A211">
        <v>554.35532499999999</v>
      </c>
      <c r="B211">
        <v>20.010581999999999</v>
      </c>
      <c r="C211">
        <v>8.4114939999999994</v>
      </c>
      <c r="D211">
        <f t="shared" si="9"/>
        <v>1.0460029999999998</v>
      </c>
      <c r="E211">
        <f t="shared" si="10"/>
        <v>3.4680409999999711</v>
      </c>
      <c r="F211">
        <f t="shared" si="11"/>
        <v>5.9808521899031106E-3</v>
      </c>
    </row>
    <row r="212" spans="1:6" x14ac:dyDescent="0.2">
      <c r="A212">
        <v>554.40505900000005</v>
      </c>
      <c r="B212">
        <v>19.986533999999999</v>
      </c>
      <c r="C212">
        <v>8.416499</v>
      </c>
      <c r="D212">
        <f t="shared" si="9"/>
        <v>1.0510080000000004</v>
      </c>
      <c r="E212">
        <f t="shared" si="10"/>
        <v>3.5177750000000287</v>
      </c>
      <c r="F212">
        <f t="shared" si="11"/>
        <v>6.0371901079161626E-3</v>
      </c>
    </row>
    <row r="213" spans="1:6" x14ac:dyDescent="0.2">
      <c r="A213">
        <v>554.53473499999996</v>
      </c>
      <c r="B213">
        <v>20.001767000000001</v>
      </c>
      <c r="C213">
        <v>8.4215040000000005</v>
      </c>
      <c r="D213">
        <f t="shared" si="9"/>
        <v>1.056013000000001</v>
      </c>
      <c r="E213">
        <f t="shared" si="10"/>
        <v>3.6474509999999327</v>
      </c>
      <c r="F213">
        <f t="shared" si="11"/>
        <v>6.2286144213438916E-3</v>
      </c>
    </row>
    <row r="214" spans="1:6" x14ac:dyDescent="0.2">
      <c r="A214">
        <v>554.66497300000003</v>
      </c>
      <c r="B214">
        <v>19.988754</v>
      </c>
      <c r="C214">
        <v>8.4265089999999994</v>
      </c>
      <c r="D214">
        <f t="shared" si="9"/>
        <v>1.0610179999999998</v>
      </c>
      <c r="E214">
        <f t="shared" si="10"/>
        <v>3.7776890000000094</v>
      </c>
      <c r="F214">
        <f t="shared" si="11"/>
        <v>6.4190788246378189E-3</v>
      </c>
    </row>
    <row r="215" spans="1:6" x14ac:dyDescent="0.2">
      <c r="A215">
        <v>554.548406</v>
      </c>
      <c r="B215">
        <v>20.012777</v>
      </c>
      <c r="C215">
        <v>8.431514</v>
      </c>
      <c r="D215">
        <f t="shared" si="9"/>
        <v>1.0660230000000004</v>
      </c>
      <c r="E215">
        <f t="shared" si="10"/>
        <v>3.6611219999999776</v>
      </c>
      <c r="F215">
        <f t="shared" si="11"/>
        <v>6.1931010315532291E-3</v>
      </c>
    </row>
    <row r="216" spans="1:6" x14ac:dyDescent="0.2">
      <c r="A216">
        <v>554.86939800000005</v>
      </c>
      <c r="B216">
        <v>19.936841999999999</v>
      </c>
      <c r="C216">
        <v>8.4365179999999995</v>
      </c>
      <c r="D216">
        <f t="shared" si="9"/>
        <v>1.071027</v>
      </c>
      <c r="E216">
        <f t="shared" si="10"/>
        <v>3.9821140000000241</v>
      </c>
      <c r="F216">
        <f t="shared" si="11"/>
        <v>6.7007358228760687E-3</v>
      </c>
    </row>
    <row r="217" spans="1:6" x14ac:dyDescent="0.2">
      <c r="A217">
        <v>555.405934</v>
      </c>
      <c r="B217">
        <v>19.943287999999999</v>
      </c>
      <c r="C217">
        <v>8.4415230000000001</v>
      </c>
      <c r="D217">
        <f t="shared" si="9"/>
        <v>1.0760320000000005</v>
      </c>
      <c r="E217">
        <f t="shared" si="10"/>
        <v>4.5186499999999796</v>
      </c>
      <c r="F217">
        <f t="shared" si="11"/>
        <v>7.5608914171884402E-3</v>
      </c>
    </row>
    <row r="218" spans="1:6" x14ac:dyDescent="0.2">
      <c r="A218">
        <v>555.56554600000004</v>
      </c>
      <c r="B218">
        <v>19.974671000000001</v>
      </c>
      <c r="C218">
        <v>8.4465280000000007</v>
      </c>
      <c r="D218">
        <f t="shared" si="9"/>
        <v>1.0810370000000011</v>
      </c>
      <c r="E218">
        <f t="shared" si="10"/>
        <v>4.6782620000000179</v>
      </c>
      <c r="F218">
        <f t="shared" si="11"/>
        <v>7.7894837751837495E-3</v>
      </c>
    </row>
    <row r="219" spans="1:6" x14ac:dyDescent="0.2">
      <c r="A219">
        <v>556.35878700000001</v>
      </c>
      <c r="B219">
        <v>19.922122999999999</v>
      </c>
      <c r="C219">
        <v>8.4515329999999995</v>
      </c>
      <c r="D219">
        <f t="shared" si="9"/>
        <v>1.086042</v>
      </c>
      <c r="E219">
        <f t="shared" si="10"/>
        <v>5.4715029999999842</v>
      </c>
      <c r="F219">
        <f t="shared" si="11"/>
        <v>9.055346419487997E-3</v>
      </c>
    </row>
    <row r="220" spans="1:6" x14ac:dyDescent="0.2">
      <c r="A220">
        <v>556.67673000000002</v>
      </c>
      <c r="B220">
        <v>19.963255</v>
      </c>
      <c r="C220">
        <v>8.4565380000000001</v>
      </c>
      <c r="D220">
        <f t="shared" si="9"/>
        <v>1.0910470000000005</v>
      </c>
      <c r="E220">
        <f t="shared" si="10"/>
        <v>5.7894459999999981</v>
      </c>
      <c r="F220">
        <f t="shared" si="11"/>
        <v>9.5321414983668678E-3</v>
      </c>
    </row>
    <row r="221" spans="1:6" x14ac:dyDescent="0.2">
      <c r="A221">
        <v>557.21484799999996</v>
      </c>
      <c r="B221">
        <v>19.927392999999999</v>
      </c>
      <c r="C221">
        <v>8.4615419999999997</v>
      </c>
      <c r="D221">
        <f t="shared" si="9"/>
        <v>1.0960510000000001</v>
      </c>
      <c r="E221">
        <f t="shared" si="10"/>
        <v>6.3275639999999385</v>
      </c>
      <c r="F221">
        <f t="shared" si="11"/>
        <v>1.0360556976363724E-2</v>
      </c>
    </row>
    <row r="222" spans="1:6" x14ac:dyDescent="0.2">
      <c r="A222">
        <v>557.53912300000002</v>
      </c>
      <c r="B222">
        <v>19.975560999999999</v>
      </c>
      <c r="C222">
        <v>8.4665470000000003</v>
      </c>
      <c r="D222">
        <f t="shared" si="9"/>
        <v>1.1010560000000007</v>
      </c>
      <c r="E222">
        <f t="shared" si="10"/>
        <v>6.6518389999999954</v>
      </c>
      <c r="F222">
        <f t="shared" si="11"/>
        <v>1.0835700026765552E-2</v>
      </c>
    </row>
    <row r="223" spans="1:6" x14ac:dyDescent="0.2">
      <c r="A223">
        <v>557.64988600000004</v>
      </c>
      <c r="B223">
        <v>19.994897000000002</v>
      </c>
      <c r="C223">
        <v>8.4715520000000009</v>
      </c>
      <c r="D223">
        <f t="shared" si="9"/>
        <v>1.1060610000000013</v>
      </c>
      <c r="E223">
        <f t="shared" si="10"/>
        <v>6.7626020000000153</v>
      </c>
      <c r="F223">
        <f t="shared" si="11"/>
        <v>1.0964103626540959E-2</v>
      </c>
    </row>
    <row r="224" spans="1:6" x14ac:dyDescent="0.2">
      <c r="A224">
        <v>557.56736999999998</v>
      </c>
      <c r="B224">
        <v>20.00421</v>
      </c>
      <c r="C224">
        <v>8.4765569999999997</v>
      </c>
      <c r="D224">
        <f t="shared" si="9"/>
        <v>1.1110660000000001</v>
      </c>
      <c r="E224">
        <f t="shared" si="10"/>
        <v>6.6800859999999602</v>
      </c>
      <c r="F224">
        <f t="shared" si="11"/>
        <v>1.0783130117985337E-2</v>
      </c>
    </row>
    <row r="225" spans="1:6" x14ac:dyDescent="0.2">
      <c r="A225">
        <v>557.62185999999997</v>
      </c>
      <c r="B225">
        <v>20.007769</v>
      </c>
      <c r="C225">
        <v>8.4815620000000003</v>
      </c>
      <c r="D225">
        <f t="shared" si="9"/>
        <v>1.1160710000000007</v>
      </c>
      <c r="E225">
        <f t="shared" si="10"/>
        <v>6.7345759999999473</v>
      </c>
      <c r="F225">
        <f t="shared" si="11"/>
        <v>1.0821280236621277E-2</v>
      </c>
    </row>
    <row r="226" spans="1:6" x14ac:dyDescent="0.2">
      <c r="A226">
        <v>557.543992</v>
      </c>
      <c r="B226">
        <v>20.008313999999999</v>
      </c>
      <c r="C226">
        <v>8.4865659999999998</v>
      </c>
      <c r="D226">
        <f t="shared" si="9"/>
        <v>1.1210750000000003</v>
      </c>
      <c r="E226">
        <f t="shared" si="10"/>
        <v>6.6567079999999805</v>
      </c>
      <c r="F226">
        <f t="shared" si="11"/>
        <v>1.0649904138091861E-2</v>
      </c>
    </row>
    <row r="227" spans="1:6" x14ac:dyDescent="0.2">
      <c r="A227">
        <v>557.74091999999996</v>
      </c>
      <c r="B227">
        <v>19.959586999999999</v>
      </c>
      <c r="C227">
        <v>8.4915710000000004</v>
      </c>
      <c r="D227">
        <f t="shared" si="9"/>
        <v>1.1260800000000009</v>
      </c>
      <c r="E227">
        <f t="shared" si="10"/>
        <v>6.8536359999999377</v>
      </c>
      <c r="F227">
        <f t="shared" si="11"/>
        <v>1.091237498218592E-2</v>
      </c>
    </row>
    <row r="228" spans="1:6" x14ac:dyDescent="0.2">
      <c r="A228">
        <v>557.816011</v>
      </c>
      <c r="B228">
        <v>19.992554999999999</v>
      </c>
      <c r="C228">
        <v>8.4965759999999992</v>
      </c>
      <c r="D228">
        <f t="shared" si="9"/>
        <v>1.1310849999999997</v>
      </c>
      <c r="E228">
        <f t="shared" si="10"/>
        <v>6.9287269999999808</v>
      </c>
      <c r="F228">
        <f t="shared" si="11"/>
        <v>1.098164072657826E-2</v>
      </c>
    </row>
    <row r="229" spans="1:6" x14ac:dyDescent="0.2">
      <c r="A229">
        <v>557.86586699999998</v>
      </c>
      <c r="B229">
        <v>19.998646999999998</v>
      </c>
      <c r="C229">
        <v>8.5015809999999998</v>
      </c>
      <c r="D229">
        <f t="shared" si="9"/>
        <v>1.1360900000000003</v>
      </c>
      <c r="E229">
        <f t="shared" si="10"/>
        <v>6.9785829999999578</v>
      </c>
      <c r="F229">
        <f t="shared" si="11"/>
        <v>1.1010948238979298E-2</v>
      </c>
    </row>
    <row r="230" spans="1:6" x14ac:dyDescent="0.2">
      <c r="A230">
        <v>557.855052</v>
      </c>
      <c r="B230">
        <v>19.99587</v>
      </c>
      <c r="C230">
        <v>8.5065860000000004</v>
      </c>
      <c r="D230">
        <f t="shared" si="9"/>
        <v>1.1410950000000009</v>
      </c>
      <c r="E230">
        <f t="shared" si="10"/>
        <v>6.9677679999999782</v>
      </c>
      <c r="F230">
        <f t="shared" si="11"/>
        <v>1.0945875624429424E-2</v>
      </c>
    </row>
    <row r="231" spans="1:6" x14ac:dyDescent="0.2">
      <c r="A231">
        <v>557.86961599999995</v>
      </c>
      <c r="B231">
        <v>20.000973999999999</v>
      </c>
      <c r="C231">
        <v>8.51159</v>
      </c>
      <c r="D231">
        <f t="shared" si="9"/>
        <v>1.1460990000000004</v>
      </c>
      <c r="E231">
        <f t="shared" si="10"/>
        <v>6.9823319999999285</v>
      </c>
      <c r="F231">
        <f t="shared" si="11"/>
        <v>1.0920578699673207E-2</v>
      </c>
    </row>
    <row r="232" spans="1:6" x14ac:dyDescent="0.2">
      <c r="A232">
        <v>557.79810599999996</v>
      </c>
      <c r="B232">
        <v>19.998837000000002</v>
      </c>
      <c r="C232">
        <v>8.5165950000000006</v>
      </c>
      <c r="D232">
        <f t="shared" si="9"/>
        <v>1.151104000000001</v>
      </c>
      <c r="E232">
        <f t="shared" si="10"/>
        <v>6.9108219999999392</v>
      </c>
      <c r="F232">
        <f t="shared" si="11"/>
        <v>1.0763118176894945E-2</v>
      </c>
    </row>
    <row r="233" spans="1:6" x14ac:dyDescent="0.2">
      <c r="A233">
        <v>558.06774099999996</v>
      </c>
      <c r="B233">
        <v>19.988274000000001</v>
      </c>
      <c r="C233">
        <v>8.5215999999999994</v>
      </c>
      <c r="D233">
        <f t="shared" si="9"/>
        <v>1.1561089999999998</v>
      </c>
      <c r="E233">
        <f t="shared" si="10"/>
        <v>7.180456999999933</v>
      </c>
      <c r="F233">
        <f t="shared" si="11"/>
        <v>1.1129262468690271E-2</v>
      </c>
    </row>
    <row r="234" spans="1:6" x14ac:dyDescent="0.2">
      <c r="A234">
        <v>557.73045500000001</v>
      </c>
      <c r="B234">
        <v>20.050706000000002</v>
      </c>
      <c r="C234">
        <v>8.526605</v>
      </c>
      <c r="D234">
        <f t="shared" si="9"/>
        <v>1.1611140000000004</v>
      </c>
      <c r="E234">
        <f t="shared" si="10"/>
        <v>6.8431709999999839</v>
      </c>
      <c r="F234">
        <f t="shared" si="11"/>
        <v>1.0567157269774868E-2</v>
      </c>
    </row>
    <row r="235" spans="1:6" x14ac:dyDescent="0.2">
      <c r="A235">
        <v>557.55040599999995</v>
      </c>
      <c r="B235">
        <v>20.008924</v>
      </c>
      <c r="C235">
        <v>8.5316100000000006</v>
      </c>
      <c r="D235">
        <f t="shared" si="9"/>
        <v>1.166119000000001</v>
      </c>
      <c r="E235">
        <f t="shared" si="10"/>
        <v>6.6631219999999303</v>
      </c>
      <c r="F235">
        <f t="shared" si="11"/>
        <v>1.0248274683226713E-2</v>
      </c>
    </row>
    <row r="236" spans="1:6" x14ac:dyDescent="0.2">
      <c r="A236">
        <v>556.99817499999995</v>
      </c>
      <c r="B236">
        <v>20.064038</v>
      </c>
      <c r="C236">
        <v>8.5366140000000001</v>
      </c>
      <c r="D236">
        <f t="shared" si="9"/>
        <v>1.1711230000000006</v>
      </c>
      <c r="E236">
        <f t="shared" si="10"/>
        <v>6.1108909999999241</v>
      </c>
      <c r="F236">
        <f t="shared" si="11"/>
        <v>9.3680296102673678E-3</v>
      </c>
    </row>
    <row r="237" spans="1:6" x14ac:dyDescent="0.2">
      <c r="A237">
        <v>556.78153099999997</v>
      </c>
      <c r="B237">
        <v>20.030795999999999</v>
      </c>
      <c r="C237">
        <v>8.5416190000000007</v>
      </c>
      <c r="D237">
        <f t="shared" si="9"/>
        <v>1.1761280000000012</v>
      </c>
      <c r="E237">
        <f t="shared" si="10"/>
        <v>5.8942469999999503</v>
      </c>
      <c r="F237">
        <f t="shared" si="11"/>
        <v>9.0009618494073951E-3</v>
      </c>
    </row>
    <row r="238" spans="1:6" x14ac:dyDescent="0.2">
      <c r="A238">
        <v>556.609374</v>
      </c>
      <c r="B238">
        <v>20.002109000000001</v>
      </c>
      <c r="C238">
        <v>8.5466239999999996</v>
      </c>
      <c r="D238">
        <f t="shared" si="9"/>
        <v>1.181133</v>
      </c>
      <c r="E238">
        <f t="shared" si="10"/>
        <v>5.7220899999999801</v>
      </c>
      <c r="F238">
        <f t="shared" si="11"/>
        <v>8.7037290865570743E-3</v>
      </c>
    </row>
    <row r="239" spans="1:6" x14ac:dyDescent="0.2">
      <c r="A239">
        <v>556.45674099999997</v>
      </c>
      <c r="B239">
        <v>20.019935</v>
      </c>
      <c r="C239">
        <v>8.5516290000000001</v>
      </c>
      <c r="D239">
        <f t="shared" si="9"/>
        <v>1.1861380000000006</v>
      </c>
      <c r="E239">
        <f t="shared" si="10"/>
        <v>5.569456999999943</v>
      </c>
      <c r="F239">
        <f t="shared" si="11"/>
        <v>8.4381303088651872E-3</v>
      </c>
    </row>
    <row r="240" spans="1:6" x14ac:dyDescent="0.2">
      <c r="A240">
        <v>556.33935899999994</v>
      </c>
      <c r="B240">
        <v>20.015722</v>
      </c>
      <c r="C240">
        <v>8.5566340000000007</v>
      </c>
      <c r="D240">
        <f t="shared" si="9"/>
        <v>1.1911430000000012</v>
      </c>
      <c r="E240">
        <f t="shared" si="10"/>
        <v>5.4520749999999225</v>
      </c>
      <c r="F240">
        <f t="shared" si="11"/>
        <v>8.227315138365783E-3</v>
      </c>
    </row>
    <row r="241" spans="1:6" x14ac:dyDescent="0.2">
      <c r="A241">
        <v>556.24785299999996</v>
      </c>
      <c r="B241">
        <v>20.017907999999998</v>
      </c>
      <c r="C241">
        <v>8.5616380000000003</v>
      </c>
      <c r="D241">
        <f t="shared" si="9"/>
        <v>1.1961470000000007</v>
      </c>
      <c r="E241">
        <f t="shared" si="10"/>
        <v>5.3605689999999413</v>
      </c>
      <c r="F241">
        <f t="shared" si="11"/>
        <v>8.056714746800293E-3</v>
      </c>
    </row>
    <row r="242" spans="1:6" x14ac:dyDescent="0.2">
      <c r="A242">
        <v>556.02941299999998</v>
      </c>
      <c r="B242">
        <v>20.033384999999999</v>
      </c>
      <c r="C242">
        <v>8.5666429999999991</v>
      </c>
      <c r="D242">
        <f t="shared" si="9"/>
        <v>1.2011519999999996</v>
      </c>
      <c r="E242">
        <f t="shared" si="10"/>
        <v>5.1421289999999544</v>
      </c>
      <c r="F242">
        <f t="shared" si="11"/>
        <v>7.699228929401049E-3</v>
      </c>
    </row>
    <row r="243" spans="1:6" x14ac:dyDescent="0.2">
      <c r="A243">
        <v>555.69951400000002</v>
      </c>
      <c r="B243">
        <v>20.035388000000001</v>
      </c>
      <c r="C243">
        <v>8.5716479999999997</v>
      </c>
      <c r="D243">
        <f t="shared" si="9"/>
        <v>1.2061570000000001</v>
      </c>
      <c r="E243">
        <f t="shared" si="10"/>
        <v>4.8122299999999996</v>
      </c>
      <c r="F243">
        <f t="shared" si="11"/>
        <v>7.1796375060275176E-3</v>
      </c>
    </row>
    <row r="244" spans="1:6" x14ac:dyDescent="0.2">
      <c r="A244">
        <v>555.31162700000004</v>
      </c>
      <c r="B244">
        <v>20.038027</v>
      </c>
      <c r="C244">
        <v>8.5766530000000003</v>
      </c>
      <c r="D244">
        <f t="shared" si="9"/>
        <v>1.2111620000000007</v>
      </c>
      <c r="E244">
        <f t="shared" si="10"/>
        <v>4.4243430000000217</v>
      </c>
      <c r="F244">
        <f t="shared" si="11"/>
        <v>6.5782410779265986E-3</v>
      </c>
    </row>
    <row r="245" spans="1:6" x14ac:dyDescent="0.2">
      <c r="A245">
        <v>555.13808600000004</v>
      </c>
      <c r="B245">
        <v>20.011669999999999</v>
      </c>
      <c r="C245">
        <v>8.5816579999999991</v>
      </c>
      <c r="D245">
        <f t="shared" si="9"/>
        <v>1.2161669999999996</v>
      </c>
      <c r="E245">
        <f t="shared" si="10"/>
        <v>4.2508020000000215</v>
      </c>
      <c r="F245">
        <f t="shared" si="11"/>
        <v>6.2961727824840073E-3</v>
      </c>
    </row>
    <row r="246" spans="1:6" x14ac:dyDescent="0.2">
      <c r="A246">
        <v>555.43113900000003</v>
      </c>
      <c r="B246">
        <v>19.947179999999999</v>
      </c>
      <c r="C246">
        <v>8.5866620000000005</v>
      </c>
      <c r="D246">
        <f t="shared" si="9"/>
        <v>1.2211710000000009</v>
      </c>
      <c r="E246">
        <f t="shared" si="10"/>
        <v>4.5438550000000077</v>
      </c>
      <c r="F246">
        <f t="shared" si="11"/>
        <v>6.699120010258742E-3</v>
      </c>
    </row>
    <row r="247" spans="1:6" x14ac:dyDescent="0.2">
      <c r="A247">
        <v>556.07273999999995</v>
      </c>
      <c r="B247">
        <v>19.945402999999999</v>
      </c>
      <c r="C247">
        <v>8.5916669999999993</v>
      </c>
      <c r="D247">
        <f t="shared" si="9"/>
        <v>1.2261759999999997</v>
      </c>
      <c r="E247">
        <f t="shared" si="10"/>
        <v>5.185455999999931</v>
      </c>
      <c r="F247">
        <f t="shared" si="11"/>
        <v>7.6050581066842452E-3</v>
      </c>
    </row>
    <row r="248" spans="1:6" x14ac:dyDescent="0.2">
      <c r="A248">
        <v>555.99565299999995</v>
      </c>
      <c r="B248">
        <v>20.008044999999999</v>
      </c>
      <c r="C248">
        <v>8.5966719999999999</v>
      </c>
      <c r="D248">
        <f t="shared" si="9"/>
        <v>1.2311810000000003</v>
      </c>
      <c r="E248">
        <f t="shared" si="10"/>
        <v>5.1083689999999251</v>
      </c>
      <c r="F248">
        <f t="shared" si="11"/>
        <v>7.4625793137316713E-3</v>
      </c>
    </row>
    <row r="249" spans="1:6" x14ac:dyDescent="0.2">
      <c r="A249">
        <v>556.096405</v>
      </c>
      <c r="B249">
        <v>19.975435999999998</v>
      </c>
      <c r="C249">
        <v>8.6016770000000005</v>
      </c>
      <c r="D249">
        <f t="shared" si="9"/>
        <v>1.2361860000000009</v>
      </c>
      <c r="E249">
        <f t="shared" si="10"/>
        <v>5.2091209999999819</v>
      </c>
      <c r="F249">
        <f t="shared" si="11"/>
        <v>7.5775801241029167E-3</v>
      </c>
    </row>
    <row r="250" spans="1:6" x14ac:dyDescent="0.2">
      <c r="A250">
        <v>556.48862199999996</v>
      </c>
      <c r="B250">
        <v>19.959647</v>
      </c>
      <c r="C250">
        <v>8.6066819999999993</v>
      </c>
      <c r="D250">
        <f t="shared" si="9"/>
        <v>1.2411909999999997</v>
      </c>
      <c r="E250">
        <f t="shared" si="10"/>
        <v>5.6013379999999415</v>
      </c>
      <c r="F250">
        <f t="shared" si="11"/>
        <v>8.1095521882677598E-3</v>
      </c>
    </row>
    <row r="251" spans="1:6" x14ac:dyDescent="0.2">
      <c r="A251">
        <v>556.84259999999995</v>
      </c>
      <c r="B251">
        <v>19.960241</v>
      </c>
      <c r="C251">
        <v>8.6116860000000006</v>
      </c>
      <c r="D251">
        <f t="shared" si="9"/>
        <v>1.2461950000000011</v>
      </c>
      <c r="E251">
        <f t="shared" si="10"/>
        <v>5.9553159999999252</v>
      </c>
      <c r="F251">
        <f t="shared" si="11"/>
        <v>8.5819573889877356E-3</v>
      </c>
    </row>
    <row r="252" spans="1:6" x14ac:dyDescent="0.2">
      <c r="A252">
        <v>556.94079999999997</v>
      </c>
      <c r="B252">
        <v>20.003413999999999</v>
      </c>
      <c r="C252">
        <v>8.6166909999999994</v>
      </c>
      <c r="D252">
        <f t="shared" si="9"/>
        <v>1.2511999999999999</v>
      </c>
      <c r="E252">
        <f t="shared" si="10"/>
        <v>6.0535159999999451</v>
      </c>
      <c r="F252">
        <f t="shared" si="11"/>
        <v>8.6870420672497534E-3</v>
      </c>
    </row>
    <row r="253" spans="1:6" x14ac:dyDescent="0.2">
      <c r="A253">
        <v>556.94550900000002</v>
      </c>
      <c r="B253">
        <v>19.993306</v>
      </c>
      <c r="C253">
        <v>8.621696</v>
      </c>
      <c r="D253">
        <f t="shared" si="9"/>
        <v>1.2562050000000005</v>
      </c>
      <c r="E253">
        <f t="shared" si="10"/>
        <v>6.0582249999999931</v>
      </c>
      <c r="F253">
        <f t="shared" si="11"/>
        <v>8.659088429762183E-3</v>
      </c>
    </row>
    <row r="254" spans="1:6" x14ac:dyDescent="0.2">
      <c r="A254">
        <v>557.04585499999996</v>
      </c>
      <c r="B254">
        <v>19.985301</v>
      </c>
      <c r="C254">
        <v>8.6267010000000006</v>
      </c>
      <c r="D254">
        <f t="shared" si="9"/>
        <v>1.2612100000000011</v>
      </c>
      <c r="E254">
        <f t="shared" si="10"/>
        <v>6.1585709999999381</v>
      </c>
      <c r="F254">
        <f t="shared" si="11"/>
        <v>8.766002699858659E-3</v>
      </c>
    </row>
    <row r="255" spans="1:6" x14ac:dyDescent="0.2">
      <c r="A255">
        <v>557.75706000000002</v>
      </c>
      <c r="B255">
        <v>19.904532</v>
      </c>
      <c r="C255">
        <v>8.6317059999999994</v>
      </c>
      <c r="D255">
        <f t="shared" si="9"/>
        <v>1.2662149999999999</v>
      </c>
      <c r="E255">
        <f t="shared" si="10"/>
        <v>6.8697760000000017</v>
      </c>
      <c r="F255">
        <f t="shared" si="11"/>
        <v>9.7272492916657769E-3</v>
      </c>
    </row>
    <row r="256" spans="1:6" x14ac:dyDescent="0.2">
      <c r="A256">
        <v>558.43763300000001</v>
      </c>
      <c r="B256">
        <v>19.928205999999999</v>
      </c>
      <c r="C256">
        <v>8.6367100000000008</v>
      </c>
      <c r="D256">
        <f t="shared" si="9"/>
        <v>1.2712190000000012</v>
      </c>
      <c r="E256">
        <f t="shared" si="10"/>
        <v>7.5503489999999829</v>
      </c>
      <c r="F256">
        <f t="shared" si="11"/>
        <v>1.0635844362480525E-2</v>
      </c>
    </row>
    <row r="257" spans="1:6" x14ac:dyDescent="0.2">
      <c r="A257">
        <v>558.70869800000003</v>
      </c>
      <c r="B257">
        <v>19.975633999999999</v>
      </c>
      <c r="C257">
        <v>8.6417149999999996</v>
      </c>
      <c r="D257">
        <f t="shared" si="9"/>
        <v>1.276224</v>
      </c>
      <c r="E257">
        <f t="shared" si="10"/>
        <v>7.8214140000000043</v>
      </c>
      <c r="F257">
        <f t="shared" si="11"/>
        <v>1.0969148964926749E-2</v>
      </c>
    </row>
    <row r="258" spans="1:6" x14ac:dyDescent="0.2">
      <c r="A258">
        <v>558.83237799999995</v>
      </c>
      <c r="B258">
        <v>19.987033</v>
      </c>
      <c r="C258">
        <v>8.6467200000000002</v>
      </c>
      <c r="D258">
        <f t="shared" si="9"/>
        <v>1.2812290000000006</v>
      </c>
      <c r="E258">
        <f t="shared" si="10"/>
        <v>7.9450939999999264</v>
      </c>
      <c r="F258">
        <f t="shared" si="11"/>
        <v>1.1096620128157169E-2</v>
      </c>
    </row>
    <row r="259" spans="1:6" x14ac:dyDescent="0.2">
      <c r="A259">
        <v>559.26834799999995</v>
      </c>
      <c r="B259">
        <v>19.934737999999999</v>
      </c>
      <c r="C259">
        <v>8.6517250000000008</v>
      </c>
      <c r="D259">
        <f t="shared" ref="D259:D322" si="12">C259-$C$2</f>
        <v>1.2862340000000012</v>
      </c>
      <c r="E259">
        <f t="shared" ref="E259:E322" si="13">A259-$A$2</f>
        <v>8.3810639999999239</v>
      </c>
      <c r="F259">
        <f t="shared" ref="F259:F322" si="14">(1/A259)*(E259/D259)</f>
        <v>1.1650885404444046E-2</v>
      </c>
    </row>
    <row r="260" spans="1:6" x14ac:dyDescent="0.2">
      <c r="A260">
        <v>559.74066400000004</v>
      </c>
      <c r="B260">
        <v>19.973537</v>
      </c>
      <c r="C260">
        <v>8.6567299999999996</v>
      </c>
      <c r="D260">
        <f t="shared" si="12"/>
        <v>1.291239</v>
      </c>
      <c r="E260">
        <f t="shared" si="13"/>
        <v>8.8533800000000156</v>
      </c>
      <c r="F260">
        <f t="shared" si="14"/>
        <v>1.224942242609596E-2</v>
      </c>
    </row>
    <row r="261" spans="1:6" x14ac:dyDescent="0.2">
      <c r="A261">
        <v>559.78893100000005</v>
      </c>
      <c r="B261">
        <v>19.985084000000001</v>
      </c>
      <c r="C261">
        <v>8.6617339999999992</v>
      </c>
      <c r="D261">
        <f t="shared" si="12"/>
        <v>1.2962429999999996</v>
      </c>
      <c r="E261">
        <f t="shared" si="13"/>
        <v>8.9016470000000254</v>
      </c>
      <c r="F261">
        <f t="shared" si="14"/>
        <v>1.2267600860003445E-2</v>
      </c>
    </row>
    <row r="262" spans="1:6" x14ac:dyDescent="0.2">
      <c r="A262">
        <v>559.62586599999997</v>
      </c>
      <c r="B262">
        <v>20.021564000000001</v>
      </c>
      <c r="C262">
        <v>8.6667389999999997</v>
      </c>
      <c r="D262">
        <f t="shared" si="12"/>
        <v>1.3012480000000002</v>
      </c>
      <c r="E262">
        <f t="shared" si="13"/>
        <v>8.7385819999999512</v>
      </c>
      <c r="F262">
        <f t="shared" si="14"/>
        <v>1.2000051541898142E-2</v>
      </c>
    </row>
    <row r="263" spans="1:6" x14ac:dyDescent="0.2">
      <c r="A263">
        <v>559.50224300000002</v>
      </c>
      <c r="B263">
        <v>20.012920999999999</v>
      </c>
      <c r="C263">
        <v>8.6717440000000003</v>
      </c>
      <c r="D263">
        <f t="shared" si="12"/>
        <v>1.3062530000000008</v>
      </c>
      <c r="E263">
        <f t="shared" si="13"/>
        <v>8.6149589999999989</v>
      </c>
      <c r="F263">
        <f t="shared" si="14"/>
        <v>1.1787564498907409E-2</v>
      </c>
    </row>
    <row r="264" spans="1:6" x14ac:dyDescent="0.2">
      <c r="A264">
        <v>559.21640300000001</v>
      </c>
      <c r="B264">
        <v>20.033149000000002</v>
      </c>
      <c r="C264">
        <v>8.6767489999999992</v>
      </c>
      <c r="D264">
        <f t="shared" si="12"/>
        <v>1.3112579999999996</v>
      </c>
      <c r="E264">
        <f t="shared" si="13"/>
        <v>8.3291189999999915</v>
      </c>
      <c r="F264">
        <f t="shared" si="14"/>
        <v>1.1358762381179031E-2</v>
      </c>
    </row>
    <row r="265" spans="1:6" x14ac:dyDescent="0.2">
      <c r="A265">
        <v>558.64553100000001</v>
      </c>
      <c r="B265">
        <v>20.082329000000001</v>
      </c>
      <c r="C265">
        <v>8.6817539999999997</v>
      </c>
      <c r="D265">
        <f t="shared" si="12"/>
        <v>1.3162630000000002</v>
      </c>
      <c r="E265">
        <f t="shared" si="13"/>
        <v>7.758246999999983</v>
      </c>
      <c r="F265">
        <f t="shared" si="14"/>
        <v>1.0550780785795159E-2</v>
      </c>
    </row>
    <row r="266" spans="1:6" x14ac:dyDescent="0.2">
      <c r="A266">
        <v>557.52818400000001</v>
      </c>
      <c r="B266">
        <v>20.126529999999999</v>
      </c>
      <c r="C266">
        <v>8.6867579999999993</v>
      </c>
      <c r="D266">
        <f t="shared" si="12"/>
        <v>1.3212669999999997</v>
      </c>
      <c r="E266">
        <f t="shared" si="13"/>
        <v>6.6408999999999878</v>
      </c>
      <c r="F266">
        <f t="shared" si="14"/>
        <v>9.0150787712432474E-3</v>
      </c>
    </row>
    <row r="267" spans="1:6" x14ac:dyDescent="0.2">
      <c r="A267">
        <v>556.97314400000005</v>
      </c>
      <c r="B267">
        <v>20.045369999999998</v>
      </c>
      <c r="C267">
        <v>8.6917629999999999</v>
      </c>
      <c r="D267">
        <f t="shared" si="12"/>
        <v>1.3262720000000003</v>
      </c>
      <c r="E267">
        <f t="shared" si="13"/>
        <v>6.0858600000000251</v>
      </c>
      <c r="F267">
        <f t="shared" si="14"/>
        <v>8.2386319472596749E-3</v>
      </c>
    </row>
    <row r="268" spans="1:6" x14ac:dyDescent="0.2">
      <c r="A268">
        <v>556.69386699999995</v>
      </c>
      <c r="B268">
        <v>20.039629000000001</v>
      </c>
      <c r="C268">
        <v>8.6967680000000005</v>
      </c>
      <c r="D268">
        <f t="shared" si="12"/>
        <v>1.3312770000000009</v>
      </c>
      <c r="E268">
        <f t="shared" si="13"/>
        <v>5.8065829999999323</v>
      </c>
      <c r="F268">
        <f t="shared" si="14"/>
        <v>7.8349417604497828E-3</v>
      </c>
    </row>
    <row r="269" spans="1:6" x14ac:dyDescent="0.2">
      <c r="A269">
        <v>556.10387300000002</v>
      </c>
      <c r="B269">
        <v>20.078147999999999</v>
      </c>
      <c r="C269">
        <v>8.7017729999999993</v>
      </c>
      <c r="D269">
        <f t="shared" si="12"/>
        <v>1.3362819999999997</v>
      </c>
      <c r="E269">
        <f t="shared" si="13"/>
        <v>5.216588999999999</v>
      </c>
      <c r="F269">
        <f t="shared" si="14"/>
        <v>7.0199267926190009E-3</v>
      </c>
    </row>
    <row r="270" spans="1:6" x14ac:dyDescent="0.2">
      <c r="A270">
        <v>555.34628799999996</v>
      </c>
      <c r="B270">
        <v>20.090115999999998</v>
      </c>
      <c r="C270">
        <v>8.7067779999999999</v>
      </c>
      <c r="D270">
        <f t="shared" si="12"/>
        <v>1.3412870000000003</v>
      </c>
      <c r="E270">
        <f t="shared" si="13"/>
        <v>4.4590039999999362</v>
      </c>
      <c r="F270">
        <f t="shared" si="14"/>
        <v>5.9862144819339824E-3</v>
      </c>
    </row>
    <row r="271" spans="1:6" x14ac:dyDescent="0.2">
      <c r="A271">
        <v>555.04991800000005</v>
      </c>
      <c r="B271">
        <v>20.010634</v>
      </c>
      <c r="C271">
        <v>8.7117819999999995</v>
      </c>
      <c r="D271">
        <f t="shared" si="12"/>
        <v>1.3462909999999999</v>
      </c>
      <c r="E271">
        <f t="shared" si="13"/>
        <v>4.1626340000000255</v>
      </c>
      <c r="F271">
        <f t="shared" si="14"/>
        <v>5.5705392911538408E-3</v>
      </c>
    </row>
    <row r="272" spans="1:6" x14ac:dyDescent="0.2">
      <c r="A272">
        <v>554.87917800000002</v>
      </c>
      <c r="B272">
        <v>20.025576000000001</v>
      </c>
      <c r="C272">
        <v>8.7167870000000001</v>
      </c>
      <c r="D272">
        <f t="shared" si="12"/>
        <v>1.3512960000000005</v>
      </c>
      <c r="E272">
        <f t="shared" si="13"/>
        <v>3.9918940000000021</v>
      </c>
      <c r="F272">
        <f t="shared" si="14"/>
        <v>5.3239023520541854E-3</v>
      </c>
    </row>
    <row r="273" spans="1:6" x14ac:dyDescent="0.2">
      <c r="A273">
        <v>554.624954</v>
      </c>
      <c r="B273">
        <v>20.020410999999999</v>
      </c>
      <c r="C273">
        <v>8.7217920000000007</v>
      </c>
      <c r="D273">
        <f t="shared" si="12"/>
        <v>1.3563010000000011</v>
      </c>
      <c r="E273">
        <f t="shared" si="13"/>
        <v>3.7376699999999801</v>
      </c>
      <c r="F273">
        <f t="shared" si="14"/>
        <v>4.9687307915822184E-3</v>
      </c>
    </row>
    <row r="274" spans="1:6" x14ac:dyDescent="0.2">
      <c r="A274">
        <v>554.913365</v>
      </c>
      <c r="B274">
        <v>19.961819999999999</v>
      </c>
      <c r="C274">
        <v>8.7267969999999995</v>
      </c>
      <c r="D274">
        <f t="shared" si="12"/>
        <v>1.3613059999999999</v>
      </c>
      <c r="E274">
        <f t="shared" si="13"/>
        <v>4.0260809999999765</v>
      </c>
      <c r="F274">
        <f t="shared" si="14"/>
        <v>5.329685280807411E-3</v>
      </c>
    </row>
    <row r="275" spans="1:6" x14ac:dyDescent="0.2">
      <c r="A275">
        <v>555.40466900000001</v>
      </c>
      <c r="B275">
        <v>19.926908000000001</v>
      </c>
      <c r="C275">
        <v>8.7318020000000001</v>
      </c>
      <c r="D275">
        <f t="shared" si="12"/>
        <v>1.3663110000000005</v>
      </c>
      <c r="E275">
        <f t="shared" si="13"/>
        <v>4.5173849999999902</v>
      </c>
      <c r="F275">
        <f t="shared" si="14"/>
        <v>5.9528921489977451E-3</v>
      </c>
    </row>
    <row r="276" spans="1:6" x14ac:dyDescent="0.2">
      <c r="A276">
        <v>556.14181499999995</v>
      </c>
      <c r="B276">
        <v>19.925307</v>
      </c>
      <c r="C276">
        <v>8.7368059999999996</v>
      </c>
      <c r="D276">
        <f t="shared" si="12"/>
        <v>1.3713150000000001</v>
      </c>
      <c r="E276">
        <f t="shared" si="13"/>
        <v>5.254530999999929</v>
      </c>
      <c r="F276">
        <f t="shared" si="14"/>
        <v>6.8898724521305275E-3</v>
      </c>
    </row>
    <row r="277" spans="1:6" x14ac:dyDescent="0.2">
      <c r="A277">
        <v>556.71054900000001</v>
      </c>
      <c r="B277">
        <v>19.949386000000001</v>
      </c>
      <c r="C277">
        <v>8.7418110000000002</v>
      </c>
      <c r="D277">
        <f t="shared" si="12"/>
        <v>1.3763200000000007</v>
      </c>
      <c r="E277">
        <f t="shared" si="13"/>
        <v>5.8232649999999921</v>
      </c>
      <c r="F277">
        <f t="shared" si="14"/>
        <v>7.6000715764465198E-3</v>
      </c>
    </row>
    <row r="278" spans="1:6" x14ac:dyDescent="0.2">
      <c r="A278">
        <v>557.23756600000002</v>
      </c>
      <c r="B278">
        <v>19.923804000000001</v>
      </c>
      <c r="C278">
        <v>8.7468160000000008</v>
      </c>
      <c r="D278">
        <f t="shared" si="12"/>
        <v>1.3813250000000012</v>
      </c>
      <c r="E278">
        <f t="shared" si="13"/>
        <v>6.3502819999999929</v>
      </c>
      <c r="F278">
        <f t="shared" si="14"/>
        <v>8.2500532760190187E-3</v>
      </c>
    </row>
    <row r="279" spans="1:6" x14ac:dyDescent="0.2">
      <c r="A279">
        <v>558.00093400000003</v>
      </c>
      <c r="B279">
        <v>19.907916</v>
      </c>
      <c r="C279">
        <v>8.7518209999999996</v>
      </c>
      <c r="D279">
        <f t="shared" si="12"/>
        <v>1.3863300000000001</v>
      </c>
      <c r="E279">
        <f t="shared" si="13"/>
        <v>7.1136500000000069</v>
      </c>
      <c r="F279">
        <f t="shared" si="14"/>
        <v>9.1958302595317037E-3</v>
      </c>
    </row>
    <row r="280" spans="1:6" x14ac:dyDescent="0.2">
      <c r="A280">
        <v>558.97350900000004</v>
      </c>
      <c r="B280">
        <v>19.890677</v>
      </c>
      <c r="C280">
        <v>8.7568260000000002</v>
      </c>
      <c r="D280">
        <f t="shared" si="12"/>
        <v>1.3913350000000007</v>
      </c>
      <c r="E280">
        <f t="shared" si="13"/>
        <v>8.0862250000000131</v>
      </c>
      <c r="F280">
        <f t="shared" si="14"/>
        <v>1.0397355300274042E-2</v>
      </c>
    </row>
    <row r="281" spans="1:6" x14ac:dyDescent="0.2">
      <c r="A281">
        <v>559.81546400000002</v>
      </c>
      <c r="B281">
        <v>19.924195000000001</v>
      </c>
      <c r="C281">
        <v>8.7618299999999998</v>
      </c>
      <c r="D281">
        <f t="shared" si="12"/>
        <v>1.3963390000000002</v>
      </c>
      <c r="E281">
        <f t="shared" si="13"/>
        <v>8.9281799999999976</v>
      </c>
      <c r="F281">
        <f t="shared" si="14"/>
        <v>1.1421606097167671E-2</v>
      </c>
    </row>
    <row r="282" spans="1:6" x14ac:dyDescent="0.2">
      <c r="A282">
        <v>560.308044</v>
      </c>
      <c r="B282">
        <v>19.949703</v>
      </c>
      <c r="C282">
        <v>8.7668350000000004</v>
      </c>
      <c r="D282">
        <f t="shared" si="12"/>
        <v>1.4013440000000008</v>
      </c>
      <c r="E282">
        <f t="shared" si="13"/>
        <v>9.4207599999999729</v>
      </c>
      <c r="F282">
        <f t="shared" si="14"/>
        <v>1.1998151023517919E-2</v>
      </c>
    </row>
    <row r="283" spans="1:6" x14ac:dyDescent="0.2">
      <c r="A283">
        <v>560.44743400000004</v>
      </c>
      <c r="B283">
        <v>19.977803999999999</v>
      </c>
      <c r="C283">
        <v>8.7718399999999992</v>
      </c>
      <c r="D283">
        <f t="shared" si="12"/>
        <v>1.4063489999999996</v>
      </c>
      <c r="E283">
        <f t="shared" si="13"/>
        <v>9.5601500000000215</v>
      </c>
      <c r="F283">
        <f t="shared" si="14"/>
        <v>1.2129327226478767E-2</v>
      </c>
    </row>
    <row r="284" spans="1:6" x14ac:dyDescent="0.2">
      <c r="A284">
        <v>560.79598299999998</v>
      </c>
      <c r="B284">
        <v>19.964254</v>
      </c>
      <c r="C284">
        <v>8.7768449999999998</v>
      </c>
      <c r="D284">
        <f t="shared" si="12"/>
        <v>1.4113540000000002</v>
      </c>
      <c r="E284">
        <f t="shared" si="13"/>
        <v>9.908698999999956</v>
      </c>
      <c r="F284">
        <f t="shared" si="14"/>
        <v>1.2519177106051644E-2</v>
      </c>
    </row>
    <row r="285" spans="1:6" x14ac:dyDescent="0.2">
      <c r="A285">
        <v>561.06623000000002</v>
      </c>
      <c r="B285">
        <v>19.984714</v>
      </c>
      <c r="C285">
        <v>8.7818500000000004</v>
      </c>
      <c r="D285">
        <f t="shared" si="12"/>
        <v>1.4163590000000008</v>
      </c>
      <c r="E285">
        <f t="shared" si="13"/>
        <v>10.178945999999996</v>
      </c>
      <c r="F285">
        <f t="shared" si="14"/>
        <v>1.2809003198952939E-2</v>
      </c>
    </row>
    <row r="286" spans="1:6" x14ac:dyDescent="0.2">
      <c r="A286">
        <v>560.87277200000005</v>
      </c>
      <c r="B286">
        <v>20.029395999999998</v>
      </c>
      <c r="C286">
        <v>8.7868539999999999</v>
      </c>
      <c r="D286">
        <f t="shared" si="12"/>
        <v>1.4213630000000004</v>
      </c>
      <c r="E286">
        <f t="shared" si="13"/>
        <v>9.9854880000000321</v>
      </c>
      <c r="F286">
        <f t="shared" si="14"/>
        <v>1.2525640152490044E-2</v>
      </c>
    </row>
    <row r="287" spans="1:6" x14ac:dyDescent="0.2">
      <c r="A287">
        <v>560.48166500000002</v>
      </c>
      <c r="B287">
        <v>20.040136</v>
      </c>
      <c r="C287">
        <v>8.7918590000000005</v>
      </c>
      <c r="D287">
        <f t="shared" si="12"/>
        <v>1.426368000000001</v>
      </c>
      <c r="E287">
        <f t="shared" si="13"/>
        <v>9.5943809999999985</v>
      </c>
      <c r="F287">
        <f t="shared" si="14"/>
        <v>1.200118038378202E-2</v>
      </c>
    </row>
    <row r="288" spans="1:6" x14ac:dyDescent="0.2">
      <c r="A288">
        <v>560.08885099999998</v>
      </c>
      <c r="B288">
        <v>20.025175999999998</v>
      </c>
      <c r="C288">
        <v>8.7968639999999994</v>
      </c>
      <c r="D288">
        <f t="shared" si="12"/>
        <v>1.4313729999999998</v>
      </c>
      <c r="E288">
        <f t="shared" si="13"/>
        <v>9.2015669999999545</v>
      </c>
      <c r="F288">
        <f t="shared" si="14"/>
        <v>1.1477625338919566E-2</v>
      </c>
    </row>
    <row r="289" spans="1:6" x14ac:dyDescent="0.2">
      <c r="A289">
        <v>559.96282799999994</v>
      </c>
      <c r="B289">
        <v>20.031417999999999</v>
      </c>
      <c r="C289">
        <v>8.8018689999999999</v>
      </c>
      <c r="D289">
        <f t="shared" si="12"/>
        <v>1.4363780000000004</v>
      </c>
      <c r="E289">
        <f t="shared" si="13"/>
        <v>9.0755439999999226</v>
      </c>
      <c r="F289">
        <f t="shared" si="14"/>
        <v>1.128352313651336E-2</v>
      </c>
    </row>
    <row r="290" spans="1:6" x14ac:dyDescent="0.2">
      <c r="A290">
        <v>559.61150199999997</v>
      </c>
      <c r="B290">
        <v>20.039254</v>
      </c>
      <c r="C290">
        <v>8.8068740000000005</v>
      </c>
      <c r="D290">
        <f t="shared" si="12"/>
        <v>1.441383000000001</v>
      </c>
      <c r="E290">
        <f t="shared" si="13"/>
        <v>8.7242179999999507</v>
      </c>
      <c r="F290">
        <f t="shared" si="14"/>
        <v>1.0815845660558964E-2</v>
      </c>
    </row>
    <row r="291" spans="1:6" x14ac:dyDescent="0.2">
      <c r="A291">
        <v>559.17785800000001</v>
      </c>
      <c r="B291">
        <v>20.052617000000001</v>
      </c>
      <c r="C291">
        <v>8.8118780000000001</v>
      </c>
      <c r="D291">
        <f t="shared" si="12"/>
        <v>1.4463870000000005</v>
      </c>
      <c r="E291">
        <f t="shared" si="13"/>
        <v>8.2905739999999923</v>
      </c>
      <c r="F291">
        <f t="shared" si="14"/>
        <v>1.0250619765800533E-2</v>
      </c>
    </row>
    <row r="292" spans="1:6" x14ac:dyDescent="0.2">
      <c r="A292">
        <v>558.39887299999998</v>
      </c>
      <c r="B292">
        <v>20.079453000000001</v>
      </c>
      <c r="C292">
        <v>8.8168830000000007</v>
      </c>
      <c r="D292">
        <f t="shared" si="12"/>
        <v>1.4513920000000011</v>
      </c>
      <c r="E292">
        <f t="shared" si="13"/>
        <v>7.5115889999999581</v>
      </c>
      <c r="F292">
        <f t="shared" si="14"/>
        <v>9.2683528511014069E-3</v>
      </c>
    </row>
    <row r="293" spans="1:6" x14ac:dyDescent="0.2">
      <c r="A293">
        <v>558.15269000000001</v>
      </c>
      <c r="B293">
        <v>20.02797</v>
      </c>
      <c r="C293">
        <v>8.8218879999999995</v>
      </c>
      <c r="D293">
        <f t="shared" si="12"/>
        <v>1.4563969999999999</v>
      </c>
      <c r="E293">
        <f t="shared" si="13"/>
        <v>7.2654059999999845</v>
      </c>
      <c r="F293">
        <f t="shared" si="14"/>
        <v>8.937727108464846E-3</v>
      </c>
    </row>
    <row r="294" spans="1:6" x14ac:dyDescent="0.2">
      <c r="A294">
        <v>558.14217699999995</v>
      </c>
      <c r="B294">
        <v>20.003039999999999</v>
      </c>
      <c r="C294">
        <v>8.8268930000000001</v>
      </c>
      <c r="D294">
        <f t="shared" si="12"/>
        <v>1.4614020000000005</v>
      </c>
      <c r="E294">
        <f t="shared" si="13"/>
        <v>7.2548929999999245</v>
      </c>
      <c r="F294">
        <f t="shared" si="14"/>
        <v>8.8943962216718984E-3</v>
      </c>
    </row>
    <row r="295" spans="1:6" x14ac:dyDescent="0.2">
      <c r="A295">
        <v>557.92050400000005</v>
      </c>
      <c r="B295">
        <v>20.031839000000002</v>
      </c>
      <c r="C295">
        <v>8.8318980000000007</v>
      </c>
      <c r="D295">
        <f t="shared" si="12"/>
        <v>1.4664070000000011</v>
      </c>
      <c r="E295">
        <f t="shared" si="13"/>
        <v>7.0332200000000284</v>
      </c>
      <c r="F295">
        <f t="shared" si="14"/>
        <v>8.5966125790824469E-3</v>
      </c>
    </row>
    <row r="296" spans="1:6" x14ac:dyDescent="0.2">
      <c r="A296">
        <v>557.34015899999997</v>
      </c>
      <c r="B296">
        <v>20.050782000000002</v>
      </c>
      <c r="C296">
        <v>8.8369020000000003</v>
      </c>
      <c r="D296">
        <f t="shared" si="12"/>
        <v>1.4714110000000007</v>
      </c>
      <c r="E296">
        <f t="shared" si="13"/>
        <v>6.4528749999999491</v>
      </c>
      <c r="F296">
        <f t="shared" si="14"/>
        <v>7.8686262399348689E-3</v>
      </c>
    </row>
    <row r="297" spans="1:6" x14ac:dyDescent="0.2">
      <c r="A297">
        <v>557.18279399999994</v>
      </c>
      <c r="B297">
        <v>20.012052000000001</v>
      </c>
      <c r="C297">
        <v>8.8419070000000008</v>
      </c>
      <c r="D297">
        <f t="shared" si="12"/>
        <v>1.4764160000000013</v>
      </c>
      <c r="E297">
        <f t="shared" si="13"/>
        <v>6.295509999999922</v>
      </c>
      <c r="F297">
        <f t="shared" si="14"/>
        <v>7.6528725076725661E-3</v>
      </c>
    </row>
    <row r="298" spans="1:6" x14ac:dyDescent="0.2">
      <c r="A298">
        <v>557.31948899999998</v>
      </c>
      <c r="B298">
        <v>19.975939</v>
      </c>
      <c r="C298">
        <v>8.8469119999999997</v>
      </c>
      <c r="D298">
        <f t="shared" si="12"/>
        <v>1.4814210000000001</v>
      </c>
      <c r="E298">
        <f t="shared" si="13"/>
        <v>6.4322049999999535</v>
      </c>
      <c r="F298">
        <f t="shared" si="14"/>
        <v>7.7907120052385518E-3</v>
      </c>
    </row>
    <row r="299" spans="1:6" x14ac:dyDescent="0.2">
      <c r="A299">
        <v>557.16437800000006</v>
      </c>
      <c r="B299">
        <v>20.020392000000001</v>
      </c>
      <c r="C299">
        <v>8.8519170000000003</v>
      </c>
      <c r="D299">
        <f t="shared" si="12"/>
        <v>1.4864260000000007</v>
      </c>
      <c r="E299">
        <f t="shared" si="13"/>
        <v>6.2770940000000337</v>
      </c>
      <c r="F299">
        <f t="shared" si="14"/>
        <v>7.5793506000302263E-3</v>
      </c>
    </row>
    <row r="300" spans="1:6" x14ac:dyDescent="0.2">
      <c r="A300">
        <v>557.46715300000005</v>
      </c>
      <c r="B300">
        <v>19.965430000000001</v>
      </c>
      <c r="C300">
        <v>8.8569220000000008</v>
      </c>
      <c r="D300">
        <f t="shared" si="12"/>
        <v>1.4914310000000013</v>
      </c>
      <c r="E300">
        <f t="shared" si="13"/>
        <v>6.5798690000000306</v>
      </c>
      <c r="F300">
        <f t="shared" si="14"/>
        <v>7.9139772661191606E-3</v>
      </c>
    </row>
    <row r="301" spans="1:6" x14ac:dyDescent="0.2">
      <c r="A301">
        <v>557.683088</v>
      </c>
      <c r="B301">
        <v>19.973126000000001</v>
      </c>
      <c r="C301">
        <v>8.8619260000000004</v>
      </c>
      <c r="D301">
        <f t="shared" si="12"/>
        <v>1.4964350000000008</v>
      </c>
      <c r="E301">
        <f t="shared" si="13"/>
        <v>6.7958039999999755</v>
      </c>
      <c r="F301">
        <f t="shared" si="14"/>
        <v>8.1432077169126607E-3</v>
      </c>
    </row>
    <row r="302" spans="1:6" x14ac:dyDescent="0.2">
      <c r="A302">
        <v>557.69673699999998</v>
      </c>
      <c r="B302">
        <v>19.990335999999999</v>
      </c>
      <c r="C302">
        <v>8.8669309999999992</v>
      </c>
      <c r="D302">
        <f t="shared" si="12"/>
        <v>1.5014399999999997</v>
      </c>
      <c r="E302">
        <f t="shared" si="13"/>
        <v>6.8094529999999622</v>
      </c>
      <c r="F302">
        <f t="shared" si="14"/>
        <v>8.1321642431067438E-3</v>
      </c>
    </row>
    <row r="303" spans="1:6" x14ac:dyDescent="0.2">
      <c r="A303">
        <v>558.00122999999996</v>
      </c>
      <c r="B303">
        <v>19.977063000000001</v>
      </c>
      <c r="C303">
        <v>8.8719359999999998</v>
      </c>
      <c r="D303">
        <f t="shared" si="12"/>
        <v>1.5064450000000003</v>
      </c>
      <c r="E303">
        <f t="shared" si="13"/>
        <v>7.1139459999999417</v>
      </c>
      <c r="F303">
        <f t="shared" si="14"/>
        <v>8.4629568725512125E-3</v>
      </c>
    </row>
    <row r="304" spans="1:6" x14ac:dyDescent="0.2">
      <c r="A304">
        <v>558.43079999999998</v>
      </c>
      <c r="B304">
        <v>19.944534000000001</v>
      </c>
      <c r="C304">
        <v>8.8769410000000004</v>
      </c>
      <c r="D304">
        <f t="shared" si="12"/>
        <v>1.5114500000000008</v>
      </c>
      <c r="E304">
        <f t="shared" si="13"/>
        <v>7.5435159999999541</v>
      </c>
      <c r="F304">
        <f t="shared" si="14"/>
        <v>8.9373891292201732E-3</v>
      </c>
    </row>
    <row r="305" spans="1:6" x14ac:dyDescent="0.2">
      <c r="A305">
        <v>558.68122300000005</v>
      </c>
      <c r="B305">
        <v>19.979268000000001</v>
      </c>
      <c r="C305">
        <v>8.8819459999999992</v>
      </c>
      <c r="D305">
        <f t="shared" si="12"/>
        <v>1.5164549999999997</v>
      </c>
      <c r="E305">
        <f t="shared" si="13"/>
        <v>7.793939000000023</v>
      </c>
      <c r="F305">
        <f t="shared" si="14"/>
        <v>9.1994825480436575E-3</v>
      </c>
    </row>
    <row r="306" spans="1:6" x14ac:dyDescent="0.2">
      <c r="A306">
        <v>558.83472099999994</v>
      </c>
      <c r="B306">
        <v>19.975584000000001</v>
      </c>
      <c r="C306">
        <v>8.8869500000000006</v>
      </c>
      <c r="D306">
        <f t="shared" si="12"/>
        <v>1.521459000000001</v>
      </c>
      <c r="E306">
        <f t="shared" si="13"/>
        <v>7.9474369999999226</v>
      </c>
      <c r="F306">
        <f t="shared" si="14"/>
        <v>9.3472414010514308E-3</v>
      </c>
    </row>
    <row r="307" spans="1:6" x14ac:dyDescent="0.2">
      <c r="A307">
        <v>559.28193699999997</v>
      </c>
      <c r="B307">
        <v>19.933845999999999</v>
      </c>
      <c r="C307">
        <v>8.8919549999999994</v>
      </c>
      <c r="D307">
        <f t="shared" si="12"/>
        <v>1.5264639999999998</v>
      </c>
      <c r="E307">
        <f t="shared" si="13"/>
        <v>8.3946529999999484</v>
      </c>
      <c r="F307">
        <f t="shared" si="14"/>
        <v>9.8329852858958771E-3</v>
      </c>
    </row>
    <row r="308" spans="1:6" x14ac:dyDescent="0.2">
      <c r="A308">
        <v>559.92716700000005</v>
      </c>
      <c r="B308">
        <v>19.957243999999999</v>
      </c>
      <c r="C308">
        <v>8.89696</v>
      </c>
      <c r="D308">
        <f t="shared" si="12"/>
        <v>1.5314690000000004</v>
      </c>
      <c r="E308">
        <f t="shared" si="13"/>
        <v>9.0398830000000316</v>
      </c>
      <c r="F308">
        <f t="shared" si="14"/>
        <v>1.0542001165489133E-2</v>
      </c>
    </row>
    <row r="309" spans="1:6" x14ac:dyDescent="0.2">
      <c r="A309">
        <v>560.037601</v>
      </c>
      <c r="B309">
        <v>19.989948999999999</v>
      </c>
      <c r="C309">
        <v>8.9019650000000006</v>
      </c>
      <c r="D309">
        <f t="shared" si="12"/>
        <v>1.536474000000001</v>
      </c>
      <c r="E309">
        <f t="shared" si="13"/>
        <v>9.1503169999999727</v>
      </c>
      <c r="F309">
        <f t="shared" si="14"/>
        <v>1.0633928544097348E-2</v>
      </c>
    </row>
    <row r="310" spans="1:6" x14ac:dyDescent="0.2">
      <c r="A310">
        <v>559.84564899999998</v>
      </c>
      <c r="B310">
        <v>20.023140999999999</v>
      </c>
      <c r="C310">
        <v>8.9069699999999994</v>
      </c>
      <c r="D310">
        <f t="shared" si="12"/>
        <v>1.5414789999999998</v>
      </c>
      <c r="E310">
        <f t="shared" si="13"/>
        <v>8.9583649999999579</v>
      </c>
      <c r="F310">
        <f t="shared" si="14"/>
        <v>1.0380609010319111E-2</v>
      </c>
    </row>
    <row r="311" spans="1:6" x14ac:dyDescent="0.2">
      <c r="A311">
        <v>559.672371</v>
      </c>
      <c r="B311">
        <v>20.009630000000001</v>
      </c>
      <c r="C311">
        <v>8.9119740000000007</v>
      </c>
      <c r="D311">
        <f t="shared" si="12"/>
        <v>1.5464830000000012</v>
      </c>
      <c r="E311">
        <f t="shared" si="13"/>
        <v>8.7850869999999759</v>
      </c>
      <c r="F311">
        <f t="shared" si="14"/>
        <v>1.015002351834772E-2</v>
      </c>
    </row>
    <row r="312" spans="1:6" x14ac:dyDescent="0.2">
      <c r="A312">
        <v>559.65831500000002</v>
      </c>
      <c r="B312">
        <v>20.003788</v>
      </c>
      <c r="C312">
        <v>8.9169789999999995</v>
      </c>
      <c r="D312">
        <f t="shared" si="12"/>
        <v>1.551488</v>
      </c>
      <c r="E312">
        <f t="shared" si="13"/>
        <v>8.7710309999999936</v>
      </c>
      <c r="F312">
        <f t="shared" si="14"/>
        <v>1.0101346402782594E-2</v>
      </c>
    </row>
    <row r="313" spans="1:6" x14ac:dyDescent="0.2">
      <c r="A313">
        <v>559.27608099999998</v>
      </c>
      <c r="B313">
        <v>20.068539999999999</v>
      </c>
      <c r="C313">
        <v>8.9219840000000001</v>
      </c>
      <c r="D313">
        <f t="shared" si="12"/>
        <v>1.5564930000000006</v>
      </c>
      <c r="E313">
        <f t="shared" si="13"/>
        <v>8.3887969999999541</v>
      </c>
      <c r="F313">
        <f t="shared" si="14"/>
        <v>9.6366540259014456E-3</v>
      </c>
    </row>
    <row r="314" spans="1:6" x14ac:dyDescent="0.2">
      <c r="A314">
        <v>558.53311399999996</v>
      </c>
      <c r="B314">
        <v>20.061423999999999</v>
      </c>
      <c r="C314">
        <v>8.9269890000000007</v>
      </c>
      <c r="D314">
        <f t="shared" si="12"/>
        <v>1.5614980000000012</v>
      </c>
      <c r="E314">
        <f t="shared" si="13"/>
        <v>7.6458299999999326</v>
      </c>
      <c r="F314">
        <f t="shared" si="14"/>
        <v>8.7666623273063415E-3</v>
      </c>
    </row>
    <row r="315" spans="1:6" x14ac:dyDescent="0.2">
      <c r="A315">
        <v>558.591004</v>
      </c>
      <c r="B315">
        <v>19.984870999999998</v>
      </c>
      <c r="C315">
        <v>8.9319939999999995</v>
      </c>
      <c r="D315">
        <f t="shared" si="12"/>
        <v>1.566503</v>
      </c>
      <c r="E315">
        <f t="shared" si="13"/>
        <v>7.7037199999999757</v>
      </c>
      <c r="F315">
        <f t="shared" si="14"/>
        <v>8.8039044688191619E-3</v>
      </c>
    </row>
    <row r="316" spans="1:6" x14ac:dyDescent="0.2">
      <c r="A316">
        <v>558.74509399999999</v>
      </c>
      <c r="B316">
        <v>19.980401000000001</v>
      </c>
      <c r="C316">
        <v>8.9369980000000009</v>
      </c>
      <c r="D316">
        <f t="shared" si="12"/>
        <v>1.5715070000000013</v>
      </c>
      <c r="E316">
        <f t="shared" si="13"/>
        <v>7.8578099999999722</v>
      </c>
      <c r="F316">
        <f t="shared" si="14"/>
        <v>8.9489376192470379E-3</v>
      </c>
    </row>
    <row r="317" spans="1:6" x14ac:dyDescent="0.2">
      <c r="A317">
        <v>558.47321399999998</v>
      </c>
      <c r="B317">
        <v>20.048085</v>
      </c>
      <c r="C317">
        <v>8.9420029999999997</v>
      </c>
      <c r="D317">
        <f t="shared" si="12"/>
        <v>1.5765120000000001</v>
      </c>
      <c r="E317">
        <f t="shared" si="13"/>
        <v>7.5859299999999621</v>
      </c>
      <c r="F317">
        <f t="shared" si="14"/>
        <v>8.6160696718869494E-3</v>
      </c>
    </row>
    <row r="318" spans="1:6" x14ac:dyDescent="0.2">
      <c r="A318">
        <v>557.94324600000004</v>
      </c>
      <c r="B318">
        <v>20.058665999999999</v>
      </c>
      <c r="C318">
        <v>8.9470080000000003</v>
      </c>
      <c r="D318">
        <f t="shared" si="12"/>
        <v>1.5815170000000007</v>
      </c>
      <c r="E318">
        <f t="shared" si="13"/>
        <v>7.0559620000000223</v>
      </c>
      <c r="F318">
        <f t="shared" si="14"/>
        <v>7.9963601081357236E-3</v>
      </c>
    </row>
    <row r="319" spans="1:6" x14ac:dyDescent="0.2">
      <c r="A319">
        <v>557.56091000000004</v>
      </c>
      <c r="B319">
        <v>20.026485999999998</v>
      </c>
      <c r="C319">
        <v>8.9520130000000009</v>
      </c>
      <c r="D319">
        <f t="shared" si="12"/>
        <v>1.5865220000000013</v>
      </c>
      <c r="E319">
        <f t="shared" si="13"/>
        <v>6.6736260000000129</v>
      </c>
      <c r="F319">
        <f t="shared" si="14"/>
        <v>7.5443781308449989E-3</v>
      </c>
    </row>
    <row r="320" spans="1:6" x14ac:dyDescent="0.2">
      <c r="A320">
        <v>558.02758300000005</v>
      </c>
      <c r="B320">
        <v>19.939789999999999</v>
      </c>
      <c r="C320">
        <v>8.9570179999999997</v>
      </c>
      <c r="D320">
        <f t="shared" si="12"/>
        <v>1.5915270000000001</v>
      </c>
      <c r="E320">
        <f t="shared" si="13"/>
        <v>7.1402990000000273</v>
      </c>
      <c r="F320">
        <f t="shared" si="14"/>
        <v>8.0398273206163384E-3</v>
      </c>
    </row>
    <row r="321" spans="1:6" x14ac:dyDescent="0.2">
      <c r="A321">
        <v>558.47658300000001</v>
      </c>
      <c r="B321">
        <v>19.952586</v>
      </c>
      <c r="C321">
        <v>8.9620219999999993</v>
      </c>
      <c r="D321">
        <f t="shared" si="12"/>
        <v>1.5965309999999997</v>
      </c>
      <c r="E321">
        <f t="shared" si="13"/>
        <v>7.5892989999999827</v>
      </c>
      <c r="F321">
        <f t="shared" si="14"/>
        <v>8.5117594155355927E-3</v>
      </c>
    </row>
    <row r="322" spans="1:6" x14ac:dyDescent="0.2">
      <c r="A322">
        <v>558.654943</v>
      </c>
      <c r="B322">
        <v>19.986654000000001</v>
      </c>
      <c r="C322">
        <v>8.9670269999999999</v>
      </c>
      <c r="D322">
        <f t="shared" si="12"/>
        <v>1.6015360000000003</v>
      </c>
      <c r="E322">
        <f t="shared" si="13"/>
        <v>7.7676589999999806</v>
      </c>
      <c r="F322">
        <f t="shared" si="14"/>
        <v>8.6818004749677578E-3</v>
      </c>
    </row>
    <row r="323" spans="1:6" x14ac:dyDescent="0.2">
      <c r="A323">
        <v>558.72679600000004</v>
      </c>
      <c r="B323">
        <v>19.995353999999999</v>
      </c>
      <c r="C323">
        <v>8.9720320000000005</v>
      </c>
      <c r="D323">
        <f t="shared" ref="D323:D376" si="15">C323-$C$2</f>
        <v>1.6065410000000009</v>
      </c>
      <c r="E323">
        <f t="shared" ref="E323:E376" si="16">A323-$A$2</f>
        <v>7.8395120000000134</v>
      </c>
      <c r="F323">
        <f t="shared" ref="F323:F376" si="17">(1/A323)*(E323/D323)</f>
        <v>8.7336888500172266E-3</v>
      </c>
    </row>
    <row r="324" spans="1:6" x14ac:dyDescent="0.2">
      <c r="A324">
        <v>558.76032699999996</v>
      </c>
      <c r="B324">
        <v>19.994347000000001</v>
      </c>
      <c r="C324">
        <v>8.9770369999999993</v>
      </c>
      <c r="D324">
        <f t="shared" si="15"/>
        <v>1.6115459999999997</v>
      </c>
      <c r="E324">
        <f t="shared" si="16"/>
        <v>7.8730429999999387</v>
      </c>
      <c r="F324">
        <f t="shared" si="17"/>
        <v>8.7432793423662964E-3</v>
      </c>
    </row>
    <row r="325" spans="1:6" x14ac:dyDescent="0.2">
      <c r="A325">
        <v>558.878736</v>
      </c>
      <c r="B325">
        <v>19.987528000000001</v>
      </c>
      <c r="C325">
        <v>8.9820419999999999</v>
      </c>
      <c r="D325">
        <f t="shared" si="15"/>
        <v>1.6165510000000003</v>
      </c>
      <c r="E325">
        <f t="shared" si="16"/>
        <v>7.9914519999999811</v>
      </c>
      <c r="F325">
        <f t="shared" si="17"/>
        <v>8.845424880464095E-3</v>
      </c>
    </row>
    <row r="326" spans="1:6" x14ac:dyDescent="0.2">
      <c r="A326">
        <v>558.63132499999995</v>
      </c>
      <c r="B326">
        <v>20.033497000000001</v>
      </c>
      <c r="C326">
        <v>8.9870459999999994</v>
      </c>
      <c r="D326">
        <f t="shared" si="15"/>
        <v>1.6215549999999999</v>
      </c>
      <c r="E326">
        <f t="shared" si="16"/>
        <v>7.7440409999999247</v>
      </c>
      <c r="F326">
        <f t="shared" si="17"/>
        <v>8.5489086226737572E-3</v>
      </c>
    </row>
    <row r="327" spans="1:6" x14ac:dyDescent="0.2">
      <c r="A327">
        <v>558.820019</v>
      </c>
      <c r="B327">
        <v>19.970488</v>
      </c>
      <c r="C327">
        <v>8.992051</v>
      </c>
      <c r="D327">
        <f t="shared" si="15"/>
        <v>1.6265600000000004</v>
      </c>
      <c r="E327">
        <f t="shared" si="16"/>
        <v>7.9327349999999797</v>
      </c>
      <c r="F327">
        <f t="shared" si="17"/>
        <v>8.7273200493797661E-3</v>
      </c>
    </row>
    <row r="328" spans="1:6" x14ac:dyDescent="0.2">
      <c r="A328">
        <v>558.79991800000005</v>
      </c>
      <c r="B328">
        <v>20.000019999999999</v>
      </c>
      <c r="C328">
        <v>8.9970560000000006</v>
      </c>
      <c r="D328">
        <f t="shared" si="15"/>
        <v>1.631565000000001</v>
      </c>
      <c r="E328">
        <f t="shared" si="16"/>
        <v>7.9126340000000255</v>
      </c>
      <c r="F328">
        <f t="shared" si="17"/>
        <v>8.6788136581522762E-3</v>
      </c>
    </row>
    <row r="329" spans="1:6" x14ac:dyDescent="0.2">
      <c r="A329">
        <v>558.91257499999995</v>
      </c>
      <c r="B329">
        <v>19.990188</v>
      </c>
      <c r="C329">
        <v>9.0020609999999994</v>
      </c>
      <c r="D329">
        <f t="shared" si="15"/>
        <v>1.6365699999999999</v>
      </c>
      <c r="E329">
        <f t="shared" si="16"/>
        <v>8.0252909999999247</v>
      </c>
      <c r="F329">
        <f t="shared" si="17"/>
        <v>8.7736907434131511E-3</v>
      </c>
    </row>
    <row r="330" spans="1:6" x14ac:dyDescent="0.2">
      <c r="A330">
        <v>558.80449899999996</v>
      </c>
      <c r="B330">
        <v>20.004801</v>
      </c>
      <c r="C330">
        <v>9.007066</v>
      </c>
      <c r="D330">
        <f t="shared" si="15"/>
        <v>1.6415750000000005</v>
      </c>
      <c r="E330">
        <f t="shared" si="16"/>
        <v>7.9172149999999419</v>
      </c>
      <c r="F330">
        <f t="shared" si="17"/>
        <v>8.6308151514334092E-3</v>
      </c>
    </row>
    <row r="331" spans="1:6" x14ac:dyDescent="0.2">
      <c r="A331">
        <v>558.60432900000001</v>
      </c>
      <c r="B331">
        <v>20.036608000000001</v>
      </c>
      <c r="C331">
        <v>9.0120699999999996</v>
      </c>
      <c r="D331">
        <f t="shared" si="15"/>
        <v>1.646579</v>
      </c>
      <c r="E331">
        <f t="shared" si="16"/>
        <v>7.7170449999999846</v>
      </c>
      <c r="F331">
        <f t="shared" si="17"/>
        <v>8.3900425523627947E-3</v>
      </c>
    </row>
    <row r="332" spans="1:6" x14ac:dyDescent="0.2">
      <c r="A332">
        <v>558.77820899999995</v>
      </c>
      <c r="B332">
        <v>19.972778000000002</v>
      </c>
      <c r="C332">
        <v>9.0170750000000002</v>
      </c>
      <c r="D332">
        <f t="shared" si="15"/>
        <v>1.6515840000000006</v>
      </c>
      <c r="E332">
        <f t="shared" si="16"/>
        <v>7.8909249999999247</v>
      </c>
      <c r="F332">
        <f t="shared" si="17"/>
        <v>8.5504266818242792E-3</v>
      </c>
    </row>
    <row r="333" spans="1:6" x14ac:dyDescent="0.2">
      <c r="A333">
        <v>558.90933199999995</v>
      </c>
      <c r="B333">
        <v>19.979613000000001</v>
      </c>
      <c r="C333">
        <v>9.0220800000000008</v>
      </c>
      <c r="D333">
        <f t="shared" si="15"/>
        <v>1.6565890000000012</v>
      </c>
      <c r="E333">
        <f t="shared" si="16"/>
        <v>8.022047999999927</v>
      </c>
      <c r="F333">
        <f t="shared" si="17"/>
        <v>8.6642130320554473E-3</v>
      </c>
    </row>
    <row r="334" spans="1:6" x14ac:dyDescent="0.2">
      <c r="A334">
        <v>558.66953899999999</v>
      </c>
      <c r="B334">
        <v>20.050125000000001</v>
      </c>
      <c r="C334">
        <v>9.0270849999999996</v>
      </c>
      <c r="D334">
        <f t="shared" si="15"/>
        <v>1.661594</v>
      </c>
      <c r="E334">
        <f t="shared" si="16"/>
        <v>7.7822549999999637</v>
      </c>
      <c r="F334">
        <f t="shared" si="17"/>
        <v>8.3835034889887822E-3</v>
      </c>
    </row>
    <row r="335" spans="1:6" x14ac:dyDescent="0.2">
      <c r="A335">
        <v>558.21899499999995</v>
      </c>
      <c r="B335">
        <v>20.050878000000001</v>
      </c>
      <c r="C335">
        <v>9.0320900000000002</v>
      </c>
      <c r="D335">
        <f t="shared" si="15"/>
        <v>1.6665990000000006</v>
      </c>
      <c r="E335">
        <f t="shared" si="16"/>
        <v>7.3317109999999275</v>
      </c>
      <c r="F335">
        <f t="shared" si="17"/>
        <v>7.8807873740150847E-3</v>
      </c>
    </row>
    <row r="336" spans="1:6" x14ac:dyDescent="0.2">
      <c r="A336">
        <v>558.27560700000004</v>
      </c>
      <c r="B336">
        <v>19.973092999999999</v>
      </c>
      <c r="C336">
        <v>9.0370939999999997</v>
      </c>
      <c r="D336">
        <f t="shared" si="15"/>
        <v>1.6716030000000002</v>
      </c>
      <c r="E336">
        <f t="shared" si="16"/>
        <v>7.388323000000014</v>
      </c>
      <c r="F336">
        <f t="shared" si="17"/>
        <v>7.91706260506112E-3</v>
      </c>
    </row>
    <row r="337" spans="1:6" x14ac:dyDescent="0.2">
      <c r="A337">
        <v>558.27365799999995</v>
      </c>
      <c r="B337">
        <v>20.007300000000001</v>
      </c>
      <c r="C337">
        <v>9.0420990000000003</v>
      </c>
      <c r="D337">
        <f t="shared" si="15"/>
        <v>1.6766080000000008</v>
      </c>
      <c r="E337">
        <f t="shared" si="16"/>
        <v>7.3863739999999325</v>
      </c>
      <c r="F337">
        <f t="shared" si="17"/>
        <v>7.8913739434180886E-3</v>
      </c>
    </row>
    <row r="338" spans="1:6" x14ac:dyDescent="0.2">
      <c r="A338">
        <v>558.17318399999999</v>
      </c>
      <c r="B338">
        <v>20.013296</v>
      </c>
      <c r="C338">
        <v>9.0471039999999991</v>
      </c>
      <c r="D338">
        <f t="shared" si="15"/>
        <v>1.6816129999999996</v>
      </c>
      <c r="E338">
        <f t="shared" si="16"/>
        <v>7.2858999999999696</v>
      </c>
      <c r="F338">
        <f t="shared" si="17"/>
        <v>7.7622599375335678E-3</v>
      </c>
    </row>
    <row r="339" spans="1:6" x14ac:dyDescent="0.2">
      <c r="A339">
        <v>558.20174399999996</v>
      </c>
      <c r="B339">
        <v>19.992616999999999</v>
      </c>
      <c r="C339">
        <v>9.0521089999999997</v>
      </c>
      <c r="D339">
        <f t="shared" si="15"/>
        <v>1.6866180000000002</v>
      </c>
      <c r="E339">
        <f t="shared" si="16"/>
        <v>7.31445999999994</v>
      </c>
      <c r="F339">
        <f t="shared" si="17"/>
        <v>7.7691650771513094E-3</v>
      </c>
    </row>
    <row r="340" spans="1:6" x14ac:dyDescent="0.2">
      <c r="A340">
        <v>558.23237300000005</v>
      </c>
      <c r="B340">
        <v>19.990594999999999</v>
      </c>
      <c r="C340">
        <v>9.0571140000000003</v>
      </c>
      <c r="D340">
        <f t="shared" si="15"/>
        <v>1.6916230000000008</v>
      </c>
      <c r="E340">
        <f t="shared" si="16"/>
        <v>7.34508900000003</v>
      </c>
      <c r="F340">
        <f t="shared" si="17"/>
        <v>7.7781884788265506E-3</v>
      </c>
    </row>
    <row r="341" spans="1:6" x14ac:dyDescent="0.2">
      <c r="A341">
        <v>558.39670599999999</v>
      </c>
      <c r="B341">
        <v>19.984777999999999</v>
      </c>
      <c r="C341">
        <v>9.0621179999999999</v>
      </c>
      <c r="D341">
        <f t="shared" si="15"/>
        <v>1.6966270000000003</v>
      </c>
      <c r="E341">
        <f t="shared" si="16"/>
        <v>7.5094219999999723</v>
      </c>
      <c r="F341">
        <f t="shared" si="17"/>
        <v>7.9264237994928505E-3</v>
      </c>
    </row>
    <row r="342" spans="1:6" x14ac:dyDescent="0.2">
      <c r="A342">
        <v>558.46704699999998</v>
      </c>
      <c r="B342">
        <v>19.987663000000001</v>
      </c>
      <c r="C342">
        <v>9.0671230000000005</v>
      </c>
      <c r="D342">
        <f t="shared" si="15"/>
        <v>1.7016320000000009</v>
      </c>
      <c r="E342">
        <f t="shared" si="16"/>
        <v>7.5797629999999572</v>
      </c>
      <c r="F342">
        <f t="shared" si="17"/>
        <v>7.9761337933989106E-3</v>
      </c>
    </row>
    <row r="343" spans="1:6" x14ac:dyDescent="0.2">
      <c r="A343">
        <v>558.82539099999997</v>
      </c>
      <c r="B343">
        <v>19.954896000000002</v>
      </c>
      <c r="C343">
        <v>9.0721279999999993</v>
      </c>
      <c r="D343">
        <f t="shared" si="15"/>
        <v>1.7066369999999997</v>
      </c>
      <c r="E343">
        <f t="shared" si="16"/>
        <v>7.9381069999999454</v>
      </c>
      <c r="F343">
        <f t="shared" si="17"/>
        <v>8.3233788195145719E-3</v>
      </c>
    </row>
    <row r="344" spans="1:6" x14ac:dyDescent="0.2">
      <c r="A344">
        <v>558.69602199999997</v>
      </c>
      <c r="B344">
        <v>20.019791000000001</v>
      </c>
      <c r="C344">
        <v>9.0771329999999999</v>
      </c>
      <c r="D344">
        <f t="shared" si="15"/>
        <v>1.7116420000000003</v>
      </c>
      <c r="E344">
        <f t="shared" si="16"/>
        <v>7.8087379999999484</v>
      </c>
      <c r="F344">
        <f t="shared" si="17"/>
        <v>8.1656796469915492E-3</v>
      </c>
    </row>
    <row r="345" spans="1:6" x14ac:dyDescent="0.2">
      <c r="A345">
        <v>558.74070300000005</v>
      </c>
      <c r="B345">
        <v>19.989234</v>
      </c>
      <c r="C345">
        <v>9.0821380000000005</v>
      </c>
      <c r="D345">
        <f t="shared" si="15"/>
        <v>1.7166470000000009</v>
      </c>
      <c r="E345">
        <f t="shared" si="16"/>
        <v>7.8534190000000308</v>
      </c>
      <c r="F345">
        <f t="shared" si="17"/>
        <v>8.187804416101176E-3</v>
      </c>
    </row>
    <row r="346" spans="1:6" x14ac:dyDescent="0.2">
      <c r="A346">
        <v>559.05267900000001</v>
      </c>
      <c r="B346">
        <v>19.955884000000001</v>
      </c>
      <c r="C346">
        <v>9.0871420000000001</v>
      </c>
      <c r="D346">
        <f t="shared" si="15"/>
        <v>1.7216510000000005</v>
      </c>
      <c r="E346">
        <f t="shared" si="16"/>
        <v>8.1653949999999895</v>
      </c>
      <c r="F346">
        <f t="shared" si="17"/>
        <v>8.4835836490886728E-3</v>
      </c>
    </row>
    <row r="347" spans="1:6" x14ac:dyDescent="0.2">
      <c r="A347">
        <v>559.62210200000004</v>
      </c>
      <c r="B347">
        <v>19.960149000000001</v>
      </c>
      <c r="C347">
        <v>9.0921470000000006</v>
      </c>
      <c r="D347">
        <f t="shared" si="15"/>
        <v>1.7266560000000011</v>
      </c>
      <c r="E347">
        <f t="shared" si="16"/>
        <v>8.7348180000000184</v>
      </c>
      <c r="F347">
        <f t="shared" si="17"/>
        <v>9.0396825584759758E-3</v>
      </c>
    </row>
    <row r="348" spans="1:6" x14ac:dyDescent="0.2">
      <c r="A348">
        <v>559.66236000000004</v>
      </c>
      <c r="B348">
        <v>19.985821000000001</v>
      </c>
      <c r="C348">
        <v>9.0971519999999995</v>
      </c>
      <c r="D348">
        <f t="shared" si="15"/>
        <v>1.7316609999999999</v>
      </c>
      <c r="E348">
        <f t="shared" si="16"/>
        <v>8.7750760000000128</v>
      </c>
      <c r="F348">
        <f t="shared" si="17"/>
        <v>9.0544465853285207E-3</v>
      </c>
    </row>
    <row r="349" spans="1:6" x14ac:dyDescent="0.2">
      <c r="A349">
        <v>560.07452999999998</v>
      </c>
      <c r="B349">
        <v>19.943231000000001</v>
      </c>
      <c r="C349">
        <v>9.1021570000000001</v>
      </c>
      <c r="D349">
        <f t="shared" si="15"/>
        <v>1.7366660000000005</v>
      </c>
      <c r="E349">
        <f t="shared" si="16"/>
        <v>9.1872459999999592</v>
      </c>
      <c r="F349">
        <f t="shared" si="17"/>
        <v>9.4454623303481099E-3</v>
      </c>
    </row>
    <row r="350" spans="1:6" x14ac:dyDescent="0.2">
      <c r="A350">
        <v>560.187544</v>
      </c>
      <c r="B350">
        <v>19.987691000000002</v>
      </c>
      <c r="C350">
        <v>9.1071620000000006</v>
      </c>
      <c r="D350">
        <f t="shared" si="15"/>
        <v>1.7416710000000011</v>
      </c>
      <c r="E350">
        <f t="shared" si="16"/>
        <v>9.3002599999999802</v>
      </c>
      <c r="F350">
        <f t="shared" si="17"/>
        <v>9.5322521402018655E-3</v>
      </c>
    </row>
    <row r="351" spans="1:6" x14ac:dyDescent="0.2">
      <c r="A351">
        <v>560.72103900000002</v>
      </c>
      <c r="B351">
        <v>19.950330000000001</v>
      </c>
      <c r="C351">
        <v>9.1121660000000002</v>
      </c>
      <c r="D351">
        <f t="shared" si="15"/>
        <v>1.7466750000000006</v>
      </c>
      <c r="E351">
        <f t="shared" si="16"/>
        <v>9.8337549999999965</v>
      </c>
      <c r="F351">
        <f t="shared" si="17"/>
        <v>1.0040617619775269E-2</v>
      </c>
    </row>
    <row r="352" spans="1:6" x14ac:dyDescent="0.2">
      <c r="A352">
        <v>560.70833800000003</v>
      </c>
      <c r="B352">
        <v>20.012667</v>
      </c>
      <c r="C352">
        <v>9.1171710000000008</v>
      </c>
      <c r="D352">
        <f t="shared" si="15"/>
        <v>1.7516800000000012</v>
      </c>
      <c r="E352">
        <f t="shared" si="16"/>
        <v>9.8210540000000037</v>
      </c>
      <c r="F352">
        <f t="shared" si="17"/>
        <v>9.9992243643204602E-3</v>
      </c>
    </row>
    <row r="353" spans="1:6" x14ac:dyDescent="0.2">
      <c r="A353">
        <v>560.60193100000004</v>
      </c>
      <c r="B353">
        <v>20.009302999999999</v>
      </c>
      <c r="C353">
        <v>9.1221759999999996</v>
      </c>
      <c r="D353">
        <f t="shared" si="15"/>
        <v>1.7566850000000001</v>
      </c>
      <c r="E353">
        <f t="shared" si="16"/>
        <v>9.7146470000000136</v>
      </c>
      <c r="F353">
        <f t="shared" si="17"/>
        <v>9.8645787005094653E-3</v>
      </c>
    </row>
    <row r="354" spans="1:6" x14ac:dyDescent="0.2">
      <c r="A354">
        <v>560.39071000000001</v>
      </c>
      <c r="B354">
        <v>20.031624000000001</v>
      </c>
      <c r="C354">
        <v>9.1271810000000002</v>
      </c>
      <c r="D354">
        <f t="shared" si="15"/>
        <v>1.7616900000000006</v>
      </c>
      <c r="E354">
        <f t="shared" si="16"/>
        <v>9.5034259999999904</v>
      </c>
      <c r="F354">
        <f t="shared" si="17"/>
        <v>9.6263086221548885E-3</v>
      </c>
    </row>
    <row r="355" spans="1:6" x14ac:dyDescent="0.2">
      <c r="A355">
        <v>560.07944699999996</v>
      </c>
      <c r="B355">
        <v>20.041602000000001</v>
      </c>
      <c r="C355">
        <v>9.1321860000000008</v>
      </c>
      <c r="D355">
        <f t="shared" si="15"/>
        <v>1.7666950000000012</v>
      </c>
      <c r="E355">
        <f t="shared" si="16"/>
        <v>9.1921629999999368</v>
      </c>
      <c r="F355">
        <f t="shared" si="17"/>
        <v>9.2898029291401014E-3</v>
      </c>
    </row>
    <row r="356" spans="1:6" x14ac:dyDescent="0.2">
      <c r="A356">
        <v>559.39932899999997</v>
      </c>
      <c r="B356">
        <v>20.078111</v>
      </c>
      <c r="C356">
        <v>9.1371900000000004</v>
      </c>
      <c r="D356">
        <f t="shared" si="15"/>
        <v>1.7716990000000008</v>
      </c>
      <c r="E356">
        <f t="shared" si="16"/>
        <v>8.5120449999999437</v>
      </c>
      <c r="F356">
        <f t="shared" si="17"/>
        <v>8.5885931399061685E-3</v>
      </c>
    </row>
    <row r="357" spans="1:6" x14ac:dyDescent="0.2">
      <c r="A357">
        <v>558.48598500000003</v>
      </c>
      <c r="B357">
        <v>20.114985000000001</v>
      </c>
      <c r="C357">
        <v>9.1421949999999992</v>
      </c>
      <c r="D357">
        <f t="shared" si="15"/>
        <v>1.7767039999999996</v>
      </c>
      <c r="E357">
        <f t="shared" si="16"/>
        <v>7.5987010000000055</v>
      </c>
      <c r="F357">
        <f t="shared" si="17"/>
        <v>7.6579406579539988E-3</v>
      </c>
    </row>
    <row r="358" spans="1:6" x14ac:dyDescent="0.2">
      <c r="A358">
        <v>557.35524699999996</v>
      </c>
      <c r="B358">
        <v>20.120577000000001</v>
      </c>
      <c r="C358">
        <v>9.1471999999999998</v>
      </c>
      <c r="D358">
        <f t="shared" si="15"/>
        <v>1.7817090000000002</v>
      </c>
      <c r="E358">
        <f t="shared" si="16"/>
        <v>6.4679629999999406</v>
      </c>
      <c r="F358">
        <f t="shared" si="17"/>
        <v>6.5132636620782646E-3</v>
      </c>
    </row>
    <row r="359" spans="1:6" x14ac:dyDescent="0.2">
      <c r="A359">
        <v>556.98832200000004</v>
      </c>
      <c r="B359">
        <v>20.008199999999999</v>
      </c>
      <c r="C359">
        <v>9.1522050000000004</v>
      </c>
      <c r="D359">
        <f t="shared" si="15"/>
        <v>1.7867140000000008</v>
      </c>
      <c r="E359">
        <f t="shared" si="16"/>
        <v>6.1010380000000168</v>
      </c>
      <c r="F359">
        <f t="shared" si="17"/>
        <v>6.1305946219906227E-3</v>
      </c>
    </row>
    <row r="360" spans="1:6" x14ac:dyDescent="0.2">
      <c r="A360">
        <v>557.19922399999996</v>
      </c>
      <c r="B360">
        <v>19.961706</v>
      </c>
      <c r="C360">
        <v>9.1572099999999992</v>
      </c>
      <c r="D360">
        <f t="shared" si="15"/>
        <v>1.7917189999999996</v>
      </c>
      <c r="E360">
        <f t="shared" si="16"/>
        <v>6.3119399999999359</v>
      </c>
      <c r="F360">
        <f t="shared" si="17"/>
        <v>6.3224071469721085E-3</v>
      </c>
    </row>
    <row r="361" spans="1:6" x14ac:dyDescent="0.2">
      <c r="A361">
        <v>557.26687700000002</v>
      </c>
      <c r="B361">
        <v>20.015922</v>
      </c>
      <c r="C361">
        <v>9.1622140000000005</v>
      </c>
      <c r="D361">
        <f t="shared" si="15"/>
        <v>1.796723000000001</v>
      </c>
      <c r="E361">
        <f t="shared" si="16"/>
        <v>6.3795929999999998</v>
      </c>
      <c r="F361">
        <f t="shared" si="17"/>
        <v>6.3716016413665668E-3</v>
      </c>
    </row>
    <row r="362" spans="1:6" x14ac:dyDescent="0.2">
      <c r="A362">
        <v>556.91482299999996</v>
      </c>
      <c r="B362">
        <v>20.039258</v>
      </c>
      <c r="C362">
        <v>9.1672189999999993</v>
      </c>
      <c r="D362">
        <f t="shared" si="15"/>
        <v>1.8017279999999998</v>
      </c>
      <c r="E362">
        <f t="shared" si="16"/>
        <v>6.0275389999999334</v>
      </c>
      <c r="F362">
        <f t="shared" si="17"/>
        <v>6.0070607484104055E-3</v>
      </c>
    </row>
    <row r="363" spans="1:6" x14ac:dyDescent="0.2">
      <c r="A363">
        <v>556.86790699999995</v>
      </c>
      <c r="B363">
        <v>20.004677000000001</v>
      </c>
      <c r="C363">
        <v>9.1722239999999999</v>
      </c>
      <c r="D363">
        <f t="shared" si="15"/>
        <v>1.8067330000000004</v>
      </c>
      <c r="E363">
        <f t="shared" si="16"/>
        <v>5.9806229999999232</v>
      </c>
      <c r="F363">
        <f t="shared" si="17"/>
        <v>5.9442937106003171E-3</v>
      </c>
    </row>
    <row r="364" spans="1:6" x14ac:dyDescent="0.2">
      <c r="A364">
        <v>557.06737199999998</v>
      </c>
      <c r="B364">
        <v>19.965140999999999</v>
      </c>
      <c r="C364">
        <v>9.1772290000000005</v>
      </c>
      <c r="D364">
        <f t="shared" si="15"/>
        <v>1.811738000000001</v>
      </c>
      <c r="E364">
        <f t="shared" si="16"/>
        <v>6.1800879999999552</v>
      </c>
      <c r="F364">
        <f t="shared" si="17"/>
        <v>6.1233846837557872E-3</v>
      </c>
    </row>
    <row r="365" spans="1:6" x14ac:dyDescent="0.2">
      <c r="A365">
        <v>557.12665000000004</v>
      </c>
      <c r="B365">
        <v>20.002455999999999</v>
      </c>
      <c r="C365">
        <v>9.1822339999999993</v>
      </c>
      <c r="D365">
        <f t="shared" si="15"/>
        <v>1.8167429999999998</v>
      </c>
      <c r="E365">
        <f t="shared" si="16"/>
        <v>6.2393660000000182</v>
      </c>
      <c r="F365">
        <f t="shared" si="17"/>
        <v>6.1644315309235011E-3</v>
      </c>
    </row>
    <row r="366" spans="1:6" x14ac:dyDescent="0.2">
      <c r="A366">
        <v>556.70737999999994</v>
      </c>
      <c r="B366">
        <v>20.055267000000001</v>
      </c>
      <c r="C366">
        <v>9.1872380000000007</v>
      </c>
      <c r="D366">
        <f t="shared" si="15"/>
        <v>1.8217470000000011</v>
      </c>
      <c r="E366">
        <f t="shared" si="16"/>
        <v>5.8200959999999213</v>
      </c>
      <c r="F366">
        <f t="shared" si="17"/>
        <v>5.7387209405471663E-3</v>
      </c>
    </row>
    <row r="367" spans="1:6" x14ac:dyDescent="0.2">
      <c r="A367">
        <v>556.60425699999996</v>
      </c>
      <c r="B367">
        <v>19.998555</v>
      </c>
      <c r="C367">
        <v>9.1922429999999995</v>
      </c>
      <c r="D367">
        <f t="shared" si="15"/>
        <v>1.8267519999999999</v>
      </c>
      <c r="E367">
        <f t="shared" si="16"/>
        <v>5.716972999999939</v>
      </c>
      <c r="F367">
        <f t="shared" si="17"/>
        <v>5.6226367399167124E-3</v>
      </c>
    </row>
    <row r="368" spans="1:6" x14ac:dyDescent="0.2">
      <c r="A368">
        <v>556.63908000000004</v>
      </c>
      <c r="B368">
        <v>19.992961000000001</v>
      </c>
      <c r="C368">
        <v>9.1972480000000001</v>
      </c>
      <c r="D368">
        <f t="shared" si="15"/>
        <v>1.8317570000000005</v>
      </c>
      <c r="E368">
        <f t="shared" si="16"/>
        <v>5.751796000000013</v>
      </c>
      <c r="F368">
        <f t="shared" si="17"/>
        <v>5.641075612064117E-3</v>
      </c>
    </row>
    <row r="369" spans="1:7" x14ac:dyDescent="0.2">
      <c r="A369">
        <v>556.90404599999999</v>
      </c>
      <c r="B369">
        <v>19.979379000000002</v>
      </c>
      <c r="C369">
        <v>9.2022530000000007</v>
      </c>
      <c r="D369">
        <f t="shared" si="15"/>
        <v>1.8367620000000011</v>
      </c>
      <c r="E369">
        <f t="shared" si="16"/>
        <v>6.0167619999999715</v>
      </c>
      <c r="F369">
        <f t="shared" si="17"/>
        <v>5.8820616739622515E-3</v>
      </c>
    </row>
    <row r="370" spans="1:7" x14ac:dyDescent="0.2">
      <c r="A370">
        <v>556.83885599999996</v>
      </c>
      <c r="B370">
        <v>20.008642999999999</v>
      </c>
      <c r="C370">
        <v>9.2072579999999995</v>
      </c>
      <c r="D370">
        <f t="shared" si="15"/>
        <v>1.8417669999999999</v>
      </c>
      <c r="E370">
        <f t="shared" si="16"/>
        <v>5.9515719999999419</v>
      </c>
      <c r="F370">
        <f t="shared" si="17"/>
        <v>5.8031991168738511E-3</v>
      </c>
    </row>
    <row r="371" spans="1:7" x14ac:dyDescent="0.2">
      <c r="A371">
        <v>556.78107699999998</v>
      </c>
      <c r="B371">
        <v>20.007649000000001</v>
      </c>
      <c r="C371">
        <v>9.2122620000000008</v>
      </c>
      <c r="D371">
        <f t="shared" si="15"/>
        <v>1.8467710000000013</v>
      </c>
      <c r="E371">
        <f t="shared" si="16"/>
        <v>5.8937929999999596</v>
      </c>
      <c r="F371">
        <f t="shared" si="17"/>
        <v>5.7318836438377332E-3</v>
      </c>
    </row>
    <row r="372" spans="1:7" x14ac:dyDescent="0.2">
      <c r="A372">
        <v>556.95748600000002</v>
      </c>
      <c r="B372">
        <v>19.975269999999998</v>
      </c>
      <c r="C372">
        <v>9.2172669999999997</v>
      </c>
      <c r="D372">
        <f t="shared" si="15"/>
        <v>1.8517760000000001</v>
      </c>
      <c r="E372">
        <f t="shared" si="16"/>
        <v>6.0702019999999948</v>
      </c>
      <c r="F372">
        <f t="shared" si="17"/>
        <v>5.8856257991935093E-3</v>
      </c>
    </row>
    <row r="373" spans="1:7" x14ac:dyDescent="0.2">
      <c r="A373">
        <v>557.28123100000005</v>
      </c>
      <c r="B373">
        <v>19.940353999999999</v>
      </c>
      <c r="C373">
        <v>9.2222720000000002</v>
      </c>
      <c r="D373">
        <f t="shared" si="15"/>
        <v>1.8567810000000007</v>
      </c>
      <c r="E373">
        <f t="shared" si="16"/>
        <v>6.3939470000000256</v>
      </c>
      <c r="F373">
        <f t="shared" si="17"/>
        <v>6.1792239041969709E-3</v>
      </c>
    </row>
    <row r="374" spans="1:7" x14ac:dyDescent="0.2">
      <c r="A374">
        <v>557.63452700000005</v>
      </c>
      <c r="B374">
        <v>19.977055</v>
      </c>
      <c r="C374">
        <v>9.2272770000000008</v>
      </c>
      <c r="D374">
        <f t="shared" si="15"/>
        <v>1.8617860000000013</v>
      </c>
      <c r="E374">
        <f t="shared" si="16"/>
        <v>6.7472430000000259</v>
      </c>
      <c r="F374">
        <f t="shared" si="17"/>
        <v>6.4990059579314854E-3</v>
      </c>
    </row>
    <row r="375" spans="1:7" x14ac:dyDescent="0.2">
      <c r="A375">
        <v>557.73216100000002</v>
      </c>
      <c r="B375">
        <v>19.990912000000002</v>
      </c>
      <c r="C375">
        <v>9.2322819999999997</v>
      </c>
      <c r="D375">
        <f t="shared" si="15"/>
        <v>1.8667910000000001</v>
      </c>
      <c r="E375">
        <f t="shared" si="16"/>
        <v>6.8448769999999968</v>
      </c>
      <c r="F375">
        <f t="shared" si="17"/>
        <v>6.5742204303316102E-3</v>
      </c>
    </row>
    <row r="376" spans="1:7" x14ac:dyDescent="0.2">
      <c r="A376">
        <v>557.82493199999999</v>
      </c>
      <c r="B376">
        <v>19.980768000000001</v>
      </c>
      <c r="C376">
        <v>9.2372859999999992</v>
      </c>
      <c r="D376">
        <f t="shared" si="15"/>
        <v>1.8717949999999997</v>
      </c>
      <c r="E376">
        <f t="shared" si="16"/>
        <v>6.9376479999999674</v>
      </c>
      <c r="F376">
        <f t="shared" si="17"/>
        <v>6.6444043972338765E-3</v>
      </c>
    </row>
    <row r="377" spans="1:7" ht="15" x14ac:dyDescent="0.25">
      <c r="A377">
        <f>MAX(A2:A376)</f>
        <v>561.06623000000002</v>
      </c>
      <c r="B377" s="3" t="s">
        <v>16</v>
      </c>
    </row>
    <row r="378" spans="1:7" ht="15" x14ac:dyDescent="0.25">
      <c r="A378">
        <f>MIN(A2:A376)</f>
        <v>546.54429200000004</v>
      </c>
      <c r="B378" s="3" t="s">
        <v>17</v>
      </c>
    </row>
    <row r="380" spans="1:7" x14ac:dyDescent="0.2">
      <c r="A380" t="s">
        <v>20</v>
      </c>
      <c r="C380" s="14">
        <f>E376/A378</f>
        <v>1.2693661065624974E-2</v>
      </c>
    </row>
    <row r="382" spans="1:7" s="1" customFormat="1" x14ac:dyDescent="0.2">
      <c r="A382"/>
      <c r="B382"/>
      <c r="C382"/>
      <c r="D382"/>
      <c r="E382"/>
      <c r="F382"/>
      <c r="G382"/>
    </row>
    <row r="383" spans="1:7" s="1" customFormat="1" x14ac:dyDescent="0.2">
      <c r="A383"/>
      <c r="B383"/>
      <c r="C383"/>
      <c r="D383"/>
      <c r="E383"/>
      <c r="F383"/>
      <c r="G383"/>
    </row>
    <row r="384" spans="1:7" s="1" customFormat="1" x14ac:dyDescent="0.2">
      <c r="A384"/>
      <c r="B384"/>
      <c r="C384"/>
      <c r="D384"/>
      <c r="E384"/>
      <c r="F384"/>
      <c r="G384"/>
    </row>
    <row r="387" spans="1:7" s="1" customFormat="1" x14ac:dyDescent="0.2">
      <c r="D387"/>
      <c r="E387"/>
      <c r="F387"/>
      <c r="G387"/>
    </row>
    <row r="388" spans="1:7" s="1" customFormat="1" x14ac:dyDescent="0.2">
      <c r="D388"/>
      <c r="E388"/>
      <c r="F388"/>
      <c r="G388"/>
    </row>
    <row r="389" spans="1:7" x14ac:dyDescent="0.2">
      <c r="A389" s="1"/>
      <c r="B389" s="1"/>
      <c r="C389" s="1"/>
    </row>
  </sheetData>
  <pageMargins left="0.7" right="0.7" top="0.75" bottom="0.75" header="0.3" footer="0.3"/>
  <pageSetup paperSize="9" orientation="portrait" r:id="rId1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86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>
        <v>550.23370799999998</v>
      </c>
      <c r="B2">
        <v>19.952254</v>
      </c>
      <c r="C2">
        <v>9.6896260000000005</v>
      </c>
      <c r="D2">
        <f>C2-$C$2</f>
        <v>0</v>
      </c>
      <c r="E2">
        <f>A2-$A$2</f>
        <v>0</v>
      </c>
      <c r="G2" s="3">
        <f>(A374-A375)/A374</f>
        <v>2.7392950125379584E-2</v>
      </c>
    </row>
    <row r="3" spans="1:7" x14ac:dyDescent="0.2">
      <c r="A3">
        <v>550.92079100000001</v>
      </c>
      <c r="B3">
        <v>19.932801000000001</v>
      </c>
      <c r="C3">
        <v>9.6946300000000001</v>
      </c>
      <c r="D3">
        <f t="shared" ref="D3:D66" si="0">C3-$C$2</f>
        <v>5.0039999999995644E-3</v>
      </c>
      <c r="E3">
        <f t="shared" ref="E3:E66" si="1">A3-$A$2</f>
        <v>0.68708300000002964</v>
      </c>
      <c r="F3">
        <f t="shared" ref="F3:F66" si="2">(1/A3)*(E3/D3)</f>
        <v>0.24923139013706389</v>
      </c>
      <c r="G3" s="4">
        <f>G2*100</f>
        <v>2.7392950125379585</v>
      </c>
    </row>
    <row r="4" spans="1:7" x14ac:dyDescent="0.2">
      <c r="A4">
        <v>551.27077399999996</v>
      </c>
      <c r="B4">
        <v>19.976889</v>
      </c>
      <c r="C4">
        <v>9.6996350000000007</v>
      </c>
      <c r="D4">
        <f t="shared" si="0"/>
        <v>1.0009000000000157E-2</v>
      </c>
      <c r="E4">
        <f t="shared" si="1"/>
        <v>1.0370659999999816</v>
      </c>
      <c r="F4">
        <f t="shared" si="2"/>
        <v>0.18795363888964012</v>
      </c>
    </row>
    <row r="5" spans="1:7" x14ac:dyDescent="0.2">
      <c r="A5">
        <v>551.19894699999998</v>
      </c>
      <c r="B5">
        <v>19.984394000000002</v>
      </c>
      <c r="C5">
        <v>9.7046399999999995</v>
      </c>
      <c r="D5">
        <f t="shared" si="0"/>
        <v>1.5013999999998973E-2</v>
      </c>
      <c r="E5">
        <f t="shared" si="1"/>
        <v>0.96523899999999685</v>
      </c>
      <c r="F5">
        <f t="shared" si="2"/>
        <v>0.11663531598547655</v>
      </c>
    </row>
    <row r="6" spans="1:7" x14ac:dyDescent="0.2">
      <c r="A6">
        <v>551.21860000000004</v>
      </c>
      <c r="B6">
        <v>19.98376</v>
      </c>
      <c r="C6">
        <v>9.7096450000000001</v>
      </c>
      <c r="D6">
        <f t="shared" si="0"/>
        <v>2.0018999999999565E-2</v>
      </c>
      <c r="E6">
        <f t="shared" si="1"/>
        <v>0.98489200000005894</v>
      </c>
      <c r="F6">
        <f t="shared" si="2"/>
        <v>8.9252906253661432E-2</v>
      </c>
    </row>
    <row r="7" spans="1:7" x14ac:dyDescent="0.2">
      <c r="A7">
        <v>551.06859499999996</v>
      </c>
      <c r="B7">
        <v>20.034468</v>
      </c>
      <c r="C7">
        <v>9.7146500000000007</v>
      </c>
      <c r="D7">
        <f t="shared" si="0"/>
        <v>2.5024000000000157E-2</v>
      </c>
      <c r="E7">
        <f t="shared" si="1"/>
        <v>0.83488699999998062</v>
      </c>
      <c r="F7">
        <f t="shared" si="2"/>
        <v>6.0543190792709818E-2</v>
      </c>
    </row>
    <row r="8" spans="1:7" x14ac:dyDescent="0.2">
      <c r="A8">
        <v>550.97439099999997</v>
      </c>
      <c r="B8">
        <v>19.995073000000001</v>
      </c>
      <c r="C8">
        <v>9.7196540000000002</v>
      </c>
      <c r="D8">
        <f t="shared" si="0"/>
        <v>3.0027999999999722E-2</v>
      </c>
      <c r="E8">
        <f t="shared" si="1"/>
        <v>0.74068299999998999</v>
      </c>
      <c r="F8">
        <f t="shared" si="2"/>
        <v>4.4768707497708574E-2</v>
      </c>
    </row>
    <row r="9" spans="1:7" x14ac:dyDescent="0.2">
      <c r="A9">
        <v>551.28881999999999</v>
      </c>
      <c r="B9">
        <v>19.965903999999998</v>
      </c>
      <c r="C9">
        <v>9.7246590000000008</v>
      </c>
      <c r="D9">
        <f t="shared" si="0"/>
        <v>3.5033000000000314E-2</v>
      </c>
      <c r="E9">
        <f t="shared" si="1"/>
        <v>1.0551120000000083</v>
      </c>
      <c r="F9">
        <f t="shared" si="2"/>
        <v>5.463136453871225E-2</v>
      </c>
    </row>
    <row r="10" spans="1:7" x14ac:dyDescent="0.2">
      <c r="A10">
        <v>551.36515699999995</v>
      </c>
      <c r="B10">
        <v>19.993966</v>
      </c>
      <c r="C10">
        <v>9.7296639999999996</v>
      </c>
      <c r="D10">
        <f t="shared" si="0"/>
        <v>4.003799999999913E-2</v>
      </c>
      <c r="E10">
        <f t="shared" si="1"/>
        <v>1.1314489999999751</v>
      </c>
      <c r="F10">
        <f t="shared" si="2"/>
        <v>5.1253471917049646E-2</v>
      </c>
    </row>
    <row r="11" spans="1:7" x14ac:dyDescent="0.2">
      <c r="A11">
        <v>551.32872799999996</v>
      </c>
      <c r="B11">
        <v>19.999431000000001</v>
      </c>
      <c r="C11">
        <v>9.7346690000000002</v>
      </c>
      <c r="D11">
        <f t="shared" si="0"/>
        <v>4.5042999999999722E-2</v>
      </c>
      <c r="E11">
        <f t="shared" si="1"/>
        <v>1.0950199999999768</v>
      </c>
      <c r="F11">
        <f t="shared" si="2"/>
        <v>4.4094469350534495E-2</v>
      </c>
    </row>
    <row r="12" spans="1:7" x14ac:dyDescent="0.2">
      <c r="A12">
        <v>551.19833500000004</v>
      </c>
      <c r="B12">
        <v>20.022214000000002</v>
      </c>
      <c r="C12">
        <v>9.7396740000000008</v>
      </c>
      <c r="D12">
        <f t="shared" si="0"/>
        <v>5.0048000000000314E-2</v>
      </c>
      <c r="E12">
        <f t="shared" si="1"/>
        <v>0.96462700000006407</v>
      </c>
      <c r="F12">
        <f t="shared" si="2"/>
        <v>3.4967516591924368E-2</v>
      </c>
    </row>
    <row r="13" spans="1:7" x14ac:dyDescent="0.2">
      <c r="A13">
        <v>551.509277</v>
      </c>
      <c r="B13">
        <v>19.970416</v>
      </c>
      <c r="C13">
        <v>9.7446780000000004</v>
      </c>
      <c r="D13">
        <f t="shared" si="0"/>
        <v>5.5051999999999879E-2</v>
      </c>
      <c r="E13">
        <f t="shared" si="1"/>
        <v>1.2755690000000186</v>
      </c>
      <c r="F13">
        <f t="shared" si="2"/>
        <v>4.2012452333352483E-2</v>
      </c>
    </row>
    <row r="14" spans="1:7" x14ac:dyDescent="0.2">
      <c r="A14">
        <v>551.765578</v>
      </c>
      <c r="B14">
        <v>19.958814</v>
      </c>
      <c r="C14">
        <v>9.7496829999999992</v>
      </c>
      <c r="D14">
        <f t="shared" si="0"/>
        <v>6.0056999999998695E-2</v>
      </c>
      <c r="E14">
        <f t="shared" si="1"/>
        <v>1.5318700000000263</v>
      </c>
      <c r="F14">
        <f t="shared" si="2"/>
        <v>4.622784765008163E-2</v>
      </c>
    </row>
    <row r="15" spans="1:7" x14ac:dyDescent="0.2">
      <c r="A15">
        <v>551.94586700000002</v>
      </c>
      <c r="B15">
        <v>19.990624</v>
      </c>
      <c r="C15">
        <v>9.7546879999999998</v>
      </c>
      <c r="D15">
        <f t="shared" si="0"/>
        <v>6.5061999999999287E-2</v>
      </c>
      <c r="E15">
        <f t="shared" si="1"/>
        <v>1.7121590000000424</v>
      </c>
      <c r="F15">
        <f t="shared" si="2"/>
        <v>4.7678238093464956E-2</v>
      </c>
    </row>
    <row r="16" spans="1:7" x14ac:dyDescent="0.2">
      <c r="A16">
        <v>552.27650400000005</v>
      </c>
      <c r="B16">
        <v>19.956629</v>
      </c>
      <c r="C16">
        <v>9.7596930000000004</v>
      </c>
      <c r="D16">
        <f t="shared" si="0"/>
        <v>7.0066999999999879E-2</v>
      </c>
      <c r="E16">
        <f t="shared" si="1"/>
        <v>2.0427960000000667</v>
      </c>
      <c r="F16">
        <f t="shared" si="2"/>
        <v>5.2790394647828462E-2</v>
      </c>
    </row>
    <row r="17" spans="1:6" x14ac:dyDescent="0.2">
      <c r="A17">
        <v>552.68843900000002</v>
      </c>
      <c r="B17">
        <v>19.950493999999999</v>
      </c>
      <c r="C17">
        <v>9.7646979999999992</v>
      </c>
      <c r="D17">
        <f t="shared" si="0"/>
        <v>7.5071999999998695E-2</v>
      </c>
      <c r="E17">
        <f t="shared" si="1"/>
        <v>2.454731000000038</v>
      </c>
      <c r="F17">
        <f t="shared" si="2"/>
        <v>5.9162366963628234E-2</v>
      </c>
    </row>
    <row r="18" spans="1:6" x14ac:dyDescent="0.2">
      <c r="A18">
        <v>553.34185200000002</v>
      </c>
      <c r="B18">
        <v>19.931183000000001</v>
      </c>
      <c r="C18">
        <v>9.7697020000000006</v>
      </c>
      <c r="D18">
        <f t="shared" si="0"/>
        <v>8.0076000000000036E-2</v>
      </c>
      <c r="E18">
        <f t="shared" si="1"/>
        <v>3.1081440000000384</v>
      </c>
      <c r="F18">
        <f t="shared" si="2"/>
        <v>7.0146376385914533E-2</v>
      </c>
    </row>
    <row r="19" spans="1:6" x14ac:dyDescent="0.2">
      <c r="A19">
        <v>553.50211999999999</v>
      </c>
      <c r="B19">
        <v>19.996760999999999</v>
      </c>
      <c r="C19">
        <v>9.7747069999999994</v>
      </c>
      <c r="D19">
        <f t="shared" si="0"/>
        <v>8.5080999999998852E-2</v>
      </c>
      <c r="E19">
        <f t="shared" si="1"/>
        <v>3.2684120000000121</v>
      </c>
      <c r="F19">
        <f t="shared" si="2"/>
        <v>6.9404067255853227E-2</v>
      </c>
    </row>
    <row r="20" spans="1:6" x14ac:dyDescent="0.2">
      <c r="A20">
        <v>553.291605</v>
      </c>
      <c r="B20">
        <v>20.033431</v>
      </c>
      <c r="C20">
        <v>9.779712</v>
      </c>
      <c r="D20">
        <f t="shared" si="0"/>
        <v>9.0085999999999444E-2</v>
      </c>
      <c r="E20">
        <f t="shared" si="1"/>
        <v>3.0578970000000254</v>
      </c>
      <c r="F20">
        <f t="shared" si="2"/>
        <v>6.1349562255836307E-2</v>
      </c>
    </row>
    <row r="21" spans="1:6" x14ac:dyDescent="0.2">
      <c r="A21">
        <v>553.00708499999996</v>
      </c>
      <c r="B21">
        <v>20.019489</v>
      </c>
      <c r="C21">
        <v>9.7847170000000006</v>
      </c>
      <c r="D21">
        <f t="shared" si="0"/>
        <v>9.5091000000000037E-2</v>
      </c>
      <c r="E21">
        <f t="shared" si="1"/>
        <v>2.7733769999999822</v>
      </c>
      <c r="F21">
        <f t="shared" si="2"/>
        <v>5.2739838987575199E-2</v>
      </c>
    </row>
    <row r="22" spans="1:6" x14ac:dyDescent="0.2">
      <c r="A22">
        <v>552.87877300000002</v>
      </c>
      <c r="B22">
        <v>19.99765</v>
      </c>
      <c r="C22">
        <v>9.7897219999999994</v>
      </c>
      <c r="D22">
        <f t="shared" si="0"/>
        <v>0.10009599999999885</v>
      </c>
      <c r="E22">
        <f t="shared" si="1"/>
        <v>2.6450650000000451</v>
      </c>
      <c r="F22">
        <f t="shared" si="2"/>
        <v>4.7795797234451598E-2</v>
      </c>
    </row>
    <row r="23" spans="1:6" x14ac:dyDescent="0.2">
      <c r="A23">
        <v>552.97332300000005</v>
      </c>
      <c r="B23">
        <v>19.985762000000001</v>
      </c>
      <c r="C23">
        <v>9.7947260000000007</v>
      </c>
      <c r="D23">
        <f t="shared" si="0"/>
        <v>0.10510000000000019</v>
      </c>
      <c r="E23">
        <f t="shared" si="1"/>
        <v>2.7396150000000716</v>
      </c>
      <c r="F23">
        <f t="shared" si="2"/>
        <v>4.713924681721543E-2</v>
      </c>
    </row>
    <row r="24" spans="1:6" x14ac:dyDescent="0.2">
      <c r="A24">
        <v>552.93872499999998</v>
      </c>
      <c r="B24">
        <v>20.026931999999999</v>
      </c>
      <c r="C24">
        <v>9.7997309999999995</v>
      </c>
      <c r="D24">
        <f t="shared" si="0"/>
        <v>0.11010499999999901</v>
      </c>
      <c r="E24">
        <f t="shared" si="1"/>
        <v>2.705016999999998</v>
      </c>
      <c r="F24">
        <f t="shared" si="2"/>
        <v>4.4430985971004713E-2</v>
      </c>
    </row>
    <row r="25" spans="1:6" x14ac:dyDescent="0.2">
      <c r="A25">
        <v>553.07597899999996</v>
      </c>
      <c r="B25">
        <v>19.965325</v>
      </c>
      <c r="C25">
        <v>9.8047360000000001</v>
      </c>
      <c r="D25">
        <f t="shared" si="0"/>
        <v>0.1151099999999996</v>
      </c>
      <c r="E25">
        <f t="shared" si="1"/>
        <v>2.8422709999999825</v>
      </c>
      <c r="F25">
        <f t="shared" si="2"/>
        <v>4.4644466061606491E-2</v>
      </c>
    </row>
    <row r="26" spans="1:6" x14ac:dyDescent="0.2">
      <c r="A26">
        <v>553.06876699999998</v>
      </c>
      <c r="B26">
        <v>20.018941999999999</v>
      </c>
      <c r="C26">
        <v>9.8097410000000007</v>
      </c>
      <c r="D26">
        <f t="shared" si="0"/>
        <v>0.12011500000000019</v>
      </c>
      <c r="E26">
        <f t="shared" si="1"/>
        <v>2.8350590000000011</v>
      </c>
      <c r="F26">
        <f t="shared" si="2"/>
        <v>4.2676198071097217E-2</v>
      </c>
    </row>
    <row r="27" spans="1:6" x14ac:dyDescent="0.2">
      <c r="A27">
        <v>552.987844</v>
      </c>
      <c r="B27">
        <v>20.002447</v>
      </c>
      <c r="C27">
        <v>9.8147459999999995</v>
      </c>
      <c r="D27">
        <f t="shared" si="0"/>
        <v>0.12511999999999901</v>
      </c>
      <c r="E27">
        <f t="shared" si="1"/>
        <v>2.7541360000000168</v>
      </c>
      <c r="F27">
        <f t="shared" si="2"/>
        <v>3.9805498006099824E-2</v>
      </c>
    </row>
    <row r="28" spans="1:6" x14ac:dyDescent="0.2">
      <c r="A28">
        <v>552.98199099999999</v>
      </c>
      <c r="B28">
        <v>20.004753999999998</v>
      </c>
      <c r="C28">
        <v>9.8197500000000009</v>
      </c>
      <c r="D28">
        <f t="shared" si="0"/>
        <v>0.13012400000000035</v>
      </c>
      <c r="E28">
        <f t="shared" si="1"/>
        <v>2.7482830000000149</v>
      </c>
      <c r="F28">
        <f t="shared" si="2"/>
        <v>3.819381662422229E-2</v>
      </c>
    </row>
    <row r="29" spans="1:6" x14ac:dyDescent="0.2">
      <c r="A29">
        <v>553.00255300000003</v>
      </c>
      <c r="B29">
        <v>20.014644000000001</v>
      </c>
      <c r="C29">
        <v>9.8247549999999997</v>
      </c>
      <c r="D29">
        <f t="shared" si="0"/>
        <v>0.13512899999999917</v>
      </c>
      <c r="E29">
        <f t="shared" si="1"/>
        <v>2.7688450000000557</v>
      </c>
      <c r="F29">
        <f t="shared" si="2"/>
        <v>3.7052963231800302E-2</v>
      </c>
    </row>
    <row r="30" spans="1:6" x14ac:dyDescent="0.2">
      <c r="A30">
        <v>552.85380399999997</v>
      </c>
      <c r="B30">
        <v>19.996511000000002</v>
      </c>
      <c r="C30">
        <v>9.8297600000000003</v>
      </c>
      <c r="D30">
        <f t="shared" si="0"/>
        <v>0.14013399999999976</v>
      </c>
      <c r="E30">
        <f t="shared" si="1"/>
        <v>2.6200959999999895</v>
      </c>
      <c r="F30">
        <f t="shared" si="2"/>
        <v>3.3819204138383095E-2</v>
      </c>
    </row>
    <row r="31" spans="1:6" x14ac:dyDescent="0.2">
      <c r="A31">
        <v>552.94694000000004</v>
      </c>
      <c r="B31">
        <v>19.979378000000001</v>
      </c>
      <c r="C31">
        <v>9.8347650000000009</v>
      </c>
      <c r="D31">
        <f t="shared" si="0"/>
        <v>0.14513900000000035</v>
      </c>
      <c r="E31">
        <f t="shared" si="1"/>
        <v>2.7132320000000618</v>
      </c>
      <c r="F31">
        <f t="shared" si="2"/>
        <v>3.3807989513555584E-2</v>
      </c>
    </row>
    <row r="32" spans="1:6" x14ac:dyDescent="0.2">
      <c r="A32">
        <v>552.78860799999995</v>
      </c>
      <c r="B32">
        <v>20.033733999999999</v>
      </c>
      <c r="C32">
        <v>9.8397699999999997</v>
      </c>
      <c r="D32">
        <f t="shared" si="0"/>
        <v>0.15014399999999917</v>
      </c>
      <c r="E32">
        <f t="shared" si="1"/>
        <v>2.5548999999999751</v>
      </c>
      <c r="F32">
        <f t="shared" si="2"/>
        <v>3.0782709235783016E-2</v>
      </c>
    </row>
    <row r="33" spans="1:6" x14ac:dyDescent="0.2">
      <c r="A33">
        <v>552.70299699999998</v>
      </c>
      <c r="B33">
        <v>19.982621999999999</v>
      </c>
      <c r="C33">
        <v>9.8447739999999992</v>
      </c>
      <c r="D33">
        <f t="shared" si="0"/>
        <v>0.15514799999999873</v>
      </c>
      <c r="E33">
        <f t="shared" si="1"/>
        <v>2.4692890000000034</v>
      </c>
      <c r="F33">
        <f t="shared" si="2"/>
        <v>2.8796116421071861E-2</v>
      </c>
    </row>
    <row r="34" spans="1:6" x14ac:dyDescent="0.2">
      <c r="A34">
        <v>553.19392000000005</v>
      </c>
      <c r="B34">
        <v>19.943633999999999</v>
      </c>
      <c r="C34">
        <v>9.8497789999999998</v>
      </c>
      <c r="D34">
        <f t="shared" si="0"/>
        <v>0.16015299999999932</v>
      </c>
      <c r="E34">
        <f t="shared" si="1"/>
        <v>2.9602120000000696</v>
      </c>
      <c r="F34">
        <f t="shared" si="2"/>
        <v>3.3412605130726594E-2</v>
      </c>
    </row>
    <row r="35" spans="1:6" x14ac:dyDescent="0.2">
      <c r="A35">
        <v>553.39088400000003</v>
      </c>
      <c r="B35">
        <v>19.980281999999999</v>
      </c>
      <c r="C35">
        <v>9.8547840000000004</v>
      </c>
      <c r="D35">
        <f t="shared" si="0"/>
        <v>0.16515799999999992</v>
      </c>
      <c r="E35">
        <f t="shared" si="1"/>
        <v>3.1571760000000495</v>
      </c>
      <c r="F35">
        <f t="shared" si="2"/>
        <v>3.4543566660836453E-2</v>
      </c>
    </row>
    <row r="36" spans="1:6" x14ac:dyDescent="0.2">
      <c r="A36">
        <v>553.42259000000001</v>
      </c>
      <c r="B36">
        <v>20.002147999999998</v>
      </c>
      <c r="C36">
        <v>9.8597889999999992</v>
      </c>
      <c r="D36">
        <f t="shared" si="0"/>
        <v>0.17016299999999873</v>
      </c>
      <c r="E36">
        <f t="shared" si="1"/>
        <v>3.1888820000000351</v>
      </c>
      <c r="F36">
        <f t="shared" si="2"/>
        <v>3.3862298437338477E-2</v>
      </c>
    </row>
    <row r="37" spans="1:6" x14ac:dyDescent="0.2">
      <c r="A37">
        <v>553.10440800000003</v>
      </c>
      <c r="B37">
        <v>20.043977000000002</v>
      </c>
      <c r="C37">
        <v>9.8647939999999998</v>
      </c>
      <c r="D37">
        <f t="shared" si="0"/>
        <v>0.17516799999999932</v>
      </c>
      <c r="E37">
        <f t="shared" si="1"/>
        <v>2.8707000000000562</v>
      </c>
      <c r="F37">
        <f t="shared" si="2"/>
        <v>2.9629608852127415E-2</v>
      </c>
    </row>
    <row r="38" spans="1:6" x14ac:dyDescent="0.2">
      <c r="A38">
        <v>552.90457400000003</v>
      </c>
      <c r="B38">
        <v>20.002087</v>
      </c>
      <c r="C38">
        <v>9.8697979999999994</v>
      </c>
      <c r="D38">
        <f t="shared" si="0"/>
        <v>0.18017199999999889</v>
      </c>
      <c r="E38">
        <f t="shared" si="1"/>
        <v>2.6708660000000464</v>
      </c>
      <c r="F38">
        <f t="shared" si="2"/>
        <v>2.6811099067993893E-2</v>
      </c>
    </row>
    <row r="39" spans="1:6" x14ac:dyDescent="0.2">
      <c r="A39">
        <v>553.50579900000002</v>
      </c>
      <c r="B39">
        <v>19.927581</v>
      </c>
      <c r="C39">
        <v>9.874803</v>
      </c>
      <c r="D39">
        <f t="shared" si="0"/>
        <v>0.18517699999999948</v>
      </c>
      <c r="E39">
        <f t="shared" si="1"/>
        <v>3.2720910000000458</v>
      </c>
      <c r="F39">
        <f t="shared" si="2"/>
        <v>3.1923915610504984E-2</v>
      </c>
    </row>
    <row r="40" spans="1:6" x14ac:dyDescent="0.2">
      <c r="A40">
        <v>553.92078900000001</v>
      </c>
      <c r="B40">
        <v>19.959683999999999</v>
      </c>
      <c r="C40">
        <v>9.8798080000000006</v>
      </c>
      <c r="D40">
        <f t="shared" si="0"/>
        <v>0.19018200000000007</v>
      </c>
      <c r="E40">
        <f t="shared" si="1"/>
        <v>3.6870810000000347</v>
      </c>
      <c r="F40">
        <f t="shared" si="2"/>
        <v>3.4999803292745629E-2</v>
      </c>
    </row>
    <row r="41" spans="1:6" x14ac:dyDescent="0.2">
      <c r="A41">
        <v>554.06050500000003</v>
      </c>
      <c r="B41">
        <v>19.996231000000002</v>
      </c>
      <c r="C41">
        <v>9.8848129999999994</v>
      </c>
      <c r="D41">
        <f t="shared" si="0"/>
        <v>0.19518699999999889</v>
      </c>
      <c r="E41">
        <f t="shared" si="1"/>
        <v>3.826797000000056</v>
      </c>
      <c r="F41">
        <f t="shared" si="2"/>
        <v>3.5385663415787937E-2</v>
      </c>
    </row>
    <row r="42" spans="1:6" x14ac:dyDescent="0.2">
      <c r="A42">
        <v>554.04333399999996</v>
      </c>
      <c r="B42">
        <v>19.977626000000001</v>
      </c>
      <c r="C42">
        <v>9.889818</v>
      </c>
      <c r="D42">
        <f t="shared" si="0"/>
        <v>0.20019199999999948</v>
      </c>
      <c r="E42">
        <f t="shared" si="1"/>
        <v>3.8096259999999802</v>
      </c>
      <c r="F42">
        <f t="shared" si="2"/>
        <v>3.4347243555357274E-2</v>
      </c>
    </row>
    <row r="43" spans="1:6" x14ac:dyDescent="0.2">
      <c r="A43">
        <v>554.22186099999999</v>
      </c>
      <c r="B43">
        <v>19.985583999999999</v>
      </c>
      <c r="C43">
        <v>9.8948219999999996</v>
      </c>
      <c r="D43">
        <f t="shared" si="0"/>
        <v>0.20519599999999905</v>
      </c>
      <c r="E43">
        <f t="shared" si="1"/>
        <v>3.9881530000000112</v>
      </c>
      <c r="F43">
        <f t="shared" si="2"/>
        <v>3.5068667808681384E-2</v>
      </c>
    </row>
    <row r="44" spans="1:6" x14ac:dyDescent="0.2">
      <c r="A44">
        <v>554.47925399999997</v>
      </c>
      <c r="B44">
        <v>19.989908</v>
      </c>
      <c r="C44">
        <v>9.8998270000000002</v>
      </c>
      <c r="D44">
        <f t="shared" si="0"/>
        <v>0.21020099999999964</v>
      </c>
      <c r="E44">
        <f t="shared" si="1"/>
        <v>4.2455459999999903</v>
      </c>
      <c r="F44">
        <f t="shared" si="2"/>
        <v>3.6426166757833327E-2</v>
      </c>
    </row>
    <row r="45" spans="1:6" x14ac:dyDescent="0.2">
      <c r="A45">
        <v>554.42009399999995</v>
      </c>
      <c r="B45">
        <v>20.010622999999999</v>
      </c>
      <c r="C45">
        <v>9.9048320000000007</v>
      </c>
      <c r="D45">
        <f t="shared" si="0"/>
        <v>0.21520600000000023</v>
      </c>
      <c r="E45">
        <f t="shared" si="1"/>
        <v>4.1863859999999704</v>
      </c>
      <c r="F45">
        <f t="shared" si="2"/>
        <v>3.508697535586864E-2</v>
      </c>
    </row>
    <row r="46" spans="1:6" x14ac:dyDescent="0.2">
      <c r="A46">
        <v>554.50878499999999</v>
      </c>
      <c r="B46">
        <v>19.960260999999999</v>
      </c>
      <c r="C46">
        <v>9.9098369999999996</v>
      </c>
      <c r="D46">
        <f t="shared" si="0"/>
        <v>0.22021099999999905</v>
      </c>
      <c r="E46">
        <f t="shared" si="1"/>
        <v>4.2750770000000102</v>
      </c>
      <c r="F46">
        <f t="shared" si="2"/>
        <v>3.5010353936283226E-2</v>
      </c>
    </row>
    <row r="47" spans="1:6" x14ac:dyDescent="0.2">
      <c r="A47">
        <v>554.91326700000002</v>
      </c>
      <c r="B47">
        <v>19.942513999999999</v>
      </c>
      <c r="C47">
        <v>9.9148420000000002</v>
      </c>
      <c r="D47">
        <f t="shared" si="0"/>
        <v>0.22521599999999964</v>
      </c>
      <c r="E47">
        <f t="shared" si="1"/>
        <v>4.6795590000000402</v>
      </c>
      <c r="F47">
        <f t="shared" si="2"/>
        <v>3.7443857024760496E-2</v>
      </c>
    </row>
    <row r="48" spans="1:6" x14ac:dyDescent="0.2">
      <c r="A48">
        <v>555.57047799999998</v>
      </c>
      <c r="B48">
        <v>19.939672000000002</v>
      </c>
      <c r="C48">
        <v>9.9198459999999997</v>
      </c>
      <c r="D48">
        <f t="shared" si="0"/>
        <v>0.2302199999999992</v>
      </c>
      <c r="E48">
        <f t="shared" si="1"/>
        <v>5.3367700000000013</v>
      </c>
      <c r="F48">
        <f t="shared" si="2"/>
        <v>4.1724993401668388E-2</v>
      </c>
    </row>
    <row r="49" spans="1:6" x14ac:dyDescent="0.2">
      <c r="A49">
        <v>555.944568</v>
      </c>
      <c r="B49">
        <v>19.989380000000001</v>
      </c>
      <c r="C49">
        <v>9.9248510000000003</v>
      </c>
      <c r="D49">
        <f t="shared" si="0"/>
        <v>0.2352249999999998</v>
      </c>
      <c r="E49">
        <f t="shared" si="1"/>
        <v>5.7108600000000251</v>
      </c>
      <c r="F49">
        <f t="shared" si="2"/>
        <v>4.3670337195797507E-2</v>
      </c>
    </row>
    <row r="50" spans="1:6" x14ac:dyDescent="0.2">
      <c r="A50">
        <v>555.64538300000004</v>
      </c>
      <c r="B50">
        <v>20.032788</v>
      </c>
      <c r="C50">
        <v>9.9298559999999991</v>
      </c>
      <c r="D50">
        <f t="shared" si="0"/>
        <v>0.24022999999999861</v>
      </c>
      <c r="E50">
        <f t="shared" si="1"/>
        <v>5.4116750000000593</v>
      </c>
      <c r="F50">
        <f t="shared" si="2"/>
        <v>4.0542148090380502E-2</v>
      </c>
    </row>
    <row r="51" spans="1:6" x14ac:dyDescent="0.2">
      <c r="A51">
        <v>555.71418200000005</v>
      </c>
      <c r="B51">
        <v>19.964611999999999</v>
      </c>
      <c r="C51">
        <v>9.9348609999999997</v>
      </c>
      <c r="D51">
        <f t="shared" si="0"/>
        <v>0.2452349999999992</v>
      </c>
      <c r="E51">
        <f t="shared" si="1"/>
        <v>5.480474000000072</v>
      </c>
      <c r="F51">
        <f t="shared" si="2"/>
        <v>4.0214640308904391E-2</v>
      </c>
    </row>
    <row r="52" spans="1:6" x14ac:dyDescent="0.2">
      <c r="A52">
        <v>556.15611200000001</v>
      </c>
      <c r="B52">
        <v>19.971070000000001</v>
      </c>
      <c r="C52">
        <v>9.9398660000000003</v>
      </c>
      <c r="D52">
        <f t="shared" si="0"/>
        <v>0.2502399999999998</v>
      </c>
      <c r="E52">
        <f t="shared" si="1"/>
        <v>5.9224040000000286</v>
      </c>
      <c r="F52">
        <f t="shared" si="2"/>
        <v>4.255441101769513E-2</v>
      </c>
    </row>
    <row r="53" spans="1:6" x14ac:dyDescent="0.2">
      <c r="A53">
        <v>556.288455</v>
      </c>
      <c r="B53">
        <v>20.003436000000001</v>
      </c>
      <c r="C53">
        <v>9.9448699999999999</v>
      </c>
      <c r="D53">
        <f t="shared" si="0"/>
        <v>0.25524399999999936</v>
      </c>
      <c r="E53">
        <f t="shared" si="1"/>
        <v>6.0547470000000203</v>
      </c>
      <c r="F53">
        <f t="shared" si="2"/>
        <v>4.2642279446577502E-2</v>
      </c>
    </row>
    <row r="54" spans="1:6" x14ac:dyDescent="0.2">
      <c r="A54">
        <v>555.93774399999995</v>
      </c>
      <c r="B54">
        <v>20.061693999999999</v>
      </c>
      <c r="C54">
        <v>9.9498750000000005</v>
      </c>
      <c r="D54">
        <f t="shared" si="0"/>
        <v>0.26024899999999995</v>
      </c>
      <c r="E54">
        <f t="shared" si="1"/>
        <v>5.7040359999999737</v>
      </c>
      <c r="F54">
        <f t="shared" si="2"/>
        <v>3.9424575701793495E-2</v>
      </c>
    </row>
    <row r="55" spans="1:6" x14ac:dyDescent="0.2">
      <c r="A55">
        <v>555.33862399999998</v>
      </c>
      <c r="B55">
        <v>20.050856</v>
      </c>
      <c r="C55">
        <v>9.9548799999999993</v>
      </c>
      <c r="D55">
        <f t="shared" si="0"/>
        <v>0.26525399999999877</v>
      </c>
      <c r="E55">
        <f t="shared" si="1"/>
        <v>5.1049160000000029</v>
      </c>
      <c r="F55">
        <f t="shared" si="2"/>
        <v>3.4655229455034818E-2</v>
      </c>
    </row>
    <row r="56" spans="1:6" x14ac:dyDescent="0.2">
      <c r="A56">
        <v>554.95502299999998</v>
      </c>
      <c r="B56">
        <v>20.013947000000002</v>
      </c>
      <c r="C56">
        <v>9.9598849999999999</v>
      </c>
      <c r="D56">
        <f t="shared" si="0"/>
        <v>0.27025899999999936</v>
      </c>
      <c r="E56">
        <f t="shared" si="1"/>
        <v>4.7213150000000041</v>
      </c>
      <c r="F56">
        <f t="shared" si="2"/>
        <v>3.1479296984521773E-2</v>
      </c>
    </row>
    <row r="57" spans="1:6" x14ac:dyDescent="0.2">
      <c r="A57">
        <v>555.06530499999997</v>
      </c>
      <c r="B57">
        <v>19.990713</v>
      </c>
      <c r="C57">
        <v>9.9648900000000005</v>
      </c>
      <c r="D57">
        <f t="shared" si="0"/>
        <v>0.27526399999999995</v>
      </c>
      <c r="E57">
        <f t="shared" si="1"/>
        <v>4.8315969999999879</v>
      </c>
      <c r="F57">
        <f t="shared" si="2"/>
        <v>3.1622573035694483E-2</v>
      </c>
    </row>
    <row r="58" spans="1:6" x14ac:dyDescent="0.2">
      <c r="A58">
        <v>554.70917199999997</v>
      </c>
      <c r="B58">
        <v>20.051829000000001</v>
      </c>
      <c r="C58">
        <v>9.969894</v>
      </c>
      <c r="D58">
        <f t="shared" si="0"/>
        <v>0.28026799999999952</v>
      </c>
      <c r="E58">
        <f t="shared" si="1"/>
        <v>4.4754639999999881</v>
      </c>
      <c r="F58">
        <f t="shared" si="2"/>
        <v>2.8787185529205259E-2</v>
      </c>
    </row>
    <row r="59" spans="1:6" x14ac:dyDescent="0.2">
      <c r="A59">
        <v>553.87949200000003</v>
      </c>
      <c r="B59">
        <v>20.096899000000001</v>
      </c>
      <c r="C59">
        <v>9.9748990000000006</v>
      </c>
      <c r="D59">
        <f t="shared" si="0"/>
        <v>0.28527300000000011</v>
      </c>
      <c r="E59">
        <f t="shared" si="1"/>
        <v>3.6457840000000488</v>
      </c>
      <c r="F59">
        <f t="shared" si="2"/>
        <v>2.3073579845152403E-2</v>
      </c>
    </row>
    <row r="60" spans="1:6" x14ac:dyDescent="0.2">
      <c r="A60">
        <v>553.22852699999999</v>
      </c>
      <c r="B60">
        <v>20.071059999999999</v>
      </c>
      <c r="C60">
        <v>9.9799039999999994</v>
      </c>
      <c r="D60">
        <f t="shared" si="0"/>
        <v>0.29027799999999893</v>
      </c>
      <c r="E60">
        <f t="shared" si="1"/>
        <v>2.9948190000000068</v>
      </c>
      <c r="F60">
        <f t="shared" si="2"/>
        <v>1.8648842940768368E-2</v>
      </c>
    </row>
    <row r="61" spans="1:6" x14ac:dyDescent="0.2">
      <c r="A61">
        <v>552.883917</v>
      </c>
      <c r="B61">
        <v>20.012381999999999</v>
      </c>
      <c r="C61">
        <v>9.984909</v>
      </c>
      <c r="D61">
        <f t="shared" si="0"/>
        <v>0.29528299999999952</v>
      </c>
      <c r="E61">
        <f t="shared" si="1"/>
        <v>2.650209000000018</v>
      </c>
      <c r="F61">
        <f t="shared" si="2"/>
        <v>1.6233333956046127E-2</v>
      </c>
    </row>
    <row r="62" spans="1:6" x14ac:dyDescent="0.2">
      <c r="A62">
        <v>552.81127300000003</v>
      </c>
      <c r="B62">
        <v>20.012003</v>
      </c>
      <c r="C62">
        <v>9.9899140000000006</v>
      </c>
      <c r="D62">
        <f t="shared" si="0"/>
        <v>0.30028800000000011</v>
      </c>
      <c r="E62">
        <f t="shared" si="1"/>
        <v>2.5775650000000496</v>
      </c>
      <c r="F62">
        <f t="shared" si="2"/>
        <v>1.5527257592699122E-2</v>
      </c>
    </row>
    <row r="63" spans="1:6" x14ac:dyDescent="0.2">
      <c r="A63">
        <v>552.61092199999996</v>
      </c>
      <c r="B63">
        <v>20.019278</v>
      </c>
      <c r="C63">
        <v>9.9949180000000002</v>
      </c>
      <c r="D63">
        <f t="shared" si="0"/>
        <v>0.30529199999999967</v>
      </c>
      <c r="E63">
        <f t="shared" si="1"/>
        <v>2.3772139999999808</v>
      </c>
      <c r="F63">
        <f t="shared" si="2"/>
        <v>1.4090726684031427E-2</v>
      </c>
    </row>
    <row r="64" spans="1:6" x14ac:dyDescent="0.2">
      <c r="A64">
        <v>552.44631100000004</v>
      </c>
      <c r="B64">
        <v>20.005704000000001</v>
      </c>
      <c r="C64">
        <v>9.9999230000000008</v>
      </c>
      <c r="D64">
        <f t="shared" si="0"/>
        <v>0.31029700000000027</v>
      </c>
      <c r="E64">
        <f t="shared" si="1"/>
        <v>2.2126030000000583</v>
      </c>
      <c r="F64">
        <f t="shared" si="2"/>
        <v>1.2907313014627338E-2</v>
      </c>
    </row>
    <row r="65" spans="1:6" x14ac:dyDescent="0.2">
      <c r="A65">
        <v>552.56196499999999</v>
      </c>
      <c r="B65">
        <v>19.979965</v>
      </c>
      <c r="C65">
        <v>10.004928</v>
      </c>
      <c r="D65">
        <f t="shared" si="0"/>
        <v>0.31530199999999908</v>
      </c>
      <c r="E65">
        <f t="shared" si="1"/>
        <v>2.3282570000000078</v>
      </c>
      <c r="F65">
        <f t="shared" si="2"/>
        <v>1.3363591893585509E-2</v>
      </c>
    </row>
    <row r="66" spans="1:6" x14ac:dyDescent="0.2">
      <c r="A66">
        <v>552.76886400000001</v>
      </c>
      <c r="B66">
        <v>19.999852000000001</v>
      </c>
      <c r="C66">
        <v>10.009933</v>
      </c>
      <c r="D66">
        <f t="shared" si="0"/>
        <v>0.32030699999999968</v>
      </c>
      <c r="E66">
        <f t="shared" si="1"/>
        <v>2.5351560000000291</v>
      </c>
      <c r="F66">
        <f t="shared" si="2"/>
        <v>1.4318406451043137E-2</v>
      </c>
    </row>
    <row r="67" spans="1:6" x14ac:dyDescent="0.2">
      <c r="A67">
        <v>552.33576200000005</v>
      </c>
      <c r="B67">
        <v>20.034406000000001</v>
      </c>
      <c r="C67">
        <v>10.014938000000001</v>
      </c>
      <c r="D67">
        <f t="shared" ref="D67:D130" si="3">C67-$C$2</f>
        <v>0.32531200000000027</v>
      </c>
      <c r="E67">
        <f t="shared" ref="E67:E130" si="4">A67-$A$2</f>
        <v>2.1020540000000665</v>
      </c>
      <c r="F67">
        <f t="shared" ref="F67:F130" si="5">(1/A67)*(E67/D67)</f>
        <v>1.1698781279487536E-2</v>
      </c>
    </row>
    <row r="68" spans="1:6" x14ac:dyDescent="0.2">
      <c r="A68">
        <v>552.23263399999996</v>
      </c>
      <c r="B68">
        <v>20.000523000000001</v>
      </c>
      <c r="C68">
        <v>10.019942</v>
      </c>
      <c r="D68">
        <f t="shared" si="3"/>
        <v>0.33031599999999983</v>
      </c>
      <c r="E68">
        <f t="shared" si="4"/>
        <v>1.9989259999999831</v>
      </c>
      <c r="F68">
        <f t="shared" si="5"/>
        <v>1.0958346752047271E-2</v>
      </c>
    </row>
    <row r="69" spans="1:6" x14ac:dyDescent="0.2">
      <c r="A69">
        <v>552.38239899999996</v>
      </c>
      <c r="B69">
        <v>19.975207000000001</v>
      </c>
      <c r="C69">
        <v>10.024946999999999</v>
      </c>
      <c r="D69">
        <f t="shared" si="3"/>
        <v>0.33532099999999865</v>
      </c>
      <c r="E69">
        <f t="shared" si="4"/>
        <v>2.1486909999999853</v>
      </c>
      <c r="F69">
        <f t="shared" si="5"/>
        <v>1.160041110116381E-2</v>
      </c>
    </row>
    <row r="70" spans="1:6" x14ac:dyDescent="0.2">
      <c r="A70">
        <v>552.38637800000004</v>
      </c>
      <c r="B70">
        <v>20.002255000000002</v>
      </c>
      <c r="C70">
        <v>10.029952</v>
      </c>
      <c r="D70">
        <f t="shared" si="3"/>
        <v>0.34032599999999924</v>
      </c>
      <c r="E70">
        <f t="shared" si="4"/>
        <v>2.1526700000000574</v>
      </c>
      <c r="F70">
        <f t="shared" si="5"/>
        <v>1.1450893326882934E-2</v>
      </c>
    </row>
    <row r="71" spans="1:6" x14ac:dyDescent="0.2">
      <c r="A71">
        <v>552.51374899999996</v>
      </c>
      <c r="B71">
        <v>19.975498000000002</v>
      </c>
      <c r="C71">
        <v>10.034957</v>
      </c>
      <c r="D71">
        <f t="shared" si="3"/>
        <v>0.34533099999999983</v>
      </c>
      <c r="E71">
        <f t="shared" si="4"/>
        <v>2.2800409999999829</v>
      </c>
      <c r="F71">
        <f t="shared" si="5"/>
        <v>1.1949892561924689E-2</v>
      </c>
    </row>
    <row r="72" spans="1:6" x14ac:dyDescent="0.2">
      <c r="A72">
        <v>552.77397499999995</v>
      </c>
      <c r="B72">
        <v>19.969341</v>
      </c>
      <c r="C72">
        <v>10.039961999999999</v>
      </c>
      <c r="D72">
        <f t="shared" si="3"/>
        <v>0.35033599999999865</v>
      </c>
      <c r="E72">
        <f t="shared" si="4"/>
        <v>2.5402669999999716</v>
      </c>
      <c r="F72">
        <f t="shared" si="5"/>
        <v>1.3117377328175918E-2</v>
      </c>
    </row>
    <row r="73" spans="1:6" x14ac:dyDescent="0.2">
      <c r="A73">
        <v>553.17001800000003</v>
      </c>
      <c r="B73">
        <v>19.940168</v>
      </c>
      <c r="C73">
        <v>10.044966000000001</v>
      </c>
      <c r="D73">
        <f t="shared" si="3"/>
        <v>0.35533999999999999</v>
      </c>
      <c r="E73">
        <f t="shared" si="4"/>
        <v>2.9363100000000486</v>
      </c>
      <c r="F73">
        <f t="shared" si="5"/>
        <v>1.4938231070334082E-2</v>
      </c>
    </row>
    <row r="74" spans="1:6" x14ac:dyDescent="0.2">
      <c r="A74">
        <v>553.93799300000001</v>
      </c>
      <c r="B74">
        <v>19.933907999999999</v>
      </c>
      <c r="C74">
        <v>10.049970999999999</v>
      </c>
      <c r="D74">
        <f t="shared" si="3"/>
        <v>0.36034499999999881</v>
      </c>
      <c r="E74">
        <f t="shared" si="4"/>
        <v>3.7042850000000271</v>
      </c>
      <c r="F74">
        <f t="shared" si="5"/>
        <v>1.8557725201408023E-2</v>
      </c>
    </row>
    <row r="75" spans="1:6" x14ac:dyDescent="0.2">
      <c r="A75">
        <v>554.31268499999999</v>
      </c>
      <c r="B75">
        <v>19.978649999999998</v>
      </c>
      <c r="C75">
        <v>10.054976</v>
      </c>
      <c r="D75">
        <f t="shared" si="3"/>
        <v>0.3653499999999994</v>
      </c>
      <c r="E75">
        <f t="shared" si="4"/>
        <v>4.078977000000009</v>
      </c>
      <c r="F75">
        <f t="shared" si="5"/>
        <v>2.014129208761567E-2</v>
      </c>
    </row>
    <row r="76" spans="1:6" x14ac:dyDescent="0.2">
      <c r="A76">
        <v>554.51767500000005</v>
      </c>
      <c r="B76">
        <v>19.975006</v>
      </c>
      <c r="C76">
        <v>10.059981000000001</v>
      </c>
      <c r="D76">
        <f t="shared" si="3"/>
        <v>0.37035499999999999</v>
      </c>
      <c r="E76">
        <f t="shared" si="4"/>
        <v>4.2839670000000751</v>
      </c>
      <c r="F76">
        <f t="shared" si="5"/>
        <v>2.0859913867351743E-2</v>
      </c>
    </row>
    <row r="77" spans="1:6" x14ac:dyDescent="0.2">
      <c r="A77">
        <v>555.00407600000005</v>
      </c>
      <c r="B77">
        <v>19.933713999999998</v>
      </c>
      <c r="C77">
        <v>10.064985999999999</v>
      </c>
      <c r="D77">
        <f t="shared" si="3"/>
        <v>0.37535999999999881</v>
      </c>
      <c r="E77">
        <f t="shared" si="4"/>
        <v>4.7703680000000759</v>
      </c>
      <c r="F77">
        <f t="shared" si="5"/>
        <v>2.2898536160779574E-2</v>
      </c>
    </row>
    <row r="78" spans="1:6" x14ac:dyDescent="0.2">
      <c r="A78">
        <v>555.47806100000003</v>
      </c>
      <c r="B78">
        <v>19.936322000000001</v>
      </c>
      <c r="C78">
        <v>10.069990000000001</v>
      </c>
      <c r="D78">
        <f t="shared" si="3"/>
        <v>0.38036400000000015</v>
      </c>
      <c r="E78">
        <f t="shared" si="4"/>
        <v>5.2443530000000464</v>
      </c>
      <c r="F78">
        <f t="shared" si="5"/>
        <v>2.4821361506949566E-2</v>
      </c>
    </row>
    <row r="79" spans="1:6" x14ac:dyDescent="0.2">
      <c r="A79">
        <v>555.60924899999998</v>
      </c>
      <c r="B79">
        <v>19.997240999999999</v>
      </c>
      <c r="C79">
        <v>10.074994999999999</v>
      </c>
      <c r="D79">
        <f t="shared" si="3"/>
        <v>0.38536899999999896</v>
      </c>
      <c r="E79">
        <f t="shared" si="4"/>
        <v>5.3755409999999983</v>
      </c>
      <c r="F79">
        <f t="shared" si="5"/>
        <v>2.5105908168333024E-2</v>
      </c>
    </row>
    <row r="80" spans="1:6" x14ac:dyDescent="0.2">
      <c r="A80">
        <v>555.529495</v>
      </c>
      <c r="B80">
        <v>20.005751</v>
      </c>
      <c r="C80">
        <v>10.08</v>
      </c>
      <c r="D80">
        <f t="shared" si="3"/>
        <v>0.39037399999999955</v>
      </c>
      <c r="E80">
        <f t="shared" si="4"/>
        <v>5.2957870000000185</v>
      </c>
      <c r="F80">
        <f t="shared" si="5"/>
        <v>2.4419822470520484E-2</v>
      </c>
    </row>
    <row r="81" spans="1:6" x14ac:dyDescent="0.2">
      <c r="A81">
        <v>555.46275200000002</v>
      </c>
      <c r="B81">
        <v>20.007594999999998</v>
      </c>
      <c r="C81">
        <v>10.085005000000001</v>
      </c>
      <c r="D81">
        <f t="shared" si="3"/>
        <v>0.39537900000000015</v>
      </c>
      <c r="E81">
        <f t="shared" si="4"/>
        <v>5.2290440000000444</v>
      </c>
      <c r="F81">
        <f t="shared" si="5"/>
        <v>2.3809690828407816E-2</v>
      </c>
    </row>
    <row r="82" spans="1:6" x14ac:dyDescent="0.2">
      <c r="A82">
        <v>555.85582999999997</v>
      </c>
      <c r="B82">
        <v>19.963982999999999</v>
      </c>
      <c r="C82">
        <v>10.090009999999999</v>
      </c>
      <c r="D82">
        <f t="shared" si="3"/>
        <v>0.40038399999999896</v>
      </c>
      <c r="E82">
        <f t="shared" si="4"/>
        <v>5.6221219999999903</v>
      </c>
      <c r="F82">
        <f t="shared" si="5"/>
        <v>2.5261630966694714E-2</v>
      </c>
    </row>
    <row r="83" spans="1:6" x14ac:dyDescent="0.2">
      <c r="A83">
        <v>556.36962900000003</v>
      </c>
      <c r="B83">
        <v>19.950018</v>
      </c>
      <c r="C83">
        <v>10.095014000000001</v>
      </c>
      <c r="D83">
        <f t="shared" si="3"/>
        <v>0.4053880000000003</v>
      </c>
      <c r="E83">
        <f t="shared" si="4"/>
        <v>6.135921000000053</v>
      </c>
      <c r="F83">
        <f t="shared" si="5"/>
        <v>2.720479488208909E-2</v>
      </c>
    </row>
    <row r="84" spans="1:6" x14ac:dyDescent="0.2">
      <c r="A84">
        <v>556.408458</v>
      </c>
      <c r="B84">
        <v>19.997093</v>
      </c>
      <c r="C84">
        <v>10.100019</v>
      </c>
      <c r="D84">
        <f t="shared" si="3"/>
        <v>0.41039299999999912</v>
      </c>
      <c r="E84">
        <f t="shared" si="4"/>
        <v>6.1747500000000173</v>
      </c>
      <c r="F84">
        <f t="shared" si="5"/>
        <v>2.7041184492737257E-2</v>
      </c>
    </row>
    <row r="85" spans="1:6" x14ac:dyDescent="0.2">
      <c r="A85">
        <v>556.22794899999997</v>
      </c>
      <c r="B85">
        <v>20.002894000000001</v>
      </c>
      <c r="C85">
        <v>10.105024</v>
      </c>
      <c r="D85">
        <f t="shared" si="3"/>
        <v>0.41539799999999971</v>
      </c>
      <c r="E85">
        <f t="shared" si="4"/>
        <v>5.9942409999999882</v>
      </c>
      <c r="F85">
        <f t="shared" si="5"/>
        <v>2.594280859268009E-2</v>
      </c>
    </row>
    <row r="86" spans="1:6" x14ac:dyDescent="0.2">
      <c r="A86">
        <v>556.26049399999999</v>
      </c>
      <c r="B86">
        <v>19.984089000000001</v>
      </c>
      <c r="C86">
        <v>10.110029000000001</v>
      </c>
      <c r="D86">
        <f t="shared" si="3"/>
        <v>0.4204030000000003</v>
      </c>
      <c r="E86">
        <f t="shared" si="4"/>
        <v>6.0267860000000155</v>
      </c>
      <c r="F86">
        <f t="shared" si="5"/>
        <v>2.5771621662446748E-2</v>
      </c>
    </row>
    <row r="87" spans="1:6" x14ac:dyDescent="0.2">
      <c r="A87">
        <v>556.66749400000003</v>
      </c>
      <c r="B87">
        <v>19.963380999999998</v>
      </c>
      <c r="C87">
        <v>10.115034</v>
      </c>
      <c r="D87">
        <f t="shared" si="3"/>
        <v>0.42540799999999912</v>
      </c>
      <c r="E87">
        <f t="shared" si="4"/>
        <v>6.4337860000000546</v>
      </c>
      <c r="F87">
        <f t="shared" si="5"/>
        <v>2.7168464682967994E-2</v>
      </c>
    </row>
    <row r="88" spans="1:6" x14ac:dyDescent="0.2">
      <c r="A88">
        <v>556.56979699999999</v>
      </c>
      <c r="B88">
        <v>20.040794999999999</v>
      </c>
      <c r="C88">
        <v>10.120037999999999</v>
      </c>
      <c r="D88">
        <f t="shared" si="3"/>
        <v>0.43041199999999868</v>
      </c>
      <c r="E88">
        <f t="shared" si="4"/>
        <v>6.3360890000000154</v>
      </c>
      <c r="F88">
        <f t="shared" si="5"/>
        <v>2.6449487590599213E-2</v>
      </c>
    </row>
    <row r="89" spans="1:6" x14ac:dyDescent="0.2">
      <c r="A89">
        <v>555.89078400000005</v>
      </c>
      <c r="B89">
        <v>20.08954</v>
      </c>
      <c r="C89">
        <v>10.125043</v>
      </c>
      <c r="D89">
        <f t="shared" si="3"/>
        <v>0.43541699999999928</v>
      </c>
      <c r="E89">
        <f t="shared" si="4"/>
        <v>5.6570760000000746</v>
      </c>
      <c r="F89">
        <f t="shared" si="5"/>
        <v>2.3372068908468633E-2</v>
      </c>
    </row>
    <row r="90" spans="1:6" x14ac:dyDescent="0.2">
      <c r="A90">
        <v>555.41575599999999</v>
      </c>
      <c r="B90">
        <v>20.000644999999999</v>
      </c>
      <c r="C90">
        <v>10.130048</v>
      </c>
      <c r="D90">
        <f t="shared" si="3"/>
        <v>0.44042199999999987</v>
      </c>
      <c r="E90">
        <f t="shared" si="4"/>
        <v>5.1820480000000089</v>
      </c>
      <c r="F90">
        <f t="shared" si="5"/>
        <v>2.1184305512310167E-2</v>
      </c>
    </row>
    <row r="91" spans="1:6" x14ac:dyDescent="0.2">
      <c r="A91">
        <v>555.27604799999995</v>
      </c>
      <c r="B91">
        <v>20.028348999999999</v>
      </c>
      <c r="C91">
        <v>10.135052999999999</v>
      </c>
      <c r="D91">
        <f t="shared" si="3"/>
        <v>0.44542699999999869</v>
      </c>
      <c r="E91">
        <f t="shared" si="4"/>
        <v>5.0423399999999674</v>
      </c>
      <c r="F91">
        <f t="shared" si="5"/>
        <v>2.0386686627103363E-2</v>
      </c>
    </row>
    <row r="92" spans="1:6" x14ac:dyDescent="0.2">
      <c r="A92">
        <v>554.66779699999995</v>
      </c>
      <c r="B92">
        <v>20.086079000000002</v>
      </c>
      <c r="C92">
        <v>10.140058</v>
      </c>
      <c r="D92">
        <f t="shared" si="3"/>
        <v>0.45043199999999928</v>
      </c>
      <c r="E92">
        <f t="shared" si="4"/>
        <v>4.4340889999999717</v>
      </c>
      <c r="F92">
        <f t="shared" si="5"/>
        <v>1.7747705647943462E-2</v>
      </c>
    </row>
    <row r="93" spans="1:6" x14ac:dyDescent="0.2">
      <c r="A93">
        <v>554.18493100000001</v>
      </c>
      <c r="B93">
        <v>20.040935000000001</v>
      </c>
      <c r="C93">
        <v>10.145061999999999</v>
      </c>
      <c r="D93">
        <f t="shared" si="3"/>
        <v>0.45543599999999884</v>
      </c>
      <c r="E93">
        <f t="shared" si="4"/>
        <v>3.9512230000000272</v>
      </c>
      <c r="F93">
        <f t="shared" si="5"/>
        <v>1.5654870236661251E-2</v>
      </c>
    </row>
    <row r="94" spans="1:6" x14ac:dyDescent="0.2">
      <c r="A94">
        <v>554.049218</v>
      </c>
      <c r="B94">
        <v>19.98677</v>
      </c>
      <c r="C94">
        <v>10.150067</v>
      </c>
      <c r="D94">
        <f t="shared" si="3"/>
        <v>0.46044099999999943</v>
      </c>
      <c r="E94">
        <f t="shared" si="4"/>
        <v>3.8155100000000175</v>
      </c>
      <c r="F94">
        <f t="shared" si="5"/>
        <v>1.4956509853428336E-2</v>
      </c>
    </row>
    <row r="95" spans="1:6" x14ac:dyDescent="0.2">
      <c r="A95">
        <v>554.38840100000004</v>
      </c>
      <c r="B95">
        <v>19.960269</v>
      </c>
      <c r="C95">
        <v>10.155072000000001</v>
      </c>
      <c r="D95">
        <f t="shared" si="3"/>
        <v>0.46544600000000003</v>
      </c>
      <c r="E95">
        <f t="shared" si="4"/>
        <v>4.1546930000000657</v>
      </c>
      <c r="F95">
        <f t="shared" si="5"/>
        <v>1.6101098267352277E-2</v>
      </c>
    </row>
    <row r="96" spans="1:6" x14ac:dyDescent="0.2">
      <c r="A96">
        <v>554.77897299999995</v>
      </c>
      <c r="B96">
        <v>19.953644000000001</v>
      </c>
      <c r="C96">
        <v>10.160076999999999</v>
      </c>
      <c r="D96">
        <f t="shared" si="3"/>
        <v>0.47045099999999884</v>
      </c>
      <c r="E96">
        <f t="shared" si="4"/>
        <v>4.5452649999999721</v>
      </c>
      <c r="F96">
        <f t="shared" si="5"/>
        <v>1.7415053799431805E-2</v>
      </c>
    </row>
    <row r="97" spans="1:6" x14ac:dyDescent="0.2">
      <c r="A97">
        <v>555.16042100000004</v>
      </c>
      <c r="B97">
        <v>19.974004999999998</v>
      </c>
      <c r="C97">
        <v>10.165082</v>
      </c>
      <c r="D97">
        <f t="shared" si="3"/>
        <v>0.47545599999999943</v>
      </c>
      <c r="E97">
        <f t="shared" si="4"/>
        <v>4.9267130000000634</v>
      </c>
      <c r="F97">
        <f t="shared" si="5"/>
        <v>1.8665018938445237E-2</v>
      </c>
    </row>
    <row r="98" spans="1:6" x14ac:dyDescent="0.2">
      <c r="A98">
        <v>555.36792100000002</v>
      </c>
      <c r="B98">
        <v>19.970590000000001</v>
      </c>
      <c r="C98">
        <v>10.170086</v>
      </c>
      <c r="D98">
        <f t="shared" si="3"/>
        <v>0.480459999999999</v>
      </c>
      <c r="E98">
        <f t="shared" si="4"/>
        <v>5.1342130000000452</v>
      </c>
      <c r="F98">
        <f t="shared" si="5"/>
        <v>1.9241363957979381E-2</v>
      </c>
    </row>
    <row r="99" spans="1:6" x14ac:dyDescent="0.2">
      <c r="A99">
        <v>555.39895899999999</v>
      </c>
      <c r="B99">
        <v>20.003482999999999</v>
      </c>
      <c r="C99">
        <v>10.175091</v>
      </c>
      <c r="D99">
        <f t="shared" si="3"/>
        <v>0.48546499999999959</v>
      </c>
      <c r="E99">
        <f t="shared" si="4"/>
        <v>5.165251000000012</v>
      </c>
      <c r="F99">
        <f t="shared" si="5"/>
        <v>1.9157041696077855E-2</v>
      </c>
    </row>
    <row r="100" spans="1:6" x14ac:dyDescent="0.2">
      <c r="A100">
        <v>555.67790100000002</v>
      </c>
      <c r="B100">
        <v>19.973084</v>
      </c>
      <c r="C100">
        <v>10.180096000000001</v>
      </c>
      <c r="D100">
        <f t="shared" si="3"/>
        <v>0.49047000000000018</v>
      </c>
      <c r="E100">
        <f t="shared" si="4"/>
        <v>5.4441930000000411</v>
      </c>
      <c r="F100">
        <f t="shared" si="5"/>
        <v>1.9975512877816688E-2</v>
      </c>
    </row>
    <row r="101" spans="1:6" x14ac:dyDescent="0.2">
      <c r="A101">
        <v>555.93089399999997</v>
      </c>
      <c r="B101">
        <v>19.965328</v>
      </c>
      <c r="C101">
        <v>10.185101</v>
      </c>
      <c r="D101">
        <f t="shared" si="3"/>
        <v>0.495474999999999</v>
      </c>
      <c r="E101">
        <f t="shared" si="4"/>
        <v>5.6971859999999879</v>
      </c>
      <c r="F101">
        <f t="shared" si="5"/>
        <v>2.0683205306798066E-2</v>
      </c>
    </row>
    <row r="102" spans="1:6" x14ac:dyDescent="0.2">
      <c r="A102">
        <v>556.40320999999994</v>
      </c>
      <c r="B102">
        <v>19.946562</v>
      </c>
      <c r="C102">
        <v>10.190106</v>
      </c>
      <c r="D102">
        <f t="shared" si="3"/>
        <v>0.50047999999999959</v>
      </c>
      <c r="E102">
        <f t="shared" si="4"/>
        <v>6.1695019999999658</v>
      </c>
      <c r="F102">
        <f t="shared" si="5"/>
        <v>2.2155102083037479E-2</v>
      </c>
    </row>
    <row r="103" spans="1:6" x14ac:dyDescent="0.2">
      <c r="A103">
        <v>556.52367900000002</v>
      </c>
      <c r="B103">
        <v>19.983163999999999</v>
      </c>
      <c r="C103">
        <v>10.19511</v>
      </c>
      <c r="D103">
        <f t="shared" si="3"/>
        <v>0.50548399999999916</v>
      </c>
      <c r="E103">
        <f t="shared" si="4"/>
        <v>6.2899710000000368</v>
      </c>
      <c r="F103">
        <f t="shared" si="5"/>
        <v>2.235926803683028E-2</v>
      </c>
    </row>
    <row r="104" spans="1:6" x14ac:dyDescent="0.2">
      <c r="A104">
        <v>556.45080399999995</v>
      </c>
      <c r="B104">
        <v>20.016027000000001</v>
      </c>
      <c r="C104">
        <v>10.200115</v>
      </c>
      <c r="D104">
        <f t="shared" si="3"/>
        <v>0.51048899999999975</v>
      </c>
      <c r="E104">
        <f t="shared" si="4"/>
        <v>6.2170959999999695</v>
      </c>
      <c r="F104">
        <f t="shared" si="5"/>
        <v>2.1886403964682961E-2</v>
      </c>
    </row>
    <row r="105" spans="1:6" x14ac:dyDescent="0.2">
      <c r="A105">
        <v>556.71839699999998</v>
      </c>
      <c r="B105">
        <v>19.977080000000001</v>
      </c>
      <c r="C105">
        <v>10.205120000000001</v>
      </c>
      <c r="D105">
        <f t="shared" si="3"/>
        <v>0.51549400000000034</v>
      </c>
      <c r="E105">
        <f t="shared" si="4"/>
        <v>6.484689000000003</v>
      </c>
      <c r="F105">
        <f t="shared" si="5"/>
        <v>2.2595916686998799E-2</v>
      </c>
    </row>
    <row r="106" spans="1:6" x14ac:dyDescent="0.2">
      <c r="A106">
        <v>556.50767699999994</v>
      </c>
      <c r="B106">
        <v>20.036538</v>
      </c>
      <c r="C106">
        <v>10.210125</v>
      </c>
      <c r="D106">
        <f t="shared" si="3"/>
        <v>0.52049899999999916</v>
      </c>
      <c r="E106">
        <f t="shared" si="4"/>
        <v>6.2739689999999655</v>
      </c>
      <c r="F106">
        <f t="shared" si="5"/>
        <v>2.1659643750706992E-2</v>
      </c>
    </row>
    <row r="107" spans="1:6" x14ac:dyDescent="0.2">
      <c r="A107">
        <v>556.503468</v>
      </c>
      <c r="B107">
        <v>19.991765999999998</v>
      </c>
      <c r="C107">
        <v>10.21513</v>
      </c>
      <c r="D107">
        <f t="shared" si="3"/>
        <v>0.52550399999999975</v>
      </c>
      <c r="E107">
        <f t="shared" si="4"/>
        <v>6.2697600000000193</v>
      </c>
      <c r="F107">
        <f t="shared" si="5"/>
        <v>2.1439122984153885E-2</v>
      </c>
    </row>
    <row r="108" spans="1:6" x14ac:dyDescent="0.2">
      <c r="A108">
        <v>556.31820700000003</v>
      </c>
      <c r="B108">
        <v>20.007733999999999</v>
      </c>
      <c r="C108">
        <v>10.220134</v>
      </c>
      <c r="D108">
        <f t="shared" si="3"/>
        <v>0.53050799999999931</v>
      </c>
      <c r="E108">
        <f t="shared" si="4"/>
        <v>6.0844990000000507</v>
      </c>
      <c r="F108">
        <f t="shared" si="5"/>
        <v>2.0616247202047851E-2</v>
      </c>
    </row>
    <row r="109" spans="1:6" x14ac:dyDescent="0.2">
      <c r="A109">
        <v>556.25438699999995</v>
      </c>
      <c r="B109">
        <v>20.02205</v>
      </c>
      <c r="C109">
        <v>10.225139</v>
      </c>
      <c r="D109">
        <f t="shared" si="3"/>
        <v>0.53551299999999991</v>
      </c>
      <c r="E109">
        <f t="shared" si="4"/>
        <v>6.0206789999999728</v>
      </c>
      <c r="F109">
        <f t="shared" si="5"/>
        <v>2.0211661007812274E-2</v>
      </c>
    </row>
    <row r="110" spans="1:6" x14ac:dyDescent="0.2">
      <c r="A110">
        <v>556.09150599999998</v>
      </c>
      <c r="B110">
        <v>20.025278</v>
      </c>
      <c r="C110">
        <v>10.230143999999999</v>
      </c>
      <c r="D110">
        <f t="shared" si="3"/>
        <v>0.54051799999999872</v>
      </c>
      <c r="E110">
        <f t="shared" si="4"/>
        <v>5.8577980000000025</v>
      </c>
      <c r="F110">
        <f t="shared" si="5"/>
        <v>1.948848004643277E-2</v>
      </c>
    </row>
    <row r="111" spans="1:6" x14ac:dyDescent="0.2">
      <c r="A111">
        <v>555.59872600000006</v>
      </c>
      <c r="B111">
        <v>20.066974999999999</v>
      </c>
      <c r="C111">
        <v>10.235149</v>
      </c>
      <c r="D111">
        <f t="shared" si="3"/>
        <v>0.54552299999999931</v>
      </c>
      <c r="E111">
        <f t="shared" si="4"/>
        <v>5.3650180000000773</v>
      </c>
      <c r="F111">
        <f t="shared" si="5"/>
        <v>1.7700962271476783E-2</v>
      </c>
    </row>
    <row r="112" spans="1:6" x14ac:dyDescent="0.2">
      <c r="A112">
        <v>555.43914299999994</v>
      </c>
      <c r="B112">
        <v>19.991555999999999</v>
      </c>
      <c r="C112">
        <v>10.240154</v>
      </c>
      <c r="D112">
        <f t="shared" si="3"/>
        <v>0.55052799999999991</v>
      </c>
      <c r="E112">
        <f t="shared" si="4"/>
        <v>5.2054349999999658</v>
      </c>
      <c r="F112">
        <f t="shared" si="5"/>
        <v>1.7023197330901976E-2</v>
      </c>
    </row>
    <row r="113" spans="1:6" x14ac:dyDescent="0.2">
      <c r="A113">
        <v>555.76486799999998</v>
      </c>
      <c r="B113">
        <v>19.953398</v>
      </c>
      <c r="C113">
        <v>10.245158</v>
      </c>
      <c r="D113">
        <f t="shared" si="3"/>
        <v>0.55553199999999947</v>
      </c>
      <c r="E113">
        <f t="shared" si="4"/>
        <v>5.5311599999999999</v>
      </c>
      <c r="F113">
        <f t="shared" si="5"/>
        <v>1.7914968594291616E-2</v>
      </c>
    </row>
    <row r="114" spans="1:6" x14ac:dyDescent="0.2">
      <c r="A114">
        <v>556.04707699999994</v>
      </c>
      <c r="B114">
        <v>19.974947</v>
      </c>
      <c r="C114">
        <v>10.250163000000001</v>
      </c>
      <c r="D114">
        <f t="shared" si="3"/>
        <v>0.56053700000000006</v>
      </c>
      <c r="E114">
        <f t="shared" si="4"/>
        <v>5.813368999999966</v>
      </c>
      <c r="F114">
        <f t="shared" si="5"/>
        <v>1.8651426082711486E-2</v>
      </c>
    </row>
    <row r="115" spans="1:6" x14ac:dyDescent="0.2">
      <c r="A115">
        <v>556.38995299999999</v>
      </c>
      <c r="B115">
        <v>19.967397999999999</v>
      </c>
      <c r="C115">
        <v>10.255167999999999</v>
      </c>
      <c r="D115">
        <f t="shared" si="3"/>
        <v>0.56554199999999888</v>
      </c>
      <c r="E115">
        <f t="shared" si="4"/>
        <v>6.1562450000000126</v>
      </c>
      <c r="F115">
        <f t="shared" si="5"/>
        <v>1.9564635115539828E-2</v>
      </c>
    </row>
    <row r="116" spans="1:6" x14ac:dyDescent="0.2">
      <c r="A116">
        <v>556.55682400000001</v>
      </c>
      <c r="B116">
        <v>19.971339</v>
      </c>
      <c r="C116">
        <v>10.260173</v>
      </c>
      <c r="D116">
        <f t="shared" si="3"/>
        <v>0.57054699999999947</v>
      </c>
      <c r="E116">
        <f t="shared" si="4"/>
        <v>6.3231160000000273</v>
      </c>
      <c r="F116">
        <f t="shared" si="5"/>
        <v>1.9912702759252915E-2</v>
      </c>
    </row>
    <row r="117" spans="1:6" x14ac:dyDescent="0.2">
      <c r="A117">
        <v>556.96613200000002</v>
      </c>
      <c r="B117">
        <v>19.952693</v>
      </c>
      <c r="C117">
        <v>10.265178000000001</v>
      </c>
      <c r="D117">
        <f t="shared" si="3"/>
        <v>0.57555200000000006</v>
      </c>
      <c r="E117">
        <f t="shared" si="4"/>
        <v>6.7324240000000373</v>
      </c>
      <c r="F117">
        <f t="shared" si="5"/>
        <v>2.1001876713007843E-2</v>
      </c>
    </row>
    <row r="118" spans="1:6" x14ac:dyDescent="0.2">
      <c r="A118">
        <v>557.53621199999998</v>
      </c>
      <c r="B118">
        <v>19.931826999999998</v>
      </c>
      <c r="C118">
        <v>10.270182</v>
      </c>
      <c r="D118">
        <f t="shared" si="3"/>
        <v>0.58055599999999963</v>
      </c>
      <c r="E118">
        <f t="shared" si="4"/>
        <v>7.302503999999999</v>
      </c>
      <c r="F118">
        <f t="shared" si="5"/>
        <v>2.2560805718617457E-2</v>
      </c>
    </row>
    <row r="119" spans="1:6" x14ac:dyDescent="0.2">
      <c r="A119">
        <v>557.81892300000004</v>
      </c>
      <c r="B119">
        <v>19.989045999999998</v>
      </c>
      <c r="C119">
        <v>10.275187000000001</v>
      </c>
      <c r="D119">
        <f t="shared" si="3"/>
        <v>0.58556100000000022</v>
      </c>
      <c r="E119">
        <f t="shared" si="4"/>
        <v>7.585215000000062</v>
      </c>
      <c r="F119">
        <f t="shared" si="5"/>
        <v>2.3222154416236644E-2</v>
      </c>
    </row>
    <row r="120" spans="1:6" x14ac:dyDescent="0.2">
      <c r="A120">
        <v>557.50302599999998</v>
      </c>
      <c r="B120">
        <v>20.022383000000001</v>
      </c>
      <c r="C120">
        <v>10.280192</v>
      </c>
      <c r="D120">
        <f t="shared" si="3"/>
        <v>0.59056599999999904</v>
      </c>
      <c r="E120">
        <f t="shared" si="4"/>
        <v>7.2693179999999984</v>
      </c>
      <c r="F120">
        <f t="shared" si="5"/>
        <v>2.2078928777712881E-2</v>
      </c>
    </row>
    <row r="121" spans="1:6" x14ac:dyDescent="0.2">
      <c r="A121">
        <v>557.39192200000002</v>
      </c>
      <c r="B121">
        <v>19.989418000000001</v>
      </c>
      <c r="C121">
        <v>10.285197</v>
      </c>
      <c r="D121">
        <f t="shared" si="3"/>
        <v>0.59557099999999963</v>
      </c>
      <c r="E121">
        <f t="shared" si="4"/>
        <v>7.1582140000000436</v>
      </c>
      <c r="F121">
        <f t="shared" si="5"/>
        <v>2.1563063646877326E-2</v>
      </c>
    </row>
    <row r="122" spans="1:6" x14ac:dyDescent="0.2">
      <c r="A122">
        <v>557.56809899999996</v>
      </c>
      <c r="B122">
        <v>19.992238</v>
      </c>
      <c r="C122">
        <v>10.290202000000001</v>
      </c>
      <c r="D122">
        <f t="shared" si="3"/>
        <v>0.60057600000000022</v>
      </c>
      <c r="E122">
        <f t="shared" si="4"/>
        <v>7.3343909999999823</v>
      </c>
      <c r="F122">
        <f t="shared" si="5"/>
        <v>2.1902725875319343E-2</v>
      </c>
    </row>
    <row r="123" spans="1:6" x14ac:dyDescent="0.2">
      <c r="A123">
        <v>557.54813200000001</v>
      </c>
      <c r="B123">
        <v>20.008749000000002</v>
      </c>
      <c r="C123">
        <v>10.295206</v>
      </c>
      <c r="D123">
        <f t="shared" si="3"/>
        <v>0.60557999999999979</v>
      </c>
      <c r="E123">
        <f t="shared" si="4"/>
        <v>7.3144240000000309</v>
      </c>
      <c r="F123">
        <f t="shared" si="5"/>
        <v>2.1663381258640153E-2</v>
      </c>
    </row>
    <row r="124" spans="1:6" x14ac:dyDescent="0.2">
      <c r="A124">
        <v>557.07097799999997</v>
      </c>
      <c r="B124">
        <v>20.041720999999999</v>
      </c>
      <c r="C124">
        <v>10.300210999999999</v>
      </c>
      <c r="D124">
        <f t="shared" si="3"/>
        <v>0.6105849999999986</v>
      </c>
      <c r="E124">
        <f t="shared" si="4"/>
        <v>6.8372699999999895</v>
      </c>
      <c r="F124">
        <f t="shared" si="5"/>
        <v>2.0101388900987189E-2</v>
      </c>
    </row>
    <row r="125" spans="1:6" x14ac:dyDescent="0.2">
      <c r="A125">
        <v>556.49195999999995</v>
      </c>
      <c r="B125">
        <v>20.062491000000001</v>
      </c>
      <c r="C125">
        <v>10.305216</v>
      </c>
      <c r="D125">
        <f t="shared" si="3"/>
        <v>0.61558999999999919</v>
      </c>
      <c r="E125">
        <f t="shared" si="4"/>
        <v>6.2582519999999704</v>
      </c>
      <c r="F125">
        <f t="shared" si="5"/>
        <v>1.8268487667913006E-2</v>
      </c>
    </row>
    <row r="126" spans="1:6" x14ac:dyDescent="0.2">
      <c r="A126">
        <v>556.16535899999997</v>
      </c>
      <c r="B126">
        <v>20.026250000000001</v>
      </c>
      <c r="C126">
        <v>10.310221</v>
      </c>
      <c r="D126">
        <f t="shared" si="3"/>
        <v>0.62059499999999979</v>
      </c>
      <c r="E126">
        <f t="shared" si="4"/>
        <v>5.931650999999988</v>
      </c>
      <c r="F126">
        <f t="shared" si="5"/>
        <v>1.7185547921393981E-2</v>
      </c>
    </row>
    <row r="127" spans="1:6" x14ac:dyDescent="0.2">
      <c r="A127">
        <v>556.00698399999999</v>
      </c>
      <c r="B127">
        <v>20.038565999999999</v>
      </c>
      <c r="C127">
        <v>10.315225999999999</v>
      </c>
      <c r="D127">
        <f t="shared" si="3"/>
        <v>0.6255999999999986</v>
      </c>
      <c r="E127">
        <f t="shared" si="4"/>
        <v>5.7732760000000098</v>
      </c>
      <c r="F127">
        <f t="shared" si="5"/>
        <v>1.6597601502324318E-2</v>
      </c>
    </row>
    <row r="128" spans="1:6" x14ac:dyDescent="0.2">
      <c r="A128">
        <v>555.401659</v>
      </c>
      <c r="B128">
        <v>20.067889999999998</v>
      </c>
      <c r="C128">
        <v>10.32023</v>
      </c>
      <c r="D128">
        <f t="shared" si="3"/>
        <v>0.63060399999999994</v>
      </c>
      <c r="E128">
        <f t="shared" si="4"/>
        <v>5.1679510000000164</v>
      </c>
      <c r="F128">
        <f t="shared" si="5"/>
        <v>1.4755519125737434E-2</v>
      </c>
    </row>
    <row r="129" spans="1:6" x14ac:dyDescent="0.2">
      <c r="A129">
        <v>554.93471799999998</v>
      </c>
      <c r="B129">
        <v>20.032374000000001</v>
      </c>
      <c r="C129">
        <v>10.325234999999999</v>
      </c>
      <c r="D129">
        <f t="shared" si="3"/>
        <v>0.63560899999999876</v>
      </c>
      <c r="E129">
        <f t="shared" si="4"/>
        <v>4.7010099999999966</v>
      </c>
      <c r="F129">
        <f t="shared" si="5"/>
        <v>1.3327823748659996E-2</v>
      </c>
    </row>
    <row r="130" spans="1:6" x14ac:dyDescent="0.2">
      <c r="A130">
        <v>554.688626</v>
      </c>
      <c r="B130">
        <v>20.005196999999999</v>
      </c>
      <c r="C130">
        <v>10.33024</v>
      </c>
      <c r="D130">
        <f t="shared" si="3"/>
        <v>0.64061399999999935</v>
      </c>
      <c r="E130">
        <f t="shared" si="4"/>
        <v>4.4549180000000206</v>
      </c>
      <c r="F130">
        <f t="shared" si="5"/>
        <v>1.2537011619014158E-2</v>
      </c>
    </row>
    <row r="131" spans="1:6" x14ac:dyDescent="0.2">
      <c r="A131">
        <v>554.89731900000004</v>
      </c>
      <c r="B131">
        <v>19.977194000000001</v>
      </c>
      <c r="C131">
        <v>10.335245</v>
      </c>
      <c r="D131">
        <f t="shared" ref="D131:D194" si="6">C131-$C$2</f>
        <v>0.64561899999999994</v>
      </c>
      <c r="E131">
        <f t="shared" ref="E131:E194" si="7">A131-$A$2</f>
        <v>4.6636110000000599</v>
      </c>
      <c r="F131">
        <f t="shared" ref="F131:F194" si="8">(1/A131)*(E131/D131)</f>
        <v>1.3017673919480657E-2</v>
      </c>
    </row>
    <row r="132" spans="1:6" x14ac:dyDescent="0.2">
      <c r="A132">
        <v>554.66412700000001</v>
      </c>
      <c r="B132">
        <v>20.047011999999999</v>
      </c>
      <c r="C132">
        <v>10.340249999999999</v>
      </c>
      <c r="D132">
        <f t="shared" si="6"/>
        <v>0.65062399999999876</v>
      </c>
      <c r="E132">
        <f t="shared" si="7"/>
        <v>4.430419000000029</v>
      </c>
      <c r="F132">
        <f t="shared" si="8"/>
        <v>1.2276784790763448E-2</v>
      </c>
    </row>
    <row r="133" spans="1:6" x14ac:dyDescent="0.2">
      <c r="A133">
        <v>554.36431600000003</v>
      </c>
      <c r="B133">
        <v>20.025648</v>
      </c>
      <c r="C133">
        <v>10.345254000000001</v>
      </c>
      <c r="D133">
        <f t="shared" si="6"/>
        <v>0.6556280000000001</v>
      </c>
      <c r="E133">
        <f t="shared" si="7"/>
        <v>4.130608000000052</v>
      </c>
      <c r="F133">
        <f t="shared" si="8"/>
        <v>1.1364784938077865E-2</v>
      </c>
    </row>
    <row r="134" spans="1:6" x14ac:dyDescent="0.2">
      <c r="A134">
        <v>554.68856600000004</v>
      </c>
      <c r="B134">
        <v>19.947412</v>
      </c>
      <c r="C134">
        <v>10.350258999999999</v>
      </c>
      <c r="D134">
        <f t="shared" si="6"/>
        <v>0.66063299999999892</v>
      </c>
      <c r="E134">
        <f t="shared" si="7"/>
        <v>4.4548580000000584</v>
      </c>
      <c r="F134">
        <f t="shared" si="8"/>
        <v>1.2156943206352619E-2</v>
      </c>
    </row>
    <row r="135" spans="1:6" x14ac:dyDescent="0.2">
      <c r="A135">
        <v>555.122477</v>
      </c>
      <c r="B135">
        <v>19.952176000000001</v>
      </c>
      <c r="C135">
        <v>10.355264</v>
      </c>
      <c r="D135">
        <f t="shared" si="6"/>
        <v>0.66563799999999951</v>
      </c>
      <c r="E135">
        <f t="shared" si="7"/>
        <v>4.8887690000000248</v>
      </c>
      <c r="F135">
        <f t="shared" si="8"/>
        <v>1.3230388511115522E-2</v>
      </c>
    </row>
    <row r="136" spans="1:6" x14ac:dyDescent="0.2">
      <c r="A136">
        <v>555.82732999999996</v>
      </c>
      <c r="B136">
        <v>19.932547</v>
      </c>
      <c r="C136">
        <v>10.360269000000001</v>
      </c>
      <c r="D136">
        <f t="shared" si="6"/>
        <v>0.6706430000000001</v>
      </c>
      <c r="E136">
        <f t="shared" si="7"/>
        <v>5.5936219999999821</v>
      </c>
      <c r="F136">
        <f t="shared" si="8"/>
        <v>1.5005892179519951E-2</v>
      </c>
    </row>
    <row r="137" spans="1:6" x14ac:dyDescent="0.2">
      <c r="A137">
        <v>556.24747400000001</v>
      </c>
      <c r="B137">
        <v>19.970268999999998</v>
      </c>
      <c r="C137">
        <v>10.365273999999999</v>
      </c>
      <c r="D137">
        <f t="shared" si="6"/>
        <v>0.67564799999999892</v>
      </c>
      <c r="E137">
        <f t="shared" si="7"/>
        <v>6.0137660000000324</v>
      </c>
      <c r="F137">
        <f t="shared" si="8"/>
        <v>1.6001399862966309E-2</v>
      </c>
    </row>
    <row r="138" spans="1:6" x14ac:dyDescent="0.2">
      <c r="A138">
        <v>556.77766199999996</v>
      </c>
      <c r="B138">
        <v>19.957592999999999</v>
      </c>
      <c r="C138">
        <v>10.370278000000001</v>
      </c>
      <c r="D138">
        <f t="shared" si="6"/>
        <v>0.68065200000000026</v>
      </c>
      <c r="E138">
        <f t="shared" si="7"/>
        <v>6.5439539999999852</v>
      </c>
      <c r="F138">
        <f t="shared" si="8"/>
        <v>1.7267652885676672E-2</v>
      </c>
    </row>
    <row r="139" spans="1:6" x14ac:dyDescent="0.2">
      <c r="A139">
        <v>557.60683400000005</v>
      </c>
      <c r="B139">
        <v>19.887604</v>
      </c>
      <c r="C139">
        <v>10.375283</v>
      </c>
      <c r="D139">
        <f t="shared" si="6"/>
        <v>0.68565699999999907</v>
      </c>
      <c r="E139">
        <f t="shared" si="7"/>
        <v>7.3731260000000702</v>
      </c>
      <c r="F139">
        <f t="shared" si="8"/>
        <v>1.9284867250091733E-2</v>
      </c>
    </row>
    <row r="140" spans="1:6" x14ac:dyDescent="0.2">
      <c r="A140">
        <v>558.48909700000002</v>
      </c>
      <c r="B140">
        <v>19.885455</v>
      </c>
      <c r="C140">
        <v>10.380288</v>
      </c>
      <c r="D140">
        <f t="shared" si="6"/>
        <v>0.69066199999999967</v>
      </c>
      <c r="E140">
        <f t="shared" si="7"/>
        <v>8.2553890000000365</v>
      </c>
      <c r="F140">
        <f t="shared" si="8"/>
        <v>2.1402143977312747E-2</v>
      </c>
    </row>
    <row r="141" spans="1:6" x14ac:dyDescent="0.2">
      <c r="A141">
        <v>559.13954100000001</v>
      </c>
      <c r="B141">
        <v>19.931509999999999</v>
      </c>
      <c r="C141">
        <v>10.385293000000001</v>
      </c>
      <c r="D141">
        <f t="shared" si="6"/>
        <v>0.69566700000000026</v>
      </c>
      <c r="E141">
        <f t="shared" si="7"/>
        <v>8.9058330000000296</v>
      </c>
      <c r="F141">
        <f t="shared" si="8"/>
        <v>2.2895647971736054E-2</v>
      </c>
    </row>
    <row r="142" spans="1:6" x14ac:dyDescent="0.2">
      <c r="A142">
        <v>559.46774400000004</v>
      </c>
      <c r="B142">
        <v>19.965111</v>
      </c>
      <c r="C142">
        <v>10.390298</v>
      </c>
      <c r="D142">
        <f t="shared" si="6"/>
        <v>0.70067199999999907</v>
      </c>
      <c r="E142">
        <f t="shared" si="7"/>
        <v>9.2340360000000601</v>
      </c>
      <c r="F142">
        <f t="shared" si="8"/>
        <v>2.3556010987486505E-2</v>
      </c>
    </row>
    <row r="143" spans="1:6" x14ac:dyDescent="0.2">
      <c r="A143">
        <v>559.91268300000002</v>
      </c>
      <c r="B143">
        <v>19.949366000000001</v>
      </c>
      <c r="C143">
        <v>10.395301999999999</v>
      </c>
      <c r="D143">
        <f t="shared" si="6"/>
        <v>0.70567599999999864</v>
      </c>
      <c r="E143">
        <f t="shared" si="7"/>
        <v>9.6789750000000367</v>
      </c>
      <c r="F143">
        <f t="shared" si="8"/>
        <v>2.4496481823926518E-2</v>
      </c>
    </row>
    <row r="144" spans="1:6" x14ac:dyDescent="0.2">
      <c r="A144">
        <v>560.262923</v>
      </c>
      <c r="B144">
        <v>19.969863</v>
      </c>
      <c r="C144">
        <v>10.400307</v>
      </c>
      <c r="D144">
        <f t="shared" si="6"/>
        <v>0.71068099999999923</v>
      </c>
      <c r="E144">
        <f t="shared" si="7"/>
        <v>10.029215000000022</v>
      </c>
      <c r="F144">
        <f t="shared" si="8"/>
        <v>2.5188386811846975E-2</v>
      </c>
    </row>
    <row r="145" spans="1:6" x14ac:dyDescent="0.2">
      <c r="A145">
        <v>560.26182900000003</v>
      </c>
      <c r="B145">
        <v>20.017806</v>
      </c>
      <c r="C145">
        <v>10.405312</v>
      </c>
      <c r="D145">
        <f t="shared" si="6"/>
        <v>0.71568599999999982</v>
      </c>
      <c r="E145">
        <f t="shared" si="7"/>
        <v>10.028121000000056</v>
      </c>
      <c r="F145">
        <f t="shared" si="8"/>
        <v>2.5009557576548852E-2</v>
      </c>
    </row>
    <row r="146" spans="1:6" x14ac:dyDescent="0.2">
      <c r="A146">
        <v>560.28723400000001</v>
      </c>
      <c r="B146">
        <v>19.960801</v>
      </c>
      <c r="C146">
        <v>10.410316999999999</v>
      </c>
      <c r="D146">
        <f t="shared" si="6"/>
        <v>0.72069099999999864</v>
      </c>
      <c r="E146">
        <f t="shared" si="7"/>
        <v>10.053526000000033</v>
      </c>
      <c r="F146">
        <f t="shared" si="8"/>
        <v>2.4897662725675333E-2</v>
      </c>
    </row>
    <row r="147" spans="1:6" x14ac:dyDescent="0.2">
      <c r="A147">
        <v>560.70290699999998</v>
      </c>
      <c r="B147">
        <v>19.955566000000001</v>
      </c>
      <c r="C147">
        <v>10.415322</v>
      </c>
      <c r="D147">
        <f t="shared" si="6"/>
        <v>0.72569599999999923</v>
      </c>
      <c r="E147">
        <f t="shared" si="7"/>
        <v>10.469199000000003</v>
      </c>
      <c r="F147">
        <f t="shared" si="8"/>
        <v>2.5729178384032492E-2</v>
      </c>
    </row>
    <row r="148" spans="1:6" x14ac:dyDescent="0.2">
      <c r="A148">
        <v>560.73409200000003</v>
      </c>
      <c r="B148">
        <v>20.008521999999999</v>
      </c>
      <c r="C148">
        <v>10.420325999999999</v>
      </c>
      <c r="D148">
        <f t="shared" si="6"/>
        <v>0.73069999999999879</v>
      </c>
      <c r="E148">
        <f t="shared" si="7"/>
        <v>10.500384000000054</v>
      </c>
      <c r="F148">
        <f t="shared" si="8"/>
        <v>2.5627669387201586E-2</v>
      </c>
    </row>
    <row r="149" spans="1:6" x14ac:dyDescent="0.2">
      <c r="A149">
        <v>560.52116699999999</v>
      </c>
      <c r="B149">
        <v>20.024654999999999</v>
      </c>
      <c r="C149">
        <v>10.425331</v>
      </c>
      <c r="D149">
        <f t="shared" si="6"/>
        <v>0.73570499999999939</v>
      </c>
      <c r="E149">
        <f t="shared" si="7"/>
        <v>10.287459000000013</v>
      </c>
      <c r="F149">
        <f t="shared" si="8"/>
        <v>2.4946659091458077E-2</v>
      </c>
    </row>
    <row r="150" spans="1:6" x14ac:dyDescent="0.2">
      <c r="A150">
        <v>560.17184199999997</v>
      </c>
      <c r="B150">
        <v>20.060209</v>
      </c>
      <c r="C150">
        <v>10.430336</v>
      </c>
      <c r="D150">
        <f t="shared" si="6"/>
        <v>0.74070999999999998</v>
      </c>
      <c r="E150">
        <f t="shared" si="7"/>
        <v>9.9381339999999909</v>
      </c>
      <c r="F150">
        <f t="shared" si="8"/>
        <v>2.3951646086246569E-2</v>
      </c>
    </row>
    <row r="151" spans="1:6" x14ac:dyDescent="0.2">
      <c r="A151">
        <v>559.80864499999996</v>
      </c>
      <c r="B151">
        <v>20.032789999999999</v>
      </c>
      <c r="C151">
        <v>10.435340999999999</v>
      </c>
      <c r="D151">
        <f t="shared" si="6"/>
        <v>0.7457149999999988</v>
      </c>
      <c r="E151">
        <f t="shared" si="7"/>
        <v>9.5749369999999772</v>
      </c>
      <c r="F151">
        <f t="shared" si="8"/>
        <v>2.2936304480655253E-2</v>
      </c>
    </row>
    <row r="152" spans="1:6" x14ac:dyDescent="0.2">
      <c r="A152">
        <v>559.42540499999996</v>
      </c>
      <c r="B152">
        <v>20.028835000000001</v>
      </c>
      <c r="C152">
        <v>10.440346</v>
      </c>
      <c r="D152">
        <f t="shared" si="6"/>
        <v>0.75071999999999939</v>
      </c>
      <c r="E152">
        <f t="shared" si="7"/>
        <v>9.1916969999999765</v>
      </c>
      <c r="F152">
        <f t="shared" si="8"/>
        <v>2.1886460290026846E-2</v>
      </c>
    </row>
    <row r="153" spans="1:6" x14ac:dyDescent="0.2">
      <c r="A153">
        <v>559.00066000000004</v>
      </c>
      <c r="B153">
        <v>20.067872999999999</v>
      </c>
      <c r="C153">
        <v>10.445349999999999</v>
      </c>
      <c r="D153">
        <f t="shared" si="6"/>
        <v>0.75572399999999895</v>
      </c>
      <c r="E153">
        <f t="shared" si="7"/>
        <v>8.7669520000000603</v>
      </c>
      <c r="F153">
        <f t="shared" si="8"/>
        <v>2.0752627631188389E-2</v>
      </c>
    </row>
    <row r="154" spans="1:6" x14ac:dyDescent="0.2">
      <c r="A154">
        <v>558.34502999999995</v>
      </c>
      <c r="B154">
        <v>20.076736</v>
      </c>
      <c r="C154">
        <v>10.450355</v>
      </c>
      <c r="D154">
        <f t="shared" si="6"/>
        <v>0.76072899999999954</v>
      </c>
      <c r="E154">
        <f t="shared" si="7"/>
        <v>8.1113219999999728</v>
      </c>
      <c r="F154">
        <f t="shared" si="8"/>
        <v>1.9096730316009853E-2</v>
      </c>
    </row>
    <row r="155" spans="1:6" x14ac:dyDescent="0.2">
      <c r="A155">
        <v>557.78152799999998</v>
      </c>
      <c r="B155">
        <v>20.053833999999998</v>
      </c>
      <c r="C155">
        <v>10.455360000000001</v>
      </c>
      <c r="D155">
        <f t="shared" si="6"/>
        <v>0.76573400000000014</v>
      </c>
      <c r="E155">
        <f t="shared" si="7"/>
        <v>7.5478200000000015</v>
      </c>
      <c r="F155">
        <f t="shared" si="8"/>
        <v>1.7671746619124122E-2</v>
      </c>
    </row>
    <row r="156" spans="1:6" x14ac:dyDescent="0.2">
      <c r="A156">
        <v>557.44658900000002</v>
      </c>
      <c r="B156">
        <v>20.025506</v>
      </c>
      <c r="C156">
        <v>10.460364999999999</v>
      </c>
      <c r="D156">
        <f t="shared" si="6"/>
        <v>0.77073899999999895</v>
      </c>
      <c r="E156">
        <f t="shared" si="7"/>
        <v>7.2128810000000385</v>
      </c>
      <c r="F156">
        <f t="shared" si="8"/>
        <v>1.678796942533552E-2</v>
      </c>
    </row>
    <row r="157" spans="1:6" x14ac:dyDescent="0.2">
      <c r="A157">
        <v>557.34179600000004</v>
      </c>
      <c r="B157">
        <v>19.987863000000001</v>
      </c>
      <c r="C157">
        <v>10.46537</v>
      </c>
      <c r="D157">
        <f t="shared" si="6"/>
        <v>0.77574399999999955</v>
      </c>
      <c r="E157">
        <f t="shared" si="7"/>
        <v>7.1080880000000661</v>
      </c>
      <c r="F157">
        <f t="shared" si="8"/>
        <v>1.6440414310459804E-2</v>
      </c>
    </row>
    <row r="158" spans="1:6" x14ac:dyDescent="0.2">
      <c r="A158">
        <v>557.08588399999996</v>
      </c>
      <c r="B158">
        <v>20.048901000000001</v>
      </c>
      <c r="C158">
        <v>10.470374</v>
      </c>
      <c r="D158">
        <f t="shared" si="6"/>
        <v>0.78074799999999911</v>
      </c>
      <c r="E158">
        <f t="shared" si="7"/>
        <v>6.8521759999999858</v>
      </c>
      <c r="F158">
        <f t="shared" si="8"/>
        <v>1.575416809417694E-2</v>
      </c>
    </row>
    <row r="159" spans="1:6" x14ac:dyDescent="0.2">
      <c r="A159">
        <v>556.75954200000001</v>
      </c>
      <c r="B159">
        <v>20.027397000000001</v>
      </c>
      <c r="C159">
        <v>10.475379</v>
      </c>
      <c r="D159">
        <f t="shared" si="6"/>
        <v>0.7857529999999997</v>
      </c>
      <c r="E159">
        <f t="shared" si="7"/>
        <v>6.5258340000000317</v>
      </c>
      <c r="F159">
        <f t="shared" si="8"/>
        <v>1.4917028021677369E-2</v>
      </c>
    </row>
    <row r="160" spans="1:6" x14ac:dyDescent="0.2">
      <c r="A160">
        <v>556.58720600000004</v>
      </c>
      <c r="B160">
        <v>19.992899999999999</v>
      </c>
      <c r="C160">
        <v>10.480384000000001</v>
      </c>
      <c r="D160">
        <f t="shared" si="6"/>
        <v>0.79075800000000029</v>
      </c>
      <c r="E160">
        <f t="shared" si="7"/>
        <v>6.3534980000000587</v>
      </c>
      <c r="F160">
        <f t="shared" si="8"/>
        <v>1.4435641365213605E-2</v>
      </c>
    </row>
    <row r="161" spans="1:6" x14ac:dyDescent="0.2">
      <c r="A161">
        <v>556.98368300000004</v>
      </c>
      <c r="B161">
        <v>19.967787999999999</v>
      </c>
      <c r="C161">
        <v>10.485389</v>
      </c>
      <c r="D161">
        <f t="shared" si="6"/>
        <v>0.79576299999999911</v>
      </c>
      <c r="E161">
        <f t="shared" si="7"/>
        <v>6.7499750000000631</v>
      </c>
      <c r="F161">
        <f t="shared" si="8"/>
        <v>1.5229160002607116E-2</v>
      </c>
    </row>
    <row r="162" spans="1:6" x14ac:dyDescent="0.2">
      <c r="A162">
        <v>557.33621400000004</v>
      </c>
      <c r="B162">
        <v>19.957339999999999</v>
      </c>
      <c r="C162">
        <v>10.490394</v>
      </c>
      <c r="D162">
        <f t="shared" si="6"/>
        <v>0.8007679999999997</v>
      </c>
      <c r="E162">
        <f t="shared" si="7"/>
        <v>7.1025060000000622</v>
      </c>
      <c r="F162">
        <f t="shared" si="8"/>
        <v>1.5914303510591046E-2</v>
      </c>
    </row>
    <row r="163" spans="1:6" x14ac:dyDescent="0.2">
      <c r="A163">
        <v>557.67008899999996</v>
      </c>
      <c r="B163">
        <v>19.967137999999998</v>
      </c>
      <c r="C163">
        <v>10.495398</v>
      </c>
      <c r="D163">
        <f t="shared" si="6"/>
        <v>0.80577199999999927</v>
      </c>
      <c r="E163">
        <f t="shared" si="7"/>
        <v>7.436380999999983</v>
      </c>
      <c r="F163">
        <f t="shared" si="8"/>
        <v>1.654901346165024E-2</v>
      </c>
    </row>
    <row r="164" spans="1:6" x14ac:dyDescent="0.2">
      <c r="A164">
        <v>558.00675999999999</v>
      </c>
      <c r="B164">
        <v>19.960915</v>
      </c>
      <c r="C164">
        <v>10.500403</v>
      </c>
      <c r="D164">
        <f t="shared" si="6"/>
        <v>0.81077699999999986</v>
      </c>
      <c r="E164">
        <f t="shared" si="7"/>
        <v>7.773052000000007</v>
      </c>
      <c r="F164">
        <f t="shared" si="8"/>
        <v>1.7181089200547905E-2</v>
      </c>
    </row>
    <row r="165" spans="1:6" x14ac:dyDescent="0.2">
      <c r="A165">
        <v>558.67103099999997</v>
      </c>
      <c r="B165">
        <v>19.930195000000001</v>
      </c>
      <c r="C165">
        <v>10.505407999999999</v>
      </c>
      <c r="D165">
        <f t="shared" si="6"/>
        <v>0.81578199999999867</v>
      </c>
      <c r="E165">
        <f t="shared" si="7"/>
        <v>8.4373229999999921</v>
      </c>
      <c r="F165">
        <f t="shared" si="8"/>
        <v>1.851289783358015E-2</v>
      </c>
    </row>
    <row r="166" spans="1:6" x14ac:dyDescent="0.2">
      <c r="A166">
        <v>559.26848500000006</v>
      </c>
      <c r="B166">
        <v>19.926947999999999</v>
      </c>
      <c r="C166">
        <v>10.510413</v>
      </c>
      <c r="D166">
        <f t="shared" si="6"/>
        <v>0.82078699999999927</v>
      </c>
      <c r="E166">
        <f t="shared" si="7"/>
        <v>9.0347770000000764</v>
      </c>
      <c r="F166">
        <f t="shared" si="8"/>
        <v>1.9681881875472998E-2</v>
      </c>
    </row>
    <row r="167" spans="1:6" x14ac:dyDescent="0.2">
      <c r="A167">
        <v>559.656927</v>
      </c>
      <c r="B167">
        <v>19.945746</v>
      </c>
      <c r="C167">
        <v>10.515418</v>
      </c>
      <c r="D167">
        <f t="shared" si="6"/>
        <v>0.82579199999999986</v>
      </c>
      <c r="E167">
        <f t="shared" si="7"/>
        <v>9.4232190000000173</v>
      </c>
      <c r="F167">
        <f t="shared" si="8"/>
        <v>2.0389507217819524E-2</v>
      </c>
    </row>
    <row r="168" spans="1:6" x14ac:dyDescent="0.2">
      <c r="A168">
        <v>559.85200399999997</v>
      </c>
      <c r="B168">
        <v>19.988862000000001</v>
      </c>
      <c r="C168">
        <v>10.520422</v>
      </c>
      <c r="D168">
        <f t="shared" si="6"/>
        <v>0.83079599999999942</v>
      </c>
      <c r="E168">
        <f t="shared" si="7"/>
        <v>9.6182959999999866</v>
      </c>
      <c r="F168">
        <f t="shared" si="8"/>
        <v>2.0679046234566976E-2</v>
      </c>
    </row>
    <row r="169" spans="1:6" x14ac:dyDescent="0.2">
      <c r="A169">
        <v>560.26809500000002</v>
      </c>
      <c r="B169">
        <v>19.973962</v>
      </c>
      <c r="C169">
        <v>10.525427000000001</v>
      </c>
      <c r="D169">
        <f t="shared" si="6"/>
        <v>0.83580100000000002</v>
      </c>
      <c r="E169">
        <f t="shared" si="7"/>
        <v>10.034387000000038</v>
      </c>
      <c r="F169">
        <f t="shared" si="8"/>
        <v>2.142851465140163E-2</v>
      </c>
    </row>
    <row r="170" spans="1:6" x14ac:dyDescent="0.2">
      <c r="A170">
        <v>560.48036000000002</v>
      </c>
      <c r="B170">
        <v>19.974364000000001</v>
      </c>
      <c r="C170">
        <v>10.530431999999999</v>
      </c>
      <c r="D170">
        <f t="shared" si="6"/>
        <v>0.84080599999999883</v>
      </c>
      <c r="E170">
        <f t="shared" si="7"/>
        <v>10.24665200000004</v>
      </c>
      <c r="F170">
        <f t="shared" si="8"/>
        <v>2.1743316407289257E-2</v>
      </c>
    </row>
    <row r="171" spans="1:6" x14ac:dyDescent="0.2">
      <c r="A171">
        <v>560.46573100000001</v>
      </c>
      <c r="B171">
        <v>20.001878000000001</v>
      </c>
      <c r="C171">
        <v>10.535437</v>
      </c>
      <c r="D171">
        <f t="shared" si="6"/>
        <v>0.84581099999999942</v>
      </c>
      <c r="E171">
        <f t="shared" si="7"/>
        <v>10.232023000000027</v>
      </c>
      <c r="F171">
        <f t="shared" si="8"/>
        <v>2.1584356994558379E-2</v>
      </c>
    </row>
    <row r="172" spans="1:6" x14ac:dyDescent="0.2">
      <c r="A172">
        <v>560.36142700000005</v>
      </c>
      <c r="B172">
        <v>20.005046</v>
      </c>
      <c r="C172">
        <v>10.540442000000001</v>
      </c>
      <c r="D172">
        <f t="shared" si="6"/>
        <v>0.85081600000000002</v>
      </c>
      <c r="E172">
        <f t="shared" si="7"/>
        <v>10.12771900000007</v>
      </c>
      <c r="F172">
        <f t="shared" si="8"/>
        <v>2.1242604435587804E-2</v>
      </c>
    </row>
    <row r="173" spans="1:6" x14ac:dyDescent="0.2">
      <c r="A173">
        <v>560.35231499999998</v>
      </c>
      <c r="B173">
        <v>19.99166</v>
      </c>
      <c r="C173">
        <v>10.545446</v>
      </c>
      <c r="D173">
        <f t="shared" si="6"/>
        <v>0.85581999999999958</v>
      </c>
      <c r="E173">
        <f t="shared" si="7"/>
        <v>10.118606999999997</v>
      </c>
      <c r="F173">
        <f t="shared" si="8"/>
        <v>2.1099741107837008E-2</v>
      </c>
    </row>
    <row r="174" spans="1:6" x14ac:dyDescent="0.2">
      <c r="A174">
        <v>560.23105299999997</v>
      </c>
      <c r="B174">
        <v>20.024749</v>
      </c>
      <c r="C174">
        <v>10.550451000000001</v>
      </c>
      <c r="D174">
        <f t="shared" si="6"/>
        <v>0.86082500000000017</v>
      </c>
      <c r="E174">
        <f t="shared" si="7"/>
        <v>9.9973449999999957</v>
      </c>
      <c r="F174">
        <f t="shared" si="8"/>
        <v>2.0730158880392393E-2</v>
      </c>
    </row>
    <row r="175" spans="1:6" x14ac:dyDescent="0.2">
      <c r="A175">
        <v>560.00169100000005</v>
      </c>
      <c r="B175">
        <v>20.01961</v>
      </c>
      <c r="C175">
        <v>10.555456</v>
      </c>
      <c r="D175">
        <f t="shared" si="6"/>
        <v>0.86582999999999899</v>
      </c>
      <c r="E175">
        <f t="shared" si="7"/>
        <v>9.767983000000072</v>
      </c>
      <c r="F175">
        <f t="shared" si="8"/>
        <v>2.0145726198868334E-2</v>
      </c>
    </row>
    <row r="176" spans="1:6" x14ac:dyDescent="0.2">
      <c r="A176">
        <v>559.61669900000004</v>
      </c>
      <c r="B176">
        <v>20.046773999999999</v>
      </c>
      <c r="C176">
        <v>10.560461</v>
      </c>
      <c r="D176">
        <f t="shared" si="6"/>
        <v>0.87083499999999958</v>
      </c>
      <c r="E176">
        <f t="shared" si="7"/>
        <v>9.3829910000000609</v>
      </c>
      <c r="F176">
        <f t="shared" si="8"/>
        <v>1.9253724745855801E-2</v>
      </c>
    </row>
    <row r="177" spans="1:6" x14ac:dyDescent="0.2">
      <c r="A177">
        <v>559.52430100000004</v>
      </c>
      <c r="B177">
        <v>19.993698999999999</v>
      </c>
      <c r="C177">
        <v>10.565466000000001</v>
      </c>
      <c r="D177">
        <f t="shared" si="6"/>
        <v>0.87584000000000017</v>
      </c>
      <c r="E177">
        <f t="shared" si="7"/>
        <v>9.2905930000000581</v>
      </c>
      <c r="F177">
        <f t="shared" si="8"/>
        <v>1.8958313733148373E-2</v>
      </c>
    </row>
    <row r="178" spans="1:6" x14ac:dyDescent="0.2">
      <c r="A178">
        <v>559.31688699999995</v>
      </c>
      <c r="B178">
        <v>20.03</v>
      </c>
      <c r="C178">
        <v>10.57047</v>
      </c>
      <c r="D178">
        <f t="shared" si="6"/>
        <v>0.88084399999999974</v>
      </c>
      <c r="E178">
        <f t="shared" si="7"/>
        <v>9.0831789999999728</v>
      </c>
      <c r="F178">
        <f t="shared" si="8"/>
        <v>1.8436604551412817E-2</v>
      </c>
    </row>
    <row r="179" spans="1:6" x14ac:dyDescent="0.2">
      <c r="A179">
        <v>559.25944400000003</v>
      </c>
      <c r="B179">
        <v>20.013807</v>
      </c>
      <c r="C179">
        <v>10.575475000000001</v>
      </c>
      <c r="D179">
        <f t="shared" si="6"/>
        <v>0.88584900000000033</v>
      </c>
      <c r="E179">
        <f t="shared" si="7"/>
        <v>9.0257360000000517</v>
      </c>
      <c r="F179">
        <f t="shared" si="8"/>
        <v>1.8218373463094767E-2</v>
      </c>
    </row>
    <row r="180" spans="1:6" x14ac:dyDescent="0.2">
      <c r="A180">
        <v>558.95832800000005</v>
      </c>
      <c r="B180">
        <v>20.02234</v>
      </c>
      <c r="C180">
        <v>10.58048</v>
      </c>
      <c r="D180">
        <f t="shared" si="6"/>
        <v>0.89085399999999915</v>
      </c>
      <c r="E180">
        <f t="shared" si="7"/>
        <v>8.7246200000000727</v>
      </c>
      <c r="F180">
        <f t="shared" si="8"/>
        <v>1.7521067182772413E-2</v>
      </c>
    </row>
    <row r="181" spans="1:6" x14ac:dyDescent="0.2">
      <c r="A181">
        <v>558.95767699999999</v>
      </c>
      <c r="B181">
        <v>19.972117000000001</v>
      </c>
      <c r="C181">
        <v>10.585485</v>
      </c>
      <c r="D181">
        <f t="shared" si="6"/>
        <v>0.89585899999999974</v>
      </c>
      <c r="E181">
        <f t="shared" si="7"/>
        <v>8.723969000000011</v>
      </c>
      <c r="F181">
        <f t="shared" si="8"/>
        <v>1.7421900427657278E-2</v>
      </c>
    </row>
    <row r="182" spans="1:6" x14ac:dyDescent="0.2">
      <c r="A182">
        <v>559.25084400000003</v>
      </c>
      <c r="B182">
        <v>19.981335999999999</v>
      </c>
      <c r="C182">
        <v>10.590490000000001</v>
      </c>
      <c r="D182">
        <f t="shared" si="6"/>
        <v>0.90086400000000033</v>
      </c>
      <c r="E182">
        <f t="shared" si="7"/>
        <v>9.0171360000000504</v>
      </c>
      <c r="F182">
        <f t="shared" si="8"/>
        <v>1.7897927296273534E-2</v>
      </c>
    </row>
    <row r="183" spans="1:6" x14ac:dyDescent="0.2">
      <c r="A183">
        <v>559.39701100000002</v>
      </c>
      <c r="B183">
        <v>19.977664999999998</v>
      </c>
      <c r="C183">
        <v>10.595494</v>
      </c>
      <c r="D183">
        <f t="shared" si="6"/>
        <v>0.9058679999999999</v>
      </c>
      <c r="E183">
        <f t="shared" si="7"/>
        <v>9.1633030000000417</v>
      </c>
      <c r="F183">
        <f t="shared" si="8"/>
        <v>1.8082854489894332E-2</v>
      </c>
    </row>
    <row r="184" spans="1:6" x14ac:dyDescent="0.2">
      <c r="A184">
        <v>559.58542499999999</v>
      </c>
      <c r="B184">
        <v>19.968648000000002</v>
      </c>
      <c r="C184">
        <v>10.600498999999999</v>
      </c>
      <c r="D184">
        <f t="shared" si="6"/>
        <v>0.91087299999999871</v>
      </c>
      <c r="E184">
        <f t="shared" si="7"/>
        <v>9.3517170000000078</v>
      </c>
      <c r="F184">
        <f t="shared" si="8"/>
        <v>1.8347087515640511E-2</v>
      </c>
    </row>
    <row r="185" spans="1:6" x14ac:dyDescent="0.2">
      <c r="A185">
        <v>560.11571500000002</v>
      </c>
      <c r="B185">
        <v>19.954471999999999</v>
      </c>
      <c r="C185">
        <v>10.605504</v>
      </c>
      <c r="D185">
        <f t="shared" si="6"/>
        <v>0.9158779999999993</v>
      </c>
      <c r="E185">
        <f t="shared" si="7"/>
        <v>9.8820070000000442</v>
      </c>
      <c r="F185">
        <f t="shared" si="8"/>
        <v>1.9263259376564836E-2</v>
      </c>
    </row>
    <row r="186" spans="1:6" x14ac:dyDescent="0.2">
      <c r="A186">
        <v>560.66333399999996</v>
      </c>
      <c r="B186">
        <v>19.939485999999999</v>
      </c>
      <c r="C186">
        <v>10.610509</v>
      </c>
      <c r="D186">
        <f t="shared" si="6"/>
        <v>0.9208829999999999</v>
      </c>
      <c r="E186">
        <f t="shared" si="7"/>
        <v>10.429625999999985</v>
      </c>
      <c r="F186">
        <f t="shared" si="8"/>
        <v>2.0200500233687805E-2</v>
      </c>
    </row>
    <row r="187" spans="1:6" x14ac:dyDescent="0.2">
      <c r="A187">
        <v>561.007566</v>
      </c>
      <c r="B187">
        <v>19.980715</v>
      </c>
      <c r="C187">
        <v>10.615513999999999</v>
      </c>
      <c r="D187">
        <f t="shared" si="6"/>
        <v>0.92588799999999871</v>
      </c>
      <c r="E187">
        <f t="shared" si="7"/>
        <v>10.773858000000018</v>
      </c>
      <c r="F187">
        <f t="shared" si="8"/>
        <v>2.07416868608221E-2</v>
      </c>
    </row>
    <row r="188" spans="1:6" x14ac:dyDescent="0.2">
      <c r="A188">
        <v>560.84236999999996</v>
      </c>
      <c r="B188">
        <v>20.023962000000001</v>
      </c>
      <c r="C188">
        <v>10.620518000000001</v>
      </c>
      <c r="D188">
        <f t="shared" si="6"/>
        <v>0.93089200000000005</v>
      </c>
      <c r="E188">
        <f t="shared" si="7"/>
        <v>10.608661999999981</v>
      </c>
      <c r="F188">
        <f t="shared" si="8"/>
        <v>2.0319850050781924E-2</v>
      </c>
    </row>
    <row r="189" spans="1:6" x14ac:dyDescent="0.2">
      <c r="A189">
        <v>561.18901200000005</v>
      </c>
      <c r="B189">
        <v>19.947645999999999</v>
      </c>
      <c r="C189">
        <v>10.625522999999999</v>
      </c>
      <c r="D189">
        <f t="shared" si="6"/>
        <v>0.93589699999999887</v>
      </c>
      <c r="E189">
        <f t="shared" si="7"/>
        <v>10.955304000000069</v>
      </c>
      <c r="F189">
        <f t="shared" si="8"/>
        <v>2.0858699100167855E-2</v>
      </c>
    </row>
    <row r="190" spans="1:6" x14ac:dyDescent="0.2">
      <c r="A190">
        <v>561.32150300000001</v>
      </c>
      <c r="B190">
        <v>19.979499000000001</v>
      </c>
      <c r="C190">
        <v>10.630528</v>
      </c>
      <c r="D190">
        <f t="shared" si="6"/>
        <v>0.94090199999999946</v>
      </c>
      <c r="E190">
        <f t="shared" si="7"/>
        <v>11.087795000000028</v>
      </c>
      <c r="F190">
        <f t="shared" si="8"/>
        <v>2.0993706275841722E-2</v>
      </c>
    </row>
    <row r="191" spans="1:6" x14ac:dyDescent="0.2">
      <c r="A191">
        <v>561.32439399999998</v>
      </c>
      <c r="B191">
        <v>20.028648</v>
      </c>
      <c r="C191">
        <v>10.635533000000001</v>
      </c>
      <c r="D191">
        <f t="shared" si="6"/>
        <v>0.94590700000000005</v>
      </c>
      <c r="E191">
        <f t="shared" si="7"/>
        <v>11.090686000000005</v>
      </c>
      <c r="F191">
        <f t="shared" si="8"/>
        <v>2.0887961298029521E-2</v>
      </c>
    </row>
    <row r="192" spans="1:6" x14ac:dyDescent="0.2">
      <c r="A192">
        <v>561.25720200000001</v>
      </c>
      <c r="B192">
        <v>19.993518999999999</v>
      </c>
      <c r="C192">
        <v>10.640537999999999</v>
      </c>
      <c r="D192">
        <f t="shared" si="6"/>
        <v>0.95091199999999887</v>
      </c>
      <c r="E192">
        <f t="shared" si="7"/>
        <v>11.023494000000028</v>
      </c>
      <c r="F192">
        <f t="shared" si="8"/>
        <v>2.0654610767295134E-2</v>
      </c>
    </row>
    <row r="193" spans="1:6" x14ac:dyDescent="0.2">
      <c r="A193">
        <v>561.07767000000001</v>
      </c>
      <c r="B193">
        <v>20.021782999999999</v>
      </c>
      <c r="C193">
        <v>10.645542000000001</v>
      </c>
      <c r="D193">
        <f t="shared" si="6"/>
        <v>0.95591600000000021</v>
      </c>
      <c r="E193">
        <f t="shared" si="7"/>
        <v>10.843962000000033</v>
      </c>
      <c r="F193">
        <f t="shared" si="8"/>
        <v>2.021832956419746E-2</v>
      </c>
    </row>
    <row r="194" spans="1:6" x14ac:dyDescent="0.2">
      <c r="A194">
        <v>560.91095600000006</v>
      </c>
      <c r="B194">
        <v>20.002746999999999</v>
      </c>
      <c r="C194">
        <v>10.650547</v>
      </c>
      <c r="D194">
        <f t="shared" si="6"/>
        <v>0.96092099999999903</v>
      </c>
      <c r="E194">
        <f t="shared" si="7"/>
        <v>10.677248000000077</v>
      </c>
      <c r="F194">
        <f t="shared" si="8"/>
        <v>1.9809691974836535E-2</v>
      </c>
    </row>
    <row r="195" spans="1:6" x14ac:dyDescent="0.2">
      <c r="A195">
        <v>560.45232499999997</v>
      </c>
      <c r="B195">
        <v>20.069393999999999</v>
      </c>
      <c r="C195">
        <v>10.655552</v>
      </c>
      <c r="D195">
        <f t="shared" ref="D195:D258" si="9">C195-$C$2</f>
        <v>0.96592599999999962</v>
      </c>
      <c r="E195">
        <f t="shared" ref="E195:E258" si="10">A195-$A$2</f>
        <v>10.218616999999995</v>
      </c>
      <c r="F195">
        <f t="shared" ref="F195:F258" si="11">(1/A195)*(E195/D195)</f>
        <v>1.8875983562567967E-2</v>
      </c>
    </row>
    <row r="196" spans="1:6" x14ac:dyDescent="0.2">
      <c r="A196">
        <v>559.76187900000002</v>
      </c>
      <c r="B196">
        <v>20.083881999999999</v>
      </c>
      <c r="C196">
        <v>10.660557000000001</v>
      </c>
      <c r="D196">
        <f t="shared" si="9"/>
        <v>0.97093100000000021</v>
      </c>
      <c r="E196">
        <f t="shared" si="10"/>
        <v>9.528171000000043</v>
      </c>
      <c r="F196">
        <f t="shared" si="11"/>
        <v>1.7531450769102959E-2</v>
      </c>
    </row>
    <row r="197" spans="1:6" x14ac:dyDescent="0.2">
      <c r="A197">
        <v>559.01546399999995</v>
      </c>
      <c r="B197">
        <v>20.059419999999999</v>
      </c>
      <c r="C197">
        <v>10.665562</v>
      </c>
      <c r="D197">
        <f t="shared" si="9"/>
        <v>0.97593599999999903</v>
      </c>
      <c r="E197">
        <f t="shared" si="10"/>
        <v>8.781755999999973</v>
      </c>
      <c r="F197">
        <f t="shared" si="11"/>
        <v>1.6096676122599251E-2</v>
      </c>
    </row>
    <row r="198" spans="1:6" x14ac:dyDescent="0.2">
      <c r="A198">
        <v>558.63118499999996</v>
      </c>
      <c r="B198">
        <v>20.018066999999999</v>
      </c>
      <c r="C198">
        <v>10.670566000000001</v>
      </c>
      <c r="D198">
        <f t="shared" si="9"/>
        <v>0.98094000000000037</v>
      </c>
      <c r="E198">
        <f t="shared" si="10"/>
        <v>8.3974769999999808</v>
      </c>
      <c r="F198">
        <f t="shared" si="11"/>
        <v>1.5324319663202921E-2</v>
      </c>
    </row>
    <row r="199" spans="1:6" x14ac:dyDescent="0.2">
      <c r="A199">
        <v>558.64811399999996</v>
      </c>
      <c r="B199">
        <v>20.003961</v>
      </c>
      <c r="C199">
        <v>10.675571</v>
      </c>
      <c r="D199">
        <f t="shared" si="9"/>
        <v>0.98594499999999918</v>
      </c>
      <c r="E199">
        <f t="shared" si="10"/>
        <v>8.4144059999999854</v>
      </c>
      <c r="F199">
        <f t="shared" si="11"/>
        <v>1.5276801559032041E-2</v>
      </c>
    </row>
    <row r="200" spans="1:6" x14ac:dyDescent="0.2">
      <c r="A200">
        <v>558.41449299999999</v>
      </c>
      <c r="B200">
        <v>20.028714000000001</v>
      </c>
      <c r="C200">
        <v>10.680576</v>
      </c>
      <c r="D200">
        <f t="shared" si="9"/>
        <v>0.99094999999999978</v>
      </c>
      <c r="E200">
        <f t="shared" si="10"/>
        <v>8.1807850000000144</v>
      </c>
      <c r="F200">
        <f t="shared" si="11"/>
        <v>1.4783816239729195E-2</v>
      </c>
    </row>
    <row r="201" spans="1:6" x14ac:dyDescent="0.2">
      <c r="A201">
        <v>558.24414000000002</v>
      </c>
      <c r="B201">
        <v>20.008493999999999</v>
      </c>
      <c r="C201">
        <v>10.685581000000001</v>
      </c>
      <c r="D201">
        <f t="shared" si="9"/>
        <v>0.99595500000000037</v>
      </c>
      <c r="E201">
        <f t="shared" si="10"/>
        <v>8.0104320000000371</v>
      </c>
      <c r="F201">
        <f t="shared" si="11"/>
        <v>1.4407613480093983E-2</v>
      </c>
    </row>
    <row r="202" spans="1:6" x14ac:dyDescent="0.2">
      <c r="A202">
        <v>558.39266599999996</v>
      </c>
      <c r="B202">
        <v>19.986533000000001</v>
      </c>
      <c r="C202">
        <v>10.690586</v>
      </c>
      <c r="D202">
        <f t="shared" si="9"/>
        <v>1.0009599999999992</v>
      </c>
      <c r="E202">
        <f t="shared" si="10"/>
        <v>8.1589579999999842</v>
      </c>
      <c r="F202">
        <f t="shared" si="11"/>
        <v>1.4597492783696561E-2</v>
      </c>
    </row>
    <row r="203" spans="1:6" x14ac:dyDescent="0.2">
      <c r="A203">
        <v>558.98260600000003</v>
      </c>
      <c r="B203">
        <v>19.936748000000001</v>
      </c>
      <c r="C203">
        <v>10.695589999999999</v>
      </c>
      <c r="D203">
        <f t="shared" si="9"/>
        <v>1.0059639999999987</v>
      </c>
      <c r="E203">
        <f t="shared" si="10"/>
        <v>8.7488980000000538</v>
      </c>
      <c r="F203">
        <f t="shared" si="11"/>
        <v>1.5558675397359363E-2</v>
      </c>
    </row>
    <row r="204" spans="1:6" x14ac:dyDescent="0.2">
      <c r="A204">
        <v>559.139501</v>
      </c>
      <c r="B204">
        <v>19.993162000000002</v>
      </c>
      <c r="C204">
        <v>10.700595</v>
      </c>
      <c r="D204">
        <f t="shared" si="9"/>
        <v>1.0109689999999993</v>
      </c>
      <c r="E204">
        <f t="shared" si="10"/>
        <v>8.9057930000000169</v>
      </c>
      <c r="F204">
        <f t="shared" si="11"/>
        <v>1.5754861265284009E-2</v>
      </c>
    </row>
    <row r="205" spans="1:6" x14ac:dyDescent="0.2">
      <c r="A205">
        <v>558.92865600000005</v>
      </c>
      <c r="B205">
        <v>20.004231999999998</v>
      </c>
      <c r="C205">
        <v>10.7056</v>
      </c>
      <c r="D205">
        <f t="shared" si="9"/>
        <v>1.0159739999999999</v>
      </c>
      <c r="E205">
        <f t="shared" si="10"/>
        <v>8.6949480000000676</v>
      </c>
      <c r="F205">
        <f t="shared" si="11"/>
        <v>1.5311862441142726E-2</v>
      </c>
    </row>
    <row r="206" spans="1:6" x14ac:dyDescent="0.2">
      <c r="A206">
        <v>559.13156500000002</v>
      </c>
      <c r="B206">
        <v>19.966729000000001</v>
      </c>
      <c r="C206">
        <v>10.710604999999999</v>
      </c>
      <c r="D206">
        <f t="shared" si="9"/>
        <v>1.0209789999999987</v>
      </c>
      <c r="E206">
        <f t="shared" si="10"/>
        <v>8.8978570000000445</v>
      </c>
      <c r="F206">
        <f t="shared" si="11"/>
        <v>1.5586715267977596E-2</v>
      </c>
    </row>
    <row r="207" spans="1:6" x14ac:dyDescent="0.2">
      <c r="A207">
        <v>559.864465</v>
      </c>
      <c r="B207">
        <v>19.912108</v>
      </c>
      <c r="C207">
        <v>10.71561</v>
      </c>
      <c r="D207">
        <f t="shared" si="9"/>
        <v>1.0259839999999993</v>
      </c>
      <c r="E207">
        <f t="shared" si="10"/>
        <v>9.6307570000000169</v>
      </c>
      <c r="F207">
        <f t="shared" si="11"/>
        <v>1.6766288449217348E-2</v>
      </c>
    </row>
    <row r="208" spans="1:6" x14ac:dyDescent="0.2">
      <c r="A208">
        <v>560.94521399999996</v>
      </c>
      <c r="B208">
        <v>19.884675000000001</v>
      </c>
      <c r="C208">
        <v>10.720613999999999</v>
      </c>
      <c r="D208">
        <f t="shared" si="9"/>
        <v>1.0309879999999989</v>
      </c>
      <c r="E208">
        <f t="shared" si="10"/>
        <v>10.711505999999986</v>
      </c>
      <c r="F208">
        <f t="shared" si="11"/>
        <v>1.8521513734851509E-2</v>
      </c>
    </row>
    <row r="209" spans="1:6" x14ac:dyDescent="0.2">
      <c r="A209">
        <v>561.69800799999996</v>
      </c>
      <c r="B209">
        <v>19.945529000000001</v>
      </c>
      <c r="C209">
        <v>10.725619</v>
      </c>
      <c r="D209">
        <f t="shared" si="9"/>
        <v>1.0359929999999995</v>
      </c>
      <c r="E209">
        <f t="shared" si="10"/>
        <v>11.46429999999998</v>
      </c>
      <c r="F209">
        <f t="shared" si="11"/>
        <v>1.9700980337474212E-2</v>
      </c>
    </row>
    <row r="210" spans="1:6" x14ac:dyDescent="0.2">
      <c r="A210">
        <v>562.06418499999995</v>
      </c>
      <c r="B210">
        <v>19.950726</v>
      </c>
      <c r="C210">
        <v>10.730624000000001</v>
      </c>
      <c r="D210">
        <f t="shared" si="9"/>
        <v>1.0409980000000001</v>
      </c>
      <c r="E210">
        <f t="shared" si="10"/>
        <v>11.830476999999973</v>
      </c>
      <c r="F210">
        <f t="shared" si="11"/>
        <v>2.0219315439741693E-2</v>
      </c>
    </row>
    <row r="211" spans="1:6" x14ac:dyDescent="0.2">
      <c r="A211">
        <v>562.69778099999996</v>
      </c>
      <c r="B211">
        <v>19.923165000000001</v>
      </c>
      <c r="C211">
        <v>10.735628999999999</v>
      </c>
      <c r="D211">
        <f t="shared" si="9"/>
        <v>1.0460029999999989</v>
      </c>
      <c r="E211">
        <f t="shared" si="10"/>
        <v>12.464072999999985</v>
      </c>
      <c r="F211">
        <f t="shared" si="11"/>
        <v>2.1176386325427912E-2</v>
      </c>
    </row>
    <row r="212" spans="1:6" x14ac:dyDescent="0.2">
      <c r="A212">
        <v>563.53011500000002</v>
      </c>
      <c r="B212">
        <v>19.907412999999998</v>
      </c>
      <c r="C212">
        <v>10.740634</v>
      </c>
      <c r="D212">
        <f t="shared" si="9"/>
        <v>1.0510079999999995</v>
      </c>
      <c r="E212">
        <f t="shared" si="10"/>
        <v>13.296407000000045</v>
      </c>
      <c r="F212">
        <f t="shared" si="11"/>
        <v>2.2449731379816092E-2</v>
      </c>
    </row>
    <row r="213" spans="1:6" x14ac:dyDescent="0.2">
      <c r="A213">
        <v>564.24084400000004</v>
      </c>
      <c r="B213">
        <v>19.939869000000002</v>
      </c>
      <c r="C213">
        <v>10.745638</v>
      </c>
      <c r="D213">
        <f t="shared" si="9"/>
        <v>1.0560119999999991</v>
      </c>
      <c r="E213">
        <f t="shared" si="10"/>
        <v>14.00713600000006</v>
      </c>
      <c r="F213">
        <f t="shared" si="11"/>
        <v>2.3508015672799518E-2</v>
      </c>
    </row>
    <row r="214" spans="1:6" x14ac:dyDescent="0.2">
      <c r="A214">
        <v>564.01324</v>
      </c>
      <c r="B214">
        <v>20.058540000000001</v>
      </c>
      <c r="C214">
        <v>10.750643</v>
      </c>
      <c r="D214">
        <f t="shared" si="9"/>
        <v>1.0610169999999997</v>
      </c>
      <c r="E214">
        <f t="shared" si="10"/>
        <v>13.779532000000017</v>
      </c>
      <c r="F214">
        <f t="shared" si="11"/>
        <v>2.3026229362018834E-2</v>
      </c>
    </row>
    <row r="215" spans="1:6" x14ac:dyDescent="0.2">
      <c r="A215">
        <v>563.49321999999995</v>
      </c>
      <c r="B215">
        <v>20.029119000000001</v>
      </c>
      <c r="C215">
        <v>10.755648000000001</v>
      </c>
      <c r="D215">
        <f t="shared" si="9"/>
        <v>1.0660220000000002</v>
      </c>
      <c r="E215">
        <f t="shared" si="10"/>
        <v>13.259511999999972</v>
      </c>
      <c r="F215">
        <f t="shared" si="11"/>
        <v>2.2073575088530663E-2</v>
      </c>
    </row>
    <row r="216" spans="1:6" x14ac:dyDescent="0.2">
      <c r="A216">
        <v>563.50730099999998</v>
      </c>
      <c r="B216">
        <v>19.992429000000001</v>
      </c>
      <c r="C216">
        <v>10.760653</v>
      </c>
      <c r="D216">
        <f t="shared" si="9"/>
        <v>1.0710269999999991</v>
      </c>
      <c r="E216">
        <f t="shared" si="10"/>
        <v>13.273593000000005</v>
      </c>
      <c r="F216">
        <f t="shared" si="11"/>
        <v>2.1993205409713831E-2</v>
      </c>
    </row>
    <row r="217" spans="1:6" x14ac:dyDescent="0.2">
      <c r="A217">
        <v>563.58584599999995</v>
      </c>
      <c r="B217">
        <v>20.023354000000001</v>
      </c>
      <c r="C217">
        <v>10.765658</v>
      </c>
      <c r="D217">
        <f t="shared" si="9"/>
        <v>1.0760319999999997</v>
      </c>
      <c r="E217">
        <f t="shared" si="10"/>
        <v>13.352137999999968</v>
      </c>
      <c r="F217">
        <f t="shared" si="11"/>
        <v>2.2017375422987082E-2</v>
      </c>
    </row>
    <row r="218" spans="1:6" x14ac:dyDescent="0.2">
      <c r="A218">
        <v>563.06093499999997</v>
      </c>
      <c r="B218">
        <v>20.040430000000001</v>
      </c>
      <c r="C218">
        <v>10.770662</v>
      </c>
      <c r="D218">
        <f t="shared" si="9"/>
        <v>1.0810359999999992</v>
      </c>
      <c r="E218">
        <f t="shared" si="10"/>
        <v>12.827226999999993</v>
      </c>
      <c r="F218">
        <f t="shared" si="11"/>
        <v>2.1073526924482111E-2</v>
      </c>
    </row>
    <row r="219" spans="1:6" x14ac:dyDescent="0.2">
      <c r="A219">
        <v>562.16341799999998</v>
      </c>
      <c r="B219">
        <v>20.107353</v>
      </c>
      <c r="C219">
        <v>10.775667</v>
      </c>
      <c r="D219">
        <f t="shared" si="9"/>
        <v>1.0860409999999998</v>
      </c>
      <c r="E219">
        <f t="shared" si="10"/>
        <v>11.92971</v>
      </c>
      <c r="F219">
        <f t="shared" si="11"/>
        <v>1.9539843655396912E-2</v>
      </c>
    </row>
    <row r="220" spans="1:6" x14ac:dyDescent="0.2">
      <c r="A220">
        <v>561.31720199999995</v>
      </c>
      <c r="B220">
        <v>20.072778</v>
      </c>
      <c r="C220">
        <v>10.780671999999999</v>
      </c>
      <c r="D220">
        <f t="shared" si="9"/>
        <v>1.0910459999999986</v>
      </c>
      <c r="E220">
        <f t="shared" si="10"/>
        <v>11.083493999999973</v>
      </c>
      <c r="F220">
        <f t="shared" si="11"/>
        <v>1.8097778867603886E-2</v>
      </c>
    </row>
    <row r="221" spans="1:6" x14ac:dyDescent="0.2">
      <c r="A221">
        <v>560.93840399999999</v>
      </c>
      <c r="B221">
        <v>20.024687</v>
      </c>
      <c r="C221">
        <v>10.785677</v>
      </c>
      <c r="D221">
        <f t="shared" si="9"/>
        <v>1.0960509999999992</v>
      </c>
      <c r="E221">
        <f t="shared" si="10"/>
        <v>10.704696000000013</v>
      </c>
      <c r="F221">
        <f t="shared" si="11"/>
        <v>1.7411187853483414E-2</v>
      </c>
    </row>
    <row r="222" spans="1:6" x14ac:dyDescent="0.2">
      <c r="A222">
        <v>560.18646699999999</v>
      </c>
      <c r="B222">
        <v>20.101777999999999</v>
      </c>
      <c r="C222">
        <v>10.790682</v>
      </c>
      <c r="D222">
        <f t="shared" si="9"/>
        <v>1.1010559999999998</v>
      </c>
      <c r="E222">
        <f t="shared" si="10"/>
        <v>9.9527590000000146</v>
      </c>
      <c r="F222">
        <f t="shared" si="11"/>
        <v>1.6136207399061693E-2</v>
      </c>
    </row>
    <row r="223" spans="1:6" x14ac:dyDescent="0.2">
      <c r="A223">
        <v>559.01735900000006</v>
      </c>
      <c r="B223">
        <v>20.118452999999999</v>
      </c>
      <c r="C223">
        <v>10.795686</v>
      </c>
      <c r="D223">
        <f t="shared" si="9"/>
        <v>1.1060599999999994</v>
      </c>
      <c r="E223">
        <f t="shared" si="10"/>
        <v>8.7836510000000771</v>
      </c>
      <c r="F223">
        <f t="shared" si="11"/>
        <v>1.4205976468318688E-2</v>
      </c>
    </row>
    <row r="224" spans="1:6" x14ac:dyDescent="0.2">
      <c r="A224">
        <v>558.53525300000001</v>
      </c>
      <c r="B224">
        <v>20.044981</v>
      </c>
      <c r="C224">
        <v>10.800691</v>
      </c>
      <c r="D224">
        <f t="shared" si="9"/>
        <v>1.111065</v>
      </c>
      <c r="E224">
        <f t="shared" si="10"/>
        <v>8.3015450000000328</v>
      </c>
      <c r="F224">
        <f t="shared" si="11"/>
        <v>1.3377312417509868E-2</v>
      </c>
    </row>
    <row r="225" spans="1:6" x14ac:dyDescent="0.2">
      <c r="A225">
        <v>558.81572100000005</v>
      </c>
      <c r="B225">
        <v>19.955431000000001</v>
      </c>
      <c r="C225">
        <v>10.805695999999999</v>
      </c>
      <c r="D225">
        <f t="shared" si="9"/>
        <v>1.1160699999999988</v>
      </c>
      <c r="E225">
        <f t="shared" si="10"/>
        <v>8.5820130000000745</v>
      </c>
      <c r="F225">
        <f t="shared" si="11"/>
        <v>1.3760338518736381E-2</v>
      </c>
    </row>
    <row r="226" spans="1:6" x14ac:dyDescent="0.2">
      <c r="A226">
        <v>558.84766000000002</v>
      </c>
      <c r="B226">
        <v>20.021977</v>
      </c>
      <c r="C226">
        <v>10.810701</v>
      </c>
      <c r="D226">
        <f t="shared" si="9"/>
        <v>1.1210749999999994</v>
      </c>
      <c r="E226">
        <f t="shared" si="10"/>
        <v>8.6139520000000402</v>
      </c>
      <c r="F226">
        <f t="shared" si="11"/>
        <v>1.3749102279535427E-2</v>
      </c>
    </row>
    <row r="227" spans="1:6" x14ac:dyDescent="0.2">
      <c r="A227">
        <v>558.22043399999995</v>
      </c>
      <c r="B227">
        <v>20.069201</v>
      </c>
      <c r="C227">
        <v>10.815706</v>
      </c>
      <c r="D227">
        <f t="shared" si="9"/>
        <v>1.12608</v>
      </c>
      <c r="E227">
        <f t="shared" si="10"/>
        <v>7.986725999999976</v>
      </c>
      <c r="F227">
        <f t="shared" si="11"/>
        <v>1.2705559963308197E-2</v>
      </c>
    </row>
    <row r="228" spans="1:6" x14ac:dyDescent="0.2">
      <c r="A228">
        <v>557.62424399999998</v>
      </c>
      <c r="B228">
        <v>20.047809999999998</v>
      </c>
      <c r="C228">
        <v>10.82071</v>
      </c>
      <c r="D228">
        <f t="shared" si="9"/>
        <v>1.1310839999999995</v>
      </c>
      <c r="E228">
        <f t="shared" si="10"/>
        <v>7.3905359999999973</v>
      </c>
      <c r="F228">
        <f t="shared" si="11"/>
        <v>1.1717620553928873E-2</v>
      </c>
    </row>
    <row r="229" spans="1:6" x14ac:dyDescent="0.2">
      <c r="A229">
        <v>558.11788799999999</v>
      </c>
      <c r="B229">
        <v>19.944606</v>
      </c>
      <c r="C229">
        <v>10.825715000000001</v>
      </c>
      <c r="D229">
        <f t="shared" si="9"/>
        <v>1.1360890000000001</v>
      </c>
      <c r="E229">
        <f t="shared" si="10"/>
        <v>7.8841800000000148</v>
      </c>
      <c r="F229">
        <f t="shared" si="11"/>
        <v>1.2434211032013101E-2</v>
      </c>
    </row>
    <row r="230" spans="1:6" x14ac:dyDescent="0.2">
      <c r="A230">
        <v>558.58711400000004</v>
      </c>
      <c r="B230">
        <v>19.960348</v>
      </c>
      <c r="C230">
        <v>10.830719999999999</v>
      </c>
      <c r="D230">
        <f t="shared" si="9"/>
        <v>1.1410939999999989</v>
      </c>
      <c r="E230">
        <f t="shared" si="10"/>
        <v>8.3534060000000636</v>
      </c>
      <c r="F230">
        <f t="shared" si="11"/>
        <v>1.3105429403770921E-2</v>
      </c>
    </row>
    <row r="231" spans="1:6" x14ac:dyDescent="0.2">
      <c r="A231">
        <v>558.68740100000002</v>
      </c>
      <c r="B231">
        <v>19.997308</v>
      </c>
      <c r="C231">
        <v>10.835725</v>
      </c>
      <c r="D231">
        <f t="shared" si="9"/>
        <v>1.1460989999999995</v>
      </c>
      <c r="E231">
        <f t="shared" si="10"/>
        <v>8.4536930000000439</v>
      </c>
      <c r="F231">
        <f t="shared" si="11"/>
        <v>1.3202478256222025E-2</v>
      </c>
    </row>
    <row r="232" spans="1:6" x14ac:dyDescent="0.2">
      <c r="A232">
        <v>558.51744099999996</v>
      </c>
      <c r="B232">
        <v>19.996549999999999</v>
      </c>
      <c r="C232">
        <v>10.840730000000001</v>
      </c>
      <c r="D232">
        <f t="shared" si="9"/>
        <v>1.1511040000000001</v>
      </c>
      <c r="E232">
        <f t="shared" si="10"/>
        <v>8.2837329999999838</v>
      </c>
      <c r="F232">
        <f t="shared" si="11"/>
        <v>1.2884714199744685E-2</v>
      </c>
    </row>
    <row r="233" spans="1:6" x14ac:dyDescent="0.2">
      <c r="A233">
        <v>559.38348299999996</v>
      </c>
      <c r="B233">
        <v>19.886984999999999</v>
      </c>
      <c r="C233">
        <v>10.845734</v>
      </c>
      <c r="D233">
        <f t="shared" si="9"/>
        <v>1.1561079999999997</v>
      </c>
      <c r="E233">
        <f t="shared" si="10"/>
        <v>9.1497749999999769</v>
      </c>
      <c r="F233">
        <f t="shared" si="11"/>
        <v>1.414823840874614E-2</v>
      </c>
    </row>
    <row r="234" spans="1:6" x14ac:dyDescent="0.2">
      <c r="A234">
        <v>560.04874900000004</v>
      </c>
      <c r="B234">
        <v>19.930527000000001</v>
      </c>
      <c r="C234">
        <v>10.850739000000001</v>
      </c>
      <c r="D234">
        <f t="shared" si="9"/>
        <v>1.1611130000000003</v>
      </c>
      <c r="E234">
        <f t="shared" si="10"/>
        <v>9.8150410000000647</v>
      </c>
      <c r="F234">
        <f t="shared" si="11"/>
        <v>1.5093563948565775E-2</v>
      </c>
    </row>
    <row r="235" spans="1:6" x14ac:dyDescent="0.2">
      <c r="A235">
        <v>560.61713299999997</v>
      </c>
      <c r="B235">
        <v>19.938715999999999</v>
      </c>
      <c r="C235">
        <v>10.855744</v>
      </c>
      <c r="D235">
        <f t="shared" si="9"/>
        <v>1.1661179999999991</v>
      </c>
      <c r="E235">
        <f t="shared" si="10"/>
        <v>10.383424999999988</v>
      </c>
      <c r="F235">
        <f t="shared" si="11"/>
        <v>1.5882971811675396E-2</v>
      </c>
    </row>
    <row r="236" spans="1:6" x14ac:dyDescent="0.2">
      <c r="A236">
        <v>560.80151499999999</v>
      </c>
      <c r="B236">
        <v>19.967382000000001</v>
      </c>
      <c r="C236">
        <v>10.860749</v>
      </c>
      <c r="D236">
        <f t="shared" si="9"/>
        <v>1.1711229999999997</v>
      </c>
      <c r="E236">
        <f t="shared" si="10"/>
        <v>10.567807000000016</v>
      </c>
      <c r="F236">
        <f t="shared" si="11"/>
        <v>1.6090635046354215E-2</v>
      </c>
    </row>
    <row r="237" spans="1:6" x14ac:dyDescent="0.2">
      <c r="A237">
        <v>561.90368799999999</v>
      </c>
      <c r="B237">
        <v>19.896069000000001</v>
      </c>
      <c r="C237">
        <v>10.865754000000001</v>
      </c>
      <c r="D237">
        <f t="shared" si="9"/>
        <v>1.1761280000000003</v>
      </c>
      <c r="E237">
        <f t="shared" si="10"/>
        <v>11.66998000000001</v>
      </c>
      <c r="F237">
        <f t="shared" si="11"/>
        <v>1.7658493095424183E-2</v>
      </c>
    </row>
    <row r="238" spans="1:6" x14ac:dyDescent="0.2">
      <c r="A238">
        <v>562.90947900000003</v>
      </c>
      <c r="B238">
        <v>19.904026000000002</v>
      </c>
      <c r="C238">
        <v>10.870758</v>
      </c>
      <c r="D238">
        <f t="shared" si="9"/>
        <v>1.1811319999999998</v>
      </c>
      <c r="E238">
        <f t="shared" si="10"/>
        <v>12.675771000000054</v>
      </c>
      <c r="F238">
        <f t="shared" si="11"/>
        <v>1.9065025340016625E-2</v>
      </c>
    </row>
    <row r="239" spans="1:6" x14ac:dyDescent="0.2">
      <c r="A239">
        <v>563.16864299999997</v>
      </c>
      <c r="B239">
        <v>19.987911</v>
      </c>
      <c r="C239">
        <v>10.875762999999999</v>
      </c>
      <c r="D239">
        <f t="shared" si="9"/>
        <v>1.1861369999999987</v>
      </c>
      <c r="E239">
        <f t="shared" si="10"/>
        <v>12.934934999999996</v>
      </c>
      <c r="F239">
        <f t="shared" si="11"/>
        <v>1.9363815314095371E-2</v>
      </c>
    </row>
    <row r="240" spans="1:6" x14ac:dyDescent="0.2">
      <c r="A240">
        <v>562.70555300000001</v>
      </c>
      <c r="B240">
        <v>20.026427000000002</v>
      </c>
      <c r="C240">
        <v>10.880768</v>
      </c>
      <c r="D240">
        <f t="shared" si="9"/>
        <v>1.1911419999999993</v>
      </c>
      <c r="E240">
        <f t="shared" si="10"/>
        <v>12.47184500000003</v>
      </c>
      <c r="F240">
        <f t="shared" si="11"/>
        <v>1.8607411649610616E-2</v>
      </c>
    </row>
    <row r="241" spans="1:6" x14ac:dyDescent="0.2">
      <c r="A241">
        <v>562.63261799999998</v>
      </c>
      <c r="B241">
        <v>20.004678999999999</v>
      </c>
      <c r="C241">
        <v>10.885773</v>
      </c>
      <c r="D241">
        <f t="shared" si="9"/>
        <v>1.1961469999999998</v>
      </c>
      <c r="E241">
        <f t="shared" si="10"/>
        <v>12.398910000000001</v>
      </c>
      <c r="F241">
        <f t="shared" si="11"/>
        <v>1.8423580908270707E-2</v>
      </c>
    </row>
    <row r="242" spans="1:6" x14ac:dyDescent="0.2">
      <c r="A242">
        <v>562.78154800000004</v>
      </c>
      <c r="B242">
        <v>19.978642000000001</v>
      </c>
      <c r="C242">
        <v>10.890777999999999</v>
      </c>
      <c r="D242">
        <f t="shared" si="9"/>
        <v>1.2011519999999987</v>
      </c>
      <c r="E242">
        <f t="shared" si="10"/>
        <v>12.547840000000065</v>
      </c>
      <c r="F242">
        <f t="shared" si="11"/>
        <v>1.8562272920916945E-2</v>
      </c>
    </row>
    <row r="243" spans="1:6" x14ac:dyDescent="0.2">
      <c r="A243">
        <v>562.86083299999996</v>
      </c>
      <c r="B243">
        <v>20.008621999999999</v>
      </c>
      <c r="C243">
        <v>10.895782000000001</v>
      </c>
      <c r="D243">
        <f t="shared" si="9"/>
        <v>1.206156</v>
      </c>
      <c r="E243">
        <f t="shared" si="10"/>
        <v>12.627124999999978</v>
      </c>
      <c r="F243">
        <f t="shared" si="11"/>
        <v>1.8599444307492392E-2</v>
      </c>
    </row>
    <row r="244" spans="1:6" x14ac:dyDescent="0.2">
      <c r="A244">
        <v>562.295343</v>
      </c>
      <c r="B244">
        <v>20.072105000000001</v>
      </c>
      <c r="C244">
        <v>10.900786999999999</v>
      </c>
      <c r="D244">
        <f t="shared" si="9"/>
        <v>1.2111609999999988</v>
      </c>
      <c r="E244">
        <f t="shared" si="10"/>
        <v>12.061635000000024</v>
      </c>
      <c r="F244">
        <f t="shared" si="11"/>
        <v>1.7710866828620071E-2</v>
      </c>
    </row>
    <row r="245" spans="1:6" x14ac:dyDescent="0.2">
      <c r="A245">
        <v>562.01953700000001</v>
      </c>
      <c r="B245">
        <v>20.018312999999999</v>
      </c>
      <c r="C245">
        <v>10.905792</v>
      </c>
      <c r="D245">
        <f t="shared" si="9"/>
        <v>1.2161659999999994</v>
      </c>
      <c r="E245">
        <f t="shared" si="10"/>
        <v>11.785829000000035</v>
      </c>
      <c r="F245">
        <f t="shared" si="11"/>
        <v>1.72431205723746E-2</v>
      </c>
    </row>
    <row r="246" spans="1:6" x14ac:dyDescent="0.2">
      <c r="A246">
        <v>562.13650299999995</v>
      </c>
      <c r="B246">
        <v>19.959572999999999</v>
      </c>
      <c r="C246">
        <v>10.910797000000001</v>
      </c>
      <c r="D246">
        <f t="shared" si="9"/>
        <v>1.221171</v>
      </c>
      <c r="E246">
        <f t="shared" si="10"/>
        <v>11.902794999999969</v>
      </c>
      <c r="F246">
        <f t="shared" si="11"/>
        <v>1.7339264996456834E-2</v>
      </c>
    </row>
    <row r="247" spans="1:6" x14ac:dyDescent="0.2">
      <c r="A247">
        <v>562.21918900000003</v>
      </c>
      <c r="B247">
        <v>20.027342000000001</v>
      </c>
      <c r="C247">
        <v>10.915801999999999</v>
      </c>
      <c r="D247">
        <f t="shared" si="9"/>
        <v>1.2261759999999988</v>
      </c>
      <c r="E247">
        <f t="shared" si="10"/>
        <v>11.98548100000005</v>
      </c>
      <c r="F247">
        <f t="shared" si="11"/>
        <v>1.7385892581689884E-2</v>
      </c>
    </row>
    <row r="248" spans="1:6" x14ac:dyDescent="0.2">
      <c r="A248">
        <v>561.72119699999996</v>
      </c>
      <c r="B248">
        <v>20.047114000000001</v>
      </c>
      <c r="C248">
        <v>10.920806000000001</v>
      </c>
      <c r="D248">
        <f t="shared" si="9"/>
        <v>1.2311800000000002</v>
      </c>
      <c r="E248">
        <f t="shared" si="10"/>
        <v>11.487488999999982</v>
      </c>
      <c r="F248">
        <f t="shared" si="11"/>
        <v>1.6610501468900779E-2</v>
      </c>
    </row>
    <row r="249" spans="1:6" x14ac:dyDescent="0.2">
      <c r="A249">
        <v>561.330736</v>
      </c>
      <c r="B249">
        <v>20.036954999999999</v>
      </c>
      <c r="C249">
        <v>10.925810999999999</v>
      </c>
      <c r="D249">
        <f t="shared" si="9"/>
        <v>1.236184999999999</v>
      </c>
      <c r="E249">
        <f t="shared" si="10"/>
        <v>11.097028000000023</v>
      </c>
      <c r="F249">
        <f t="shared" si="11"/>
        <v>1.5992059222454377E-2</v>
      </c>
    </row>
    <row r="250" spans="1:6" x14ac:dyDescent="0.2">
      <c r="A250">
        <v>561.19889999999998</v>
      </c>
      <c r="B250">
        <v>19.967614999999999</v>
      </c>
      <c r="C250">
        <v>10.930816</v>
      </c>
      <c r="D250">
        <f t="shared" si="9"/>
        <v>1.2411899999999996</v>
      </c>
      <c r="E250">
        <f t="shared" si="10"/>
        <v>10.965192000000002</v>
      </c>
      <c r="F250">
        <f t="shared" si="11"/>
        <v>1.574204543552583E-2</v>
      </c>
    </row>
    <row r="251" spans="1:6" x14ac:dyDescent="0.2">
      <c r="A251">
        <v>561.56726300000003</v>
      </c>
      <c r="B251">
        <v>19.984628000000001</v>
      </c>
      <c r="C251">
        <v>10.935821000000001</v>
      </c>
      <c r="D251">
        <f t="shared" si="9"/>
        <v>1.2461950000000002</v>
      </c>
      <c r="E251">
        <f t="shared" si="10"/>
        <v>11.333555000000047</v>
      </c>
      <c r="F251">
        <f t="shared" si="11"/>
        <v>1.6194903694818918E-2</v>
      </c>
    </row>
    <row r="252" spans="1:6" x14ac:dyDescent="0.2">
      <c r="A252">
        <v>561.39624300000003</v>
      </c>
      <c r="B252">
        <v>20.034158999999999</v>
      </c>
      <c r="C252">
        <v>10.940825999999999</v>
      </c>
      <c r="D252">
        <f t="shared" si="9"/>
        <v>1.251199999999999</v>
      </c>
      <c r="E252">
        <f t="shared" si="10"/>
        <v>11.162535000000048</v>
      </c>
      <c r="F252">
        <f t="shared" si="11"/>
        <v>1.5891562343677296E-2</v>
      </c>
    </row>
    <row r="253" spans="1:6" x14ac:dyDescent="0.2">
      <c r="A253">
        <v>560.739237</v>
      </c>
      <c r="B253">
        <v>20.061353</v>
      </c>
      <c r="C253">
        <v>10.945830000000001</v>
      </c>
      <c r="D253">
        <f t="shared" si="9"/>
        <v>1.2562040000000003</v>
      </c>
      <c r="E253">
        <f t="shared" si="10"/>
        <v>10.505529000000024</v>
      </c>
      <c r="F253">
        <f t="shared" si="11"/>
        <v>1.4914091651937109E-2</v>
      </c>
    </row>
    <row r="254" spans="1:6" x14ac:dyDescent="0.2">
      <c r="A254">
        <v>560.63644699999998</v>
      </c>
      <c r="B254">
        <v>19.990874999999999</v>
      </c>
      <c r="C254">
        <v>10.950835</v>
      </c>
      <c r="D254">
        <f t="shared" si="9"/>
        <v>1.2612089999999991</v>
      </c>
      <c r="E254">
        <f t="shared" si="10"/>
        <v>10.402738999999997</v>
      </c>
      <c r="F254">
        <f t="shared" si="11"/>
        <v>1.4712257358171027E-2</v>
      </c>
    </row>
    <row r="255" spans="1:6" x14ac:dyDescent="0.2">
      <c r="A255">
        <v>560.930026</v>
      </c>
      <c r="B255">
        <v>19.973330000000001</v>
      </c>
      <c r="C255">
        <v>10.95584</v>
      </c>
      <c r="D255">
        <f t="shared" si="9"/>
        <v>1.2662139999999997</v>
      </c>
      <c r="E255">
        <f t="shared" si="10"/>
        <v>10.696318000000019</v>
      </c>
      <c r="F255">
        <f t="shared" si="11"/>
        <v>1.5059775818980149E-2</v>
      </c>
    </row>
    <row r="256" spans="1:6" x14ac:dyDescent="0.2">
      <c r="A256">
        <v>560.95102699999995</v>
      </c>
      <c r="B256">
        <v>20.004024999999999</v>
      </c>
      <c r="C256">
        <v>10.960845000000001</v>
      </c>
      <c r="D256">
        <f t="shared" si="9"/>
        <v>1.2712190000000003</v>
      </c>
      <c r="E256">
        <f t="shared" si="10"/>
        <v>10.717318999999975</v>
      </c>
      <c r="F256">
        <f t="shared" si="11"/>
        <v>1.5029372027402618E-2</v>
      </c>
    </row>
    <row r="257" spans="1:6" x14ac:dyDescent="0.2">
      <c r="A257">
        <v>561.02749300000005</v>
      </c>
      <c r="B257">
        <v>19.980464999999999</v>
      </c>
      <c r="C257">
        <v>10.96585</v>
      </c>
      <c r="D257">
        <f t="shared" si="9"/>
        <v>1.2762239999999991</v>
      </c>
      <c r="E257">
        <f t="shared" si="10"/>
        <v>10.793785000000071</v>
      </c>
      <c r="F257">
        <f t="shared" si="11"/>
        <v>1.5075187117136193E-2</v>
      </c>
    </row>
    <row r="258" spans="1:6" x14ac:dyDescent="0.2">
      <c r="A258">
        <v>561.81352100000004</v>
      </c>
      <c r="B258">
        <v>19.919611</v>
      </c>
      <c r="C258">
        <v>10.970853999999999</v>
      </c>
      <c r="D258">
        <f t="shared" si="9"/>
        <v>1.2812279999999987</v>
      </c>
      <c r="E258">
        <f t="shared" si="10"/>
        <v>11.579813000000058</v>
      </c>
      <c r="F258">
        <f t="shared" si="11"/>
        <v>1.6087291746290582E-2</v>
      </c>
    </row>
    <row r="259" spans="1:6" x14ac:dyDescent="0.2">
      <c r="A259">
        <v>562.53705500000001</v>
      </c>
      <c r="B259">
        <v>19.910104</v>
      </c>
      <c r="C259">
        <v>10.975859</v>
      </c>
      <c r="D259">
        <f t="shared" ref="D259:D322" si="12">C259-$C$2</f>
        <v>1.2862329999999993</v>
      </c>
      <c r="E259">
        <f t="shared" ref="E259:E322" si="13">A259-$A$2</f>
        <v>12.303347000000031</v>
      </c>
      <c r="F259">
        <f t="shared" ref="F259:F322" si="14">(1/A259)*(E259/D259)</f>
        <v>1.7004054563218216E-2</v>
      </c>
    </row>
    <row r="260" spans="1:6" x14ac:dyDescent="0.2">
      <c r="A260">
        <v>562.74736299999995</v>
      </c>
      <c r="B260">
        <v>20.004024999999999</v>
      </c>
      <c r="C260">
        <v>10.980864</v>
      </c>
      <c r="D260">
        <f t="shared" si="12"/>
        <v>1.2912379999999999</v>
      </c>
      <c r="E260">
        <f t="shared" si="13"/>
        <v>12.513654999999972</v>
      </c>
      <c r="F260">
        <f t="shared" si="14"/>
        <v>1.7221239645423839E-2</v>
      </c>
    </row>
    <row r="261" spans="1:6" x14ac:dyDescent="0.2">
      <c r="A261">
        <v>562.31701599999997</v>
      </c>
      <c r="B261">
        <v>20.058719</v>
      </c>
      <c r="C261">
        <v>10.985868999999999</v>
      </c>
      <c r="D261">
        <f t="shared" si="12"/>
        <v>1.2962429999999987</v>
      </c>
      <c r="E261">
        <f t="shared" si="13"/>
        <v>12.083307999999988</v>
      </c>
      <c r="F261">
        <f t="shared" si="14"/>
        <v>1.6577467908961346E-2</v>
      </c>
    </row>
    <row r="262" spans="1:6" x14ac:dyDescent="0.2">
      <c r="A262">
        <v>562.23724600000003</v>
      </c>
      <c r="B262">
        <v>19.994501</v>
      </c>
      <c r="C262">
        <v>10.990874</v>
      </c>
      <c r="D262">
        <f t="shared" si="12"/>
        <v>1.3012479999999993</v>
      </c>
      <c r="E262">
        <f t="shared" si="13"/>
        <v>12.003538000000049</v>
      </c>
      <c r="F262">
        <f t="shared" si="14"/>
        <v>1.6407015339421457E-2</v>
      </c>
    </row>
    <row r="263" spans="1:6" x14ac:dyDescent="0.2">
      <c r="A263">
        <v>561.98325699999998</v>
      </c>
      <c r="B263">
        <v>20.015207</v>
      </c>
      <c r="C263">
        <v>10.995877999999999</v>
      </c>
      <c r="D263">
        <f t="shared" si="12"/>
        <v>1.3062519999999989</v>
      </c>
      <c r="E263">
        <f t="shared" si="13"/>
        <v>11.749549000000002</v>
      </c>
      <c r="F263">
        <f t="shared" si="14"/>
        <v>1.6005559175970525E-2</v>
      </c>
    </row>
    <row r="264" spans="1:6" x14ac:dyDescent="0.2">
      <c r="A264">
        <v>561.75211100000001</v>
      </c>
      <c r="B264">
        <v>20.034545999999999</v>
      </c>
      <c r="C264">
        <v>11.000883</v>
      </c>
      <c r="D264">
        <f t="shared" si="12"/>
        <v>1.3112569999999995</v>
      </c>
      <c r="E264">
        <f t="shared" si="13"/>
        <v>11.518403000000035</v>
      </c>
      <c r="F264">
        <f t="shared" si="14"/>
        <v>1.5637226850997953E-2</v>
      </c>
    </row>
    <row r="265" spans="1:6" x14ac:dyDescent="0.2">
      <c r="A265">
        <v>561.52731000000006</v>
      </c>
      <c r="B265">
        <v>20.035941999999999</v>
      </c>
      <c r="C265">
        <v>11.005888000000001</v>
      </c>
      <c r="D265">
        <f t="shared" si="12"/>
        <v>1.316262</v>
      </c>
      <c r="E265">
        <f t="shared" si="13"/>
        <v>11.293602000000078</v>
      </c>
      <c r="F265">
        <f t="shared" si="14"/>
        <v>1.5279855667571157E-2</v>
      </c>
    </row>
    <row r="266" spans="1:6" x14ac:dyDescent="0.2">
      <c r="A266">
        <v>561.11368800000002</v>
      </c>
      <c r="B266">
        <v>20.036093000000001</v>
      </c>
      <c r="C266">
        <v>11.010892999999999</v>
      </c>
      <c r="D266">
        <f t="shared" si="12"/>
        <v>1.3212669999999989</v>
      </c>
      <c r="E266">
        <f t="shared" si="13"/>
        <v>10.879980000000046</v>
      </c>
      <c r="F266">
        <f t="shared" si="14"/>
        <v>1.4675288430241296E-2</v>
      </c>
    </row>
    <row r="267" spans="1:6" x14ac:dyDescent="0.2">
      <c r="A267">
        <v>561.01342599999998</v>
      </c>
      <c r="B267">
        <v>20.017431999999999</v>
      </c>
      <c r="C267">
        <v>11.015898</v>
      </c>
      <c r="D267">
        <f t="shared" si="12"/>
        <v>1.3262719999999995</v>
      </c>
      <c r="E267">
        <f t="shared" si="13"/>
        <v>10.779718000000003</v>
      </c>
      <c r="F267">
        <f t="shared" si="14"/>
        <v>1.4487770041797717E-2</v>
      </c>
    </row>
    <row r="268" spans="1:6" x14ac:dyDescent="0.2">
      <c r="A268">
        <v>561.08177499999999</v>
      </c>
      <c r="B268">
        <v>19.972244</v>
      </c>
      <c r="C268">
        <v>11.020902</v>
      </c>
      <c r="D268">
        <f t="shared" si="12"/>
        <v>1.331275999999999</v>
      </c>
      <c r="E268">
        <f t="shared" si="13"/>
        <v>10.848067000000015</v>
      </c>
      <c r="F268">
        <f t="shared" si="14"/>
        <v>1.4523058739838878E-2</v>
      </c>
    </row>
    <row r="269" spans="1:6" x14ac:dyDescent="0.2">
      <c r="A269">
        <v>561.11384799999996</v>
      </c>
      <c r="B269">
        <v>20.004345000000001</v>
      </c>
      <c r="C269">
        <v>11.025907</v>
      </c>
      <c r="D269">
        <f t="shared" si="12"/>
        <v>1.3362809999999996</v>
      </c>
      <c r="E269">
        <f t="shared" si="13"/>
        <v>10.880139999999983</v>
      </c>
      <c r="F269">
        <f t="shared" si="14"/>
        <v>1.4510611118835113E-2</v>
      </c>
    </row>
    <row r="270" spans="1:6" x14ac:dyDescent="0.2">
      <c r="A270">
        <v>561.08971599999995</v>
      </c>
      <c r="B270">
        <v>19.993836000000002</v>
      </c>
      <c r="C270">
        <v>11.030912000000001</v>
      </c>
      <c r="D270">
        <f t="shared" si="12"/>
        <v>1.3412860000000002</v>
      </c>
      <c r="E270">
        <f t="shared" si="13"/>
        <v>10.856007999999974</v>
      </c>
      <c r="F270">
        <f t="shared" si="14"/>
        <v>1.4425021010004802E-2</v>
      </c>
    </row>
    <row r="271" spans="1:6" x14ac:dyDescent="0.2">
      <c r="A271">
        <v>561.41277100000002</v>
      </c>
      <c r="B271">
        <v>19.960342000000001</v>
      </c>
      <c r="C271">
        <v>11.035917</v>
      </c>
      <c r="D271">
        <f t="shared" si="12"/>
        <v>1.346290999999999</v>
      </c>
      <c r="E271">
        <f t="shared" si="13"/>
        <v>11.179063000000042</v>
      </c>
      <c r="F271">
        <f t="shared" si="14"/>
        <v>1.4790544872915349E-2</v>
      </c>
    </row>
    <row r="272" spans="1:6" x14ac:dyDescent="0.2">
      <c r="A272">
        <v>561.71825200000001</v>
      </c>
      <c r="B272">
        <v>19.966358</v>
      </c>
      <c r="C272">
        <v>11.040922</v>
      </c>
      <c r="D272">
        <f t="shared" si="12"/>
        <v>1.3512959999999996</v>
      </c>
      <c r="E272">
        <f t="shared" si="13"/>
        <v>11.484544000000028</v>
      </c>
      <c r="F272">
        <f t="shared" si="14"/>
        <v>1.5130202098865193E-2</v>
      </c>
    </row>
    <row r="273" spans="1:6" x14ac:dyDescent="0.2">
      <c r="A273">
        <v>562.11107900000002</v>
      </c>
      <c r="B273">
        <v>19.944248000000002</v>
      </c>
      <c r="C273">
        <v>11.045926</v>
      </c>
      <c r="D273">
        <f t="shared" si="12"/>
        <v>1.3562999999999992</v>
      </c>
      <c r="E273">
        <f t="shared" si="13"/>
        <v>11.877371000000039</v>
      </c>
      <c r="F273">
        <f t="shared" si="14"/>
        <v>1.557910180573383E-2</v>
      </c>
    </row>
    <row r="274" spans="1:6" x14ac:dyDescent="0.2">
      <c r="A274">
        <v>562.70386299999996</v>
      </c>
      <c r="B274">
        <v>19.938371</v>
      </c>
      <c r="C274">
        <v>11.050931</v>
      </c>
      <c r="D274">
        <f t="shared" si="12"/>
        <v>1.3613049999999998</v>
      </c>
      <c r="E274">
        <f t="shared" si="13"/>
        <v>12.470154999999977</v>
      </c>
      <c r="F274">
        <f t="shared" si="14"/>
        <v>1.6279329568151032E-2</v>
      </c>
    </row>
    <row r="275" spans="1:6" x14ac:dyDescent="0.2">
      <c r="A275">
        <v>563.36866799999996</v>
      </c>
      <c r="B275">
        <v>19.949714</v>
      </c>
      <c r="C275">
        <v>11.055936000000001</v>
      </c>
      <c r="D275">
        <f t="shared" si="12"/>
        <v>1.3663100000000004</v>
      </c>
      <c r="E275">
        <f t="shared" si="13"/>
        <v>13.134959999999978</v>
      </c>
      <c r="F275">
        <f t="shared" si="14"/>
        <v>1.706423478062679E-2</v>
      </c>
    </row>
    <row r="276" spans="1:6" x14ac:dyDescent="0.2">
      <c r="A276">
        <v>563.54404599999998</v>
      </c>
      <c r="B276">
        <v>19.976890000000001</v>
      </c>
      <c r="C276">
        <v>11.060941</v>
      </c>
      <c r="D276">
        <f t="shared" si="12"/>
        <v>1.3713149999999992</v>
      </c>
      <c r="E276">
        <f t="shared" si="13"/>
        <v>13.310338000000002</v>
      </c>
      <c r="F276">
        <f t="shared" si="14"/>
        <v>1.7223602414222397E-2</v>
      </c>
    </row>
    <row r="277" spans="1:6" x14ac:dyDescent="0.2">
      <c r="A277">
        <v>563.53200700000002</v>
      </c>
      <c r="B277">
        <v>19.992656</v>
      </c>
      <c r="C277">
        <v>11.065946</v>
      </c>
      <c r="D277">
        <f t="shared" si="12"/>
        <v>1.3763199999999998</v>
      </c>
      <c r="E277">
        <f t="shared" si="13"/>
        <v>13.298299000000043</v>
      </c>
      <c r="F277">
        <f t="shared" si="14"/>
        <v>1.714581307879556E-2</v>
      </c>
    </row>
    <row r="278" spans="1:6" x14ac:dyDescent="0.2">
      <c r="A278">
        <v>564.03090899999995</v>
      </c>
      <c r="B278">
        <v>19.951839</v>
      </c>
      <c r="C278">
        <v>11.07095</v>
      </c>
      <c r="D278">
        <f t="shared" si="12"/>
        <v>1.3813239999999993</v>
      </c>
      <c r="E278">
        <f t="shared" si="13"/>
        <v>13.797200999999973</v>
      </c>
      <c r="F278">
        <f t="shared" si="14"/>
        <v>1.7708938494311047E-2</v>
      </c>
    </row>
    <row r="279" spans="1:6" x14ac:dyDescent="0.2">
      <c r="A279">
        <v>564.63469499999997</v>
      </c>
      <c r="B279">
        <v>19.955842000000001</v>
      </c>
      <c r="C279">
        <v>11.075955</v>
      </c>
      <c r="D279">
        <f t="shared" si="12"/>
        <v>1.3863289999999999</v>
      </c>
      <c r="E279">
        <f t="shared" si="13"/>
        <v>14.400986999999986</v>
      </c>
      <c r="F279">
        <f t="shared" si="14"/>
        <v>1.8397482121520693E-2</v>
      </c>
    </row>
    <row r="280" spans="1:6" x14ac:dyDescent="0.2">
      <c r="A280">
        <v>564.65202499999998</v>
      </c>
      <c r="B280">
        <v>19.998238000000001</v>
      </c>
      <c r="C280">
        <v>11.080959999999999</v>
      </c>
      <c r="D280">
        <f t="shared" si="12"/>
        <v>1.3913339999999987</v>
      </c>
      <c r="E280">
        <f t="shared" si="13"/>
        <v>14.418317000000002</v>
      </c>
      <c r="F280">
        <f t="shared" si="14"/>
        <v>1.8352797873160388E-2</v>
      </c>
    </row>
    <row r="281" spans="1:6" x14ac:dyDescent="0.2">
      <c r="A281">
        <v>564.46668</v>
      </c>
      <c r="B281">
        <v>20.008400999999999</v>
      </c>
      <c r="C281">
        <v>11.085965</v>
      </c>
      <c r="D281">
        <f t="shared" si="12"/>
        <v>1.3963389999999993</v>
      </c>
      <c r="E281">
        <f t="shared" si="13"/>
        <v>14.232972000000018</v>
      </c>
      <c r="F281">
        <f t="shared" si="14"/>
        <v>1.8057865580841839E-2</v>
      </c>
    </row>
    <row r="282" spans="1:6" x14ac:dyDescent="0.2">
      <c r="A282">
        <v>564.35626300000001</v>
      </c>
      <c r="B282">
        <v>19.995729999999998</v>
      </c>
      <c r="C282">
        <v>11.09097</v>
      </c>
      <c r="D282">
        <f t="shared" si="12"/>
        <v>1.4013439999999999</v>
      </c>
      <c r="E282">
        <f t="shared" si="13"/>
        <v>14.122555000000034</v>
      </c>
      <c r="F282">
        <f t="shared" si="14"/>
        <v>1.7857274201562249E-2</v>
      </c>
    </row>
    <row r="283" spans="1:6" x14ac:dyDescent="0.2">
      <c r="A283">
        <v>564.33455800000002</v>
      </c>
      <c r="B283">
        <v>19.998760999999998</v>
      </c>
      <c r="C283">
        <v>11.095974</v>
      </c>
      <c r="D283">
        <f t="shared" si="12"/>
        <v>1.4063479999999995</v>
      </c>
      <c r="E283">
        <f t="shared" si="13"/>
        <v>14.100850000000037</v>
      </c>
      <c r="F283">
        <f t="shared" si="14"/>
        <v>1.7767071373331139E-2</v>
      </c>
    </row>
    <row r="284" spans="1:6" x14ac:dyDescent="0.2">
      <c r="A284">
        <v>564.13893800000005</v>
      </c>
      <c r="B284">
        <v>20.063175000000001</v>
      </c>
      <c r="C284">
        <v>11.100979000000001</v>
      </c>
      <c r="D284">
        <f t="shared" si="12"/>
        <v>1.4113530000000001</v>
      </c>
      <c r="E284">
        <f t="shared" si="13"/>
        <v>13.905230000000074</v>
      </c>
      <c r="F284">
        <f t="shared" si="14"/>
        <v>1.746451177610675E-2</v>
      </c>
    </row>
    <row r="285" spans="1:6" x14ac:dyDescent="0.2">
      <c r="A285">
        <v>563.89666</v>
      </c>
      <c r="B285">
        <v>20.006623999999999</v>
      </c>
      <c r="C285">
        <v>11.105983999999999</v>
      </c>
      <c r="D285">
        <f t="shared" si="12"/>
        <v>1.4163579999999989</v>
      </c>
      <c r="E285">
        <f t="shared" si="13"/>
        <v>13.662952000000018</v>
      </c>
      <c r="F285">
        <f t="shared" si="14"/>
        <v>1.7106926145638215E-2</v>
      </c>
    </row>
    <row r="286" spans="1:6" x14ac:dyDescent="0.2">
      <c r="A286">
        <v>563.59857899999997</v>
      </c>
      <c r="B286">
        <v>20.021535</v>
      </c>
      <c r="C286">
        <v>11.110989</v>
      </c>
      <c r="D286">
        <f t="shared" si="12"/>
        <v>1.4213629999999995</v>
      </c>
      <c r="E286">
        <f t="shared" si="13"/>
        <v>13.364870999999994</v>
      </c>
      <c r="F286">
        <f t="shared" si="14"/>
        <v>1.6683604109859172E-2</v>
      </c>
    </row>
    <row r="287" spans="1:6" x14ac:dyDescent="0.2">
      <c r="A287">
        <v>563.39910199999997</v>
      </c>
      <c r="B287">
        <v>20.014116999999999</v>
      </c>
      <c r="C287">
        <v>11.115994000000001</v>
      </c>
      <c r="D287">
        <f t="shared" si="12"/>
        <v>1.4263680000000001</v>
      </c>
      <c r="E287">
        <f t="shared" si="13"/>
        <v>13.165393999999992</v>
      </c>
      <c r="F287">
        <f t="shared" si="14"/>
        <v>1.6382724321012839E-2</v>
      </c>
    </row>
    <row r="288" spans="1:6" x14ac:dyDescent="0.2">
      <c r="A288">
        <v>563.11198000000002</v>
      </c>
      <c r="B288">
        <v>20.036546999999999</v>
      </c>
      <c r="C288">
        <v>11.120998</v>
      </c>
      <c r="D288">
        <f t="shared" si="12"/>
        <v>1.4313719999999996</v>
      </c>
      <c r="E288">
        <f t="shared" si="13"/>
        <v>12.878272000000038</v>
      </c>
      <c r="F288">
        <f t="shared" si="14"/>
        <v>1.5977554557566748E-2</v>
      </c>
    </row>
    <row r="289" spans="1:6" x14ac:dyDescent="0.2">
      <c r="A289">
        <v>562.866669</v>
      </c>
      <c r="B289">
        <v>20.051452000000001</v>
      </c>
      <c r="C289">
        <v>11.126003000000001</v>
      </c>
      <c r="D289">
        <f t="shared" si="12"/>
        <v>1.4363770000000002</v>
      </c>
      <c r="E289">
        <f t="shared" si="13"/>
        <v>12.632961000000023</v>
      </c>
      <c r="F289">
        <f t="shared" si="14"/>
        <v>1.5625401338726721E-2</v>
      </c>
    </row>
    <row r="290" spans="1:6" x14ac:dyDescent="0.2">
      <c r="A290">
        <v>562.09812099999999</v>
      </c>
      <c r="B290">
        <v>20.078782</v>
      </c>
      <c r="C290">
        <v>11.131008</v>
      </c>
      <c r="D290">
        <f t="shared" si="12"/>
        <v>1.4413819999999991</v>
      </c>
      <c r="E290">
        <f t="shared" si="13"/>
        <v>11.864413000000013</v>
      </c>
      <c r="F290">
        <f t="shared" si="14"/>
        <v>1.4643841792867778E-2</v>
      </c>
    </row>
    <row r="291" spans="1:6" x14ac:dyDescent="0.2">
      <c r="A291">
        <v>561.61532999999997</v>
      </c>
      <c r="B291">
        <v>20.042925</v>
      </c>
      <c r="C291">
        <v>11.136013</v>
      </c>
      <c r="D291">
        <f t="shared" si="12"/>
        <v>1.4463869999999996</v>
      </c>
      <c r="E291">
        <f t="shared" si="13"/>
        <v>11.381621999999993</v>
      </c>
      <c r="F291">
        <f t="shared" si="14"/>
        <v>1.4011372988422845E-2</v>
      </c>
    </row>
    <row r="292" spans="1:6" x14ac:dyDescent="0.2">
      <c r="A292">
        <v>561.29409599999997</v>
      </c>
      <c r="B292">
        <v>20.026008000000001</v>
      </c>
      <c r="C292">
        <v>11.141018000000001</v>
      </c>
      <c r="D292">
        <f t="shared" si="12"/>
        <v>1.4513920000000002</v>
      </c>
      <c r="E292">
        <f t="shared" si="13"/>
        <v>11.060387999999989</v>
      </c>
      <c r="F292">
        <f t="shared" si="14"/>
        <v>1.3576729438019871E-2</v>
      </c>
    </row>
    <row r="293" spans="1:6" x14ac:dyDescent="0.2">
      <c r="A293">
        <v>560.61148400000002</v>
      </c>
      <c r="B293">
        <v>20.057102</v>
      </c>
      <c r="C293">
        <v>11.146022</v>
      </c>
      <c r="D293">
        <f t="shared" si="12"/>
        <v>1.4563959999999998</v>
      </c>
      <c r="E293">
        <f t="shared" si="13"/>
        <v>10.37777600000004</v>
      </c>
      <c r="F293">
        <f t="shared" si="14"/>
        <v>1.2710505560989441E-2</v>
      </c>
    </row>
    <row r="294" spans="1:6" x14ac:dyDescent="0.2">
      <c r="A294">
        <v>560.12340600000005</v>
      </c>
      <c r="B294">
        <v>20.049313000000001</v>
      </c>
      <c r="C294">
        <v>11.151026999999999</v>
      </c>
      <c r="D294">
        <f t="shared" si="12"/>
        <v>1.4614009999999986</v>
      </c>
      <c r="E294">
        <f t="shared" si="13"/>
        <v>9.8896980000000667</v>
      </c>
      <c r="F294">
        <f t="shared" si="14"/>
        <v>1.2081751772787176E-2</v>
      </c>
    </row>
    <row r="295" spans="1:6" x14ac:dyDescent="0.2">
      <c r="A295">
        <v>560.07861500000001</v>
      </c>
      <c r="B295">
        <v>20.012986999999999</v>
      </c>
      <c r="C295">
        <v>11.156032</v>
      </c>
      <c r="D295">
        <f t="shared" si="12"/>
        <v>1.4664059999999992</v>
      </c>
      <c r="E295">
        <f t="shared" si="13"/>
        <v>9.8449070000000347</v>
      </c>
      <c r="F295">
        <f t="shared" si="14"/>
        <v>1.1986941843907195E-2</v>
      </c>
    </row>
    <row r="296" spans="1:6" x14ac:dyDescent="0.2">
      <c r="A296">
        <v>560.20542599999999</v>
      </c>
      <c r="B296">
        <v>19.974174000000001</v>
      </c>
      <c r="C296">
        <v>11.161037</v>
      </c>
      <c r="D296">
        <f t="shared" si="12"/>
        <v>1.4714109999999998</v>
      </c>
      <c r="E296">
        <f t="shared" si="13"/>
        <v>9.9717180000000099</v>
      </c>
      <c r="F296">
        <f t="shared" si="14"/>
        <v>1.2097306349724455E-2</v>
      </c>
    </row>
    <row r="297" spans="1:6" x14ac:dyDescent="0.2">
      <c r="A297">
        <v>560.51537599999995</v>
      </c>
      <c r="B297">
        <v>19.964755</v>
      </c>
      <c r="C297">
        <v>11.166041999999999</v>
      </c>
      <c r="D297">
        <f t="shared" si="12"/>
        <v>1.4764159999999986</v>
      </c>
      <c r="E297">
        <f t="shared" si="13"/>
        <v>10.281667999999968</v>
      </c>
      <c r="F297">
        <f t="shared" si="14"/>
        <v>1.2424167634908393E-2</v>
      </c>
    </row>
    <row r="298" spans="1:6" x14ac:dyDescent="0.2">
      <c r="A298">
        <v>560.72633299999995</v>
      </c>
      <c r="B298">
        <v>19.956638000000002</v>
      </c>
      <c r="C298">
        <v>11.171046</v>
      </c>
      <c r="D298">
        <f t="shared" si="12"/>
        <v>1.48142</v>
      </c>
      <c r="E298">
        <f t="shared" si="13"/>
        <v>10.492624999999975</v>
      </c>
      <c r="F298">
        <f t="shared" si="14"/>
        <v>1.2631502026954343E-2</v>
      </c>
    </row>
    <row r="299" spans="1:6" x14ac:dyDescent="0.2">
      <c r="A299">
        <v>561.30308500000001</v>
      </c>
      <c r="B299">
        <v>19.924866000000002</v>
      </c>
      <c r="C299">
        <v>11.176050999999999</v>
      </c>
      <c r="D299">
        <f t="shared" si="12"/>
        <v>1.4864249999999988</v>
      </c>
      <c r="E299">
        <f t="shared" si="13"/>
        <v>11.069377000000031</v>
      </c>
      <c r="F299">
        <f t="shared" si="14"/>
        <v>1.3267306083247155E-2</v>
      </c>
    </row>
    <row r="300" spans="1:6" x14ac:dyDescent="0.2">
      <c r="A300">
        <v>562.25519899999995</v>
      </c>
      <c r="B300">
        <v>19.922243000000002</v>
      </c>
      <c r="C300">
        <v>11.181056</v>
      </c>
      <c r="D300">
        <f t="shared" si="12"/>
        <v>1.4914299999999994</v>
      </c>
      <c r="E300">
        <f t="shared" si="13"/>
        <v>12.021490999999969</v>
      </c>
      <c r="F300">
        <f t="shared" si="14"/>
        <v>1.4335801571048221E-2</v>
      </c>
    </row>
    <row r="301" spans="1:6" x14ac:dyDescent="0.2">
      <c r="A301">
        <v>562.72501199999999</v>
      </c>
      <c r="B301">
        <v>19.959363</v>
      </c>
      <c r="C301">
        <v>11.186061</v>
      </c>
      <c r="D301">
        <f t="shared" si="12"/>
        <v>1.496435</v>
      </c>
      <c r="E301">
        <f t="shared" si="13"/>
        <v>12.491304000000014</v>
      </c>
      <c r="F301">
        <f t="shared" si="14"/>
        <v>1.4833843795350882E-2</v>
      </c>
    </row>
    <row r="302" spans="1:6" x14ac:dyDescent="0.2">
      <c r="A302">
        <v>562.89459599999998</v>
      </c>
      <c r="B302">
        <v>19.941213999999999</v>
      </c>
      <c r="C302">
        <v>11.191065999999999</v>
      </c>
      <c r="D302">
        <f t="shared" si="12"/>
        <v>1.5014399999999988</v>
      </c>
      <c r="E302">
        <f t="shared" si="13"/>
        <v>12.660888</v>
      </c>
      <c r="F302">
        <f t="shared" si="14"/>
        <v>1.4980596479325698E-2</v>
      </c>
    </row>
    <row r="303" spans="1:6" x14ac:dyDescent="0.2">
      <c r="A303">
        <v>563.59730000000002</v>
      </c>
      <c r="B303">
        <v>19.934581000000001</v>
      </c>
      <c r="C303">
        <v>11.196070000000001</v>
      </c>
      <c r="D303">
        <f t="shared" si="12"/>
        <v>1.5064440000000001</v>
      </c>
      <c r="E303">
        <f t="shared" si="13"/>
        <v>13.36359200000004</v>
      </c>
      <c r="F303">
        <f t="shared" si="14"/>
        <v>1.5739876193026376E-2</v>
      </c>
    </row>
    <row r="304" spans="1:6" x14ac:dyDescent="0.2">
      <c r="A304">
        <v>564.09127000000001</v>
      </c>
      <c r="B304">
        <v>19.957077999999999</v>
      </c>
      <c r="C304">
        <v>11.201074999999999</v>
      </c>
      <c r="D304">
        <f t="shared" si="12"/>
        <v>1.5114489999999989</v>
      </c>
      <c r="E304">
        <f t="shared" si="13"/>
        <v>13.85756200000003</v>
      </c>
      <c r="F304">
        <f t="shared" si="14"/>
        <v>1.6253389918634807E-2</v>
      </c>
    </row>
    <row r="305" spans="1:6" x14ac:dyDescent="0.2">
      <c r="A305">
        <v>564.01482799999997</v>
      </c>
      <c r="B305">
        <v>20.038368999999999</v>
      </c>
      <c r="C305">
        <v>11.20608</v>
      </c>
      <c r="D305">
        <f t="shared" si="12"/>
        <v>1.5164539999999995</v>
      </c>
      <c r="E305">
        <f t="shared" si="13"/>
        <v>13.781119999999987</v>
      </c>
      <c r="F305">
        <f t="shared" si="14"/>
        <v>1.6112567569480766E-2</v>
      </c>
    </row>
    <row r="306" spans="1:6" x14ac:dyDescent="0.2">
      <c r="A306">
        <v>563.86094300000002</v>
      </c>
      <c r="B306">
        <v>20.007079000000001</v>
      </c>
      <c r="C306">
        <v>11.211085000000001</v>
      </c>
      <c r="D306">
        <f t="shared" si="12"/>
        <v>1.5214590000000001</v>
      </c>
      <c r="E306">
        <f t="shared" si="13"/>
        <v>13.627235000000042</v>
      </c>
      <c r="F306">
        <f t="shared" si="14"/>
        <v>1.5884570571043383E-2</v>
      </c>
    </row>
    <row r="307" spans="1:6" x14ac:dyDescent="0.2">
      <c r="A307">
        <v>564.01119600000004</v>
      </c>
      <c r="B307">
        <v>19.963865999999999</v>
      </c>
      <c r="C307">
        <v>11.216089999999999</v>
      </c>
      <c r="D307">
        <f t="shared" si="12"/>
        <v>1.5264639999999989</v>
      </c>
      <c r="E307">
        <f t="shared" si="13"/>
        <v>13.777488000000062</v>
      </c>
      <c r="F307">
        <f t="shared" si="14"/>
        <v>1.6002791613314193E-2</v>
      </c>
    </row>
    <row r="308" spans="1:6" x14ac:dyDescent="0.2">
      <c r="A308">
        <v>564.24190199999998</v>
      </c>
      <c r="B308">
        <v>19.990857999999999</v>
      </c>
      <c r="C308">
        <v>11.221094000000001</v>
      </c>
      <c r="D308">
        <f t="shared" si="12"/>
        <v>1.5314680000000003</v>
      </c>
      <c r="E308">
        <f t="shared" si="13"/>
        <v>14.008194000000003</v>
      </c>
      <c r="F308">
        <f t="shared" si="14"/>
        <v>1.6210965675100882E-2</v>
      </c>
    </row>
    <row r="309" spans="1:6" x14ac:dyDescent="0.2">
      <c r="A309">
        <v>564.16733099999999</v>
      </c>
      <c r="B309">
        <v>20.013286000000001</v>
      </c>
      <c r="C309">
        <v>11.226099</v>
      </c>
      <c r="D309">
        <f t="shared" si="12"/>
        <v>1.5364729999999991</v>
      </c>
      <c r="E309">
        <f t="shared" si="13"/>
        <v>13.933623000000011</v>
      </c>
      <c r="F309">
        <f t="shared" si="14"/>
        <v>1.6074267403131476E-2</v>
      </c>
    </row>
    <row r="310" spans="1:6" x14ac:dyDescent="0.2">
      <c r="A310">
        <v>564.07554400000004</v>
      </c>
      <c r="B310">
        <v>20.010954999999999</v>
      </c>
      <c r="C310">
        <v>11.231104</v>
      </c>
      <c r="D310">
        <f t="shared" si="12"/>
        <v>1.5414779999999997</v>
      </c>
      <c r="E310">
        <f t="shared" si="13"/>
        <v>13.841836000000058</v>
      </c>
      <c r="F310">
        <f t="shared" si="14"/>
        <v>1.5919121506049443E-2</v>
      </c>
    </row>
    <row r="311" spans="1:6" x14ac:dyDescent="0.2">
      <c r="A311">
        <v>564.50208799999996</v>
      </c>
      <c r="B311">
        <v>19.910727000000001</v>
      </c>
      <c r="C311">
        <v>11.236109000000001</v>
      </c>
      <c r="D311">
        <f t="shared" si="12"/>
        <v>1.5464830000000003</v>
      </c>
      <c r="E311">
        <f t="shared" si="13"/>
        <v>14.268379999999979</v>
      </c>
      <c r="F311">
        <f t="shared" si="14"/>
        <v>1.6344211144329077E-2</v>
      </c>
    </row>
    <row r="312" spans="1:6" x14ac:dyDescent="0.2">
      <c r="A312">
        <v>564.58634099999995</v>
      </c>
      <c r="B312">
        <v>20.001137</v>
      </c>
      <c r="C312">
        <v>11.241114</v>
      </c>
      <c r="D312">
        <f t="shared" si="12"/>
        <v>1.5514879999999991</v>
      </c>
      <c r="E312">
        <f t="shared" si="13"/>
        <v>14.352632999999969</v>
      </c>
      <c r="F312">
        <f t="shared" si="14"/>
        <v>1.6385239434481579E-2</v>
      </c>
    </row>
    <row r="313" spans="1:6" x14ac:dyDescent="0.2">
      <c r="A313">
        <v>564.60800500000005</v>
      </c>
      <c r="B313">
        <v>20.022718000000001</v>
      </c>
      <c r="C313">
        <v>11.246117999999999</v>
      </c>
      <c r="D313">
        <f t="shared" si="12"/>
        <v>1.5564919999999987</v>
      </c>
      <c r="E313">
        <f t="shared" si="13"/>
        <v>14.37429700000007</v>
      </c>
      <c r="F313">
        <f t="shared" si="14"/>
        <v>1.6356587069437198E-2</v>
      </c>
    </row>
    <row r="314" spans="1:6" x14ac:dyDescent="0.2">
      <c r="A314">
        <v>564.10053300000004</v>
      </c>
      <c r="B314">
        <v>20.073713000000001</v>
      </c>
      <c r="C314">
        <v>11.251123</v>
      </c>
      <c r="D314">
        <f t="shared" si="12"/>
        <v>1.5614969999999992</v>
      </c>
      <c r="E314">
        <f t="shared" si="13"/>
        <v>13.866825000000063</v>
      </c>
      <c r="F314">
        <f t="shared" si="14"/>
        <v>1.5742705476883317E-2</v>
      </c>
    </row>
    <row r="315" spans="1:6" x14ac:dyDescent="0.2">
      <c r="A315">
        <v>563.50042199999996</v>
      </c>
      <c r="B315">
        <v>20.065106</v>
      </c>
      <c r="C315">
        <v>11.256128</v>
      </c>
      <c r="D315">
        <f t="shared" si="12"/>
        <v>1.5665019999999998</v>
      </c>
      <c r="E315">
        <f t="shared" si="13"/>
        <v>13.266713999999979</v>
      </c>
      <c r="F315">
        <f t="shared" si="14"/>
        <v>1.5029279721960614E-2</v>
      </c>
    </row>
    <row r="316" spans="1:6" x14ac:dyDescent="0.2">
      <c r="A316">
        <v>563.29490299999998</v>
      </c>
      <c r="B316">
        <v>19.993698999999999</v>
      </c>
      <c r="C316">
        <v>11.261132999999999</v>
      </c>
      <c r="D316">
        <f t="shared" si="12"/>
        <v>1.5715069999999987</v>
      </c>
      <c r="E316">
        <f t="shared" si="13"/>
        <v>13.061194999999998</v>
      </c>
      <c r="F316">
        <f t="shared" si="14"/>
        <v>1.4754713195560817E-2</v>
      </c>
    </row>
    <row r="317" spans="1:6" x14ac:dyDescent="0.2">
      <c r="A317">
        <v>562.98604599999999</v>
      </c>
      <c r="B317">
        <v>20.046624000000001</v>
      </c>
      <c r="C317">
        <v>11.266138</v>
      </c>
      <c r="D317">
        <f t="shared" si="12"/>
        <v>1.5765119999999992</v>
      </c>
      <c r="E317">
        <f t="shared" si="13"/>
        <v>12.752338000000009</v>
      </c>
      <c r="F317">
        <f t="shared" si="14"/>
        <v>1.4367953163846899E-2</v>
      </c>
    </row>
    <row r="318" spans="1:6" x14ac:dyDescent="0.2">
      <c r="A318">
        <v>562.68328399999996</v>
      </c>
      <c r="B318">
        <v>20.043998999999999</v>
      </c>
      <c r="C318">
        <v>11.271141999999999</v>
      </c>
      <c r="D318">
        <f t="shared" si="12"/>
        <v>1.5815159999999988</v>
      </c>
      <c r="E318">
        <f t="shared" si="13"/>
        <v>12.449575999999979</v>
      </c>
      <c r="F318">
        <f t="shared" si="14"/>
        <v>1.3989975608367306E-2</v>
      </c>
    </row>
    <row r="319" spans="1:6" x14ac:dyDescent="0.2">
      <c r="A319">
        <v>561.92639199999996</v>
      </c>
      <c r="B319">
        <v>20.075572000000001</v>
      </c>
      <c r="C319">
        <v>11.276147</v>
      </c>
      <c r="D319">
        <f t="shared" si="12"/>
        <v>1.5865209999999994</v>
      </c>
      <c r="E319">
        <f t="shared" si="13"/>
        <v>11.692683999999986</v>
      </c>
      <c r="F319">
        <f t="shared" si="14"/>
        <v>1.3115623998686481E-2</v>
      </c>
    </row>
    <row r="320" spans="1:6" x14ac:dyDescent="0.2">
      <c r="A320">
        <v>561.46178399999997</v>
      </c>
      <c r="B320">
        <v>20.032214</v>
      </c>
      <c r="C320">
        <v>11.281152000000001</v>
      </c>
      <c r="D320">
        <f t="shared" si="12"/>
        <v>1.591526</v>
      </c>
      <c r="E320">
        <f t="shared" si="13"/>
        <v>11.228075999999987</v>
      </c>
      <c r="F320">
        <f t="shared" si="14"/>
        <v>1.2565257830786922E-2</v>
      </c>
    </row>
    <row r="321" spans="1:6" x14ac:dyDescent="0.2">
      <c r="A321">
        <v>561.27452300000004</v>
      </c>
      <c r="B321">
        <v>20.001614</v>
      </c>
      <c r="C321">
        <v>11.286156999999999</v>
      </c>
      <c r="D321">
        <f t="shared" si="12"/>
        <v>1.5965309999999988</v>
      </c>
      <c r="E321">
        <f t="shared" si="13"/>
        <v>11.040815000000066</v>
      </c>
      <c r="F321">
        <f t="shared" si="14"/>
        <v>1.2321070646654733E-2</v>
      </c>
    </row>
    <row r="322" spans="1:6" x14ac:dyDescent="0.2">
      <c r="A322">
        <v>561.34526500000004</v>
      </c>
      <c r="B322">
        <v>19.983691</v>
      </c>
      <c r="C322">
        <v>11.291162</v>
      </c>
      <c r="D322">
        <f t="shared" si="12"/>
        <v>1.6015359999999994</v>
      </c>
      <c r="E322">
        <f t="shared" si="13"/>
        <v>11.111557000000062</v>
      </c>
      <c r="F322">
        <f t="shared" si="14"/>
        <v>1.2359706258355131E-2</v>
      </c>
    </row>
    <row r="323" spans="1:6" x14ac:dyDescent="0.2">
      <c r="A323">
        <v>561.59074799999996</v>
      </c>
      <c r="B323">
        <v>19.987228999999999</v>
      </c>
      <c r="C323">
        <v>11.296165999999999</v>
      </c>
      <c r="D323">
        <f t="shared" ref="D323:D373" si="15">C323-$C$2</f>
        <v>1.606539999999999</v>
      </c>
      <c r="E323">
        <f t="shared" ref="E323:E373" si="16">A323-$A$2</f>
        <v>11.357039999999984</v>
      </c>
      <c r="F323">
        <f t="shared" ref="F323:F373" si="17">(1/A323)*(E323/D323)</f>
        <v>1.2587911121619531E-2</v>
      </c>
    </row>
    <row r="324" spans="1:6" x14ac:dyDescent="0.2">
      <c r="A324">
        <v>561.58245599999998</v>
      </c>
      <c r="B324">
        <v>20.000032999999998</v>
      </c>
      <c r="C324">
        <v>11.301171</v>
      </c>
      <c r="D324">
        <f t="shared" si="15"/>
        <v>1.6115449999999996</v>
      </c>
      <c r="E324">
        <f t="shared" si="16"/>
        <v>11.348748000000001</v>
      </c>
      <c r="F324">
        <f t="shared" si="17"/>
        <v>1.2539839666657795E-2</v>
      </c>
    </row>
    <row r="325" spans="1:6" x14ac:dyDescent="0.2">
      <c r="A325">
        <v>562.01215500000001</v>
      </c>
      <c r="B325">
        <v>19.937301000000001</v>
      </c>
      <c r="C325">
        <v>11.306176000000001</v>
      </c>
      <c r="D325">
        <f t="shared" si="15"/>
        <v>1.6165500000000002</v>
      </c>
      <c r="E325">
        <f t="shared" si="16"/>
        <v>11.778447000000028</v>
      </c>
      <c r="F325">
        <f t="shared" si="17"/>
        <v>1.2964422673694661E-2</v>
      </c>
    </row>
    <row r="326" spans="1:6" x14ac:dyDescent="0.2">
      <c r="A326">
        <v>562.52330500000005</v>
      </c>
      <c r="B326">
        <v>19.939710000000002</v>
      </c>
      <c r="C326">
        <v>11.311180999999999</v>
      </c>
      <c r="D326">
        <f t="shared" si="15"/>
        <v>1.621554999999999</v>
      </c>
      <c r="E326">
        <f t="shared" si="16"/>
        <v>12.289597000000072</v>
      </c>
      <c r="F326">
        <f t="shared" si="17"/>
        <v>1.3473035011384816E-2</v>
      </c>
    </row>
    <row r="327" spans="1:6" x14ac:dyDescent="0.2">
      <c r="A327">
        <v>562.82932000000005</v>
      </c>
      <c r="B327">
        <v>19.988099999999999</v>
      </c>
      <c r="C327">
        <v>11.316186</v>
      </c>
      <c r="D327">
        <f t="shared" si="15"/>
        <v>1.6265599999999996</v>
      </c>
      <c r="E327">
        <f t="shared" si="16"/>
        <v>12.595612000000074</v>
      </c>
      <c r="F327">
        <f t="shared" si="17"/>
        <v>1.3758543856148886E-2</v>
      </c>
    </row>
    <row r="328" spans="1:6" x14ac:dyDescent="0.2">
      <c r="A328">
        <v>563.29200800000001</v>
      </c>
      <c r="B328">
        <v>19.941658</v>
      </c>
      <c r="C328">
        <v>11.32119</v>
      </c>
      <c r="D328">
        <f t="shared" si="15"/>
        <v>1.6315639999999991</v>
      </c>
      <c r="E328">
        <f t="shared" si="16"/>
        <v>13.058300000000031</v>
      </c>
      <c r="F328">
        <f t="shared" si="17"/>
        <v>1.4208523115369354E-2</v>
      </c>
    </row>
    <row r="329" spans="1:6" x14ac:dyDescent="0.2">
      <c r="A329">
        <v>563.76872100000003</v>
      </c>
      <c r="B329">
        <v>19.935758</v>
      </c>
      <c r="C329">
        <v>11.326195</v>
      </c>
      <c r="D329">
        <f t="shared" si="15"/>
        <v>1.6365689999999997</v>
      </c>
      <c r="E329">
        <f t="shared" si="16"/>
        <v>13.535013000000049</v>
      </c>
      <c r="F329">
        <f t="shared" si="17"/>
        <v>1.4669772541870055E-2</v>
      </c>
    </row>
    <row r="330" spans="1:6" x14ac:dyDescent="0.2">
      <c r="A330">
        <v>564.34219099999996</v>
      </c>
      <c r="B330">
        <v>19.937031000000001</v>
      </c>
      <c r="C330">
        <v>11.331200000000001</v>
      </c>
      <c r="D330">
        <f t="shared" si="15"/>
        <v>1.6415740000000003</v>
      </c>
      <c r="E330">
        <f t="shared" si="16"/>
        <v>14.108482999999978</v>
      </c>
      <c r="F330">
        <f t="shared" si="17"/>
        <v>1.522920856234725E-2</v>
      </c>
    </row>
    <row r="331" spans="1:6" x14ac:dyDescent="0.2">
      <c r="A331">
        <v>564.86156000000005</v>
      </c>
      <c r="B331">
        <v>19.959595</v>
      </c>
      <c r="C331">
        <v>11.336205</v>
      </c>
      <c r="D331">
        <f t="shared" si="15"/>
        <v>1.6465789999999991</v>
      </c>
      <c r="E331">
        <f t="shared" si="16"/>
        <v>14.627852000000075</v>
      </c>
      <c r="F331">
        <f t="shared" si="17"/>
        <v>1.5727364938336319E-2</v>
      </c>
    </row>
    <row r="332" spans="1:6" x14ac:dyDescent="0.2">
      <c r="A332">
        <v>565.23868800000002</v>
      </c>
      <c r="B332">
        <v>19.975318000000001</v>
      </c>
      <c r="C332">
        <v>11.34121</v>
      </c>
      <c r="D332">
        <f t="shared" si="15"/>
        <v>1.6515839999999997</v>
      </c>
      <c r="E332">
        <f t="shared" si="16"/>
        <v>15.004980000000046</v>
      </c>
      <c r="F332">
        <f t="shared" si="17"/>
        <v>1.6073219452860329E-2</v>
      </c>
    </row>
    <row r="333" spans="1:6" x14ac:dyDescent="0.2">
      <c r="A333">
        <v>565.49658899999997</v>
      </c>
      <c r="B333">
        <v>19.954125000000001</v>
      </c>
      <c r="C333">
        <v>11.346214</v>
      </c>
      <c r="D333">
        <f t="shared" si="15"/>
        <v>1.6565879999999993</v>
      </c>
      <c r="E333">
        <f t="shared" si="16"/>
        <v>15.262880999999993</v>
      </c>
      <c r="F333">
        <f t="shared" si="17"/>
        <v>1.6292660855289048E-2</v>
      </c>
    </row>
    <row r="334" spans="1:6" x14ac:dyDescent="0.2">
      <c r="A334">
        <v>565.73074199999996</v>
      </c>
      <c r="B334">
        <v>19.980727999999999</v>
      </c>
      <c r="C334">
        <v>11.351219</v>
      </c>
      <c r="D334">
        <f t="shared" si="15"/>
        <v>1.6615929999999999</v>
      </c>
      <c r="E334">
        <f t="shared" si="16"/>
        <v>15.497033999999985</v>
      </c>
      <c r="F334">
        <f t="shared" si="17"/>
        <v>1.6485956624383704E-2</v>
      </c>
    </row>
    <row r="335" spans="1:6" x14ac:dyDescent="0.2">
      <c r="A335">
        <v>565.72449099999994</v>
      </c>
      <c r="B335">
        <v>20.004401000000001</v>
      </c>
      <c r="C335">
        <v>11.356223999999999</v>
      </c>
      <c r="D335">
        <f t="shared" si="15"/>
        <v>1.6665979999999987</v>
      </c>
      <c r="E335">
        <f t="shared" si="16"/>
        <v>15.490782999999965</v>
      </c>
      <c r="F335">
        <f t="shared" si="17"/>
        <v>1.6429998870127051E-2</v>
      </c>
    </row>
    <row r="336" spans="1:6" x14ac:dyDescent="0.2">
      <c r="A336">
        <v>565.63146800000004</v>
      </c>
      <c r="B336">
        <v>20.023896000000001</v>
      </c>
      <c r="C336">
        <v>11.361229</v>
      </c>
      <c r="D336">
        <f t="shared" si="15"/>
        <v>1.6716029999999993</v>
      </c>
      <c r="E336">
        <f t="shared" si="16"/>
        <v>15.397760000000062</v>
      </c>
      <c r="F336">
        <f t="shared" si="17"/>
        <v>1.6285115440603033E-2</v>
      </c>
    </row>
    <row r="337" spans="1:6" x14ac:dyDescent="0.2">
      <c r="A337">
        <v>565.45526900000004</v>
      </c>
      <c r="B337">
        <v>20.018426000000002</v>
      </c>
      <c r="C337">
        <v>11.366234</v>
      </c>
      <c r="D337">
        <f t="shared" si="15"/>
        <v>1.6766079999999999</v>
      </c>
      <c r="E337">
        <f t="shared" si="16"/>
        <v>15.221561000000065</v>
      </c>
      <c r="F337">
        <f t="shared" si="17"/>
        <v>1.6055705853444263E-2</v>
      </c>
    </row>
    <row r="338" spans="1:6" x14ac:dyDescent="0.2">
      <c r="A338">
        <v>565.04358500000001</v>
      </c>
      <c r="B338">
        <v>20.050474000000001</v>
      </c>
      <c r="C338">
        <v>11.371238</v>
      </c>
      <c r="D338">
        <f t="shared" si="15"/>
        <v>1.6816119999999994</v>
      </c>
      <c r="E338">
        <f t="shared" si="16"/>
        <v>14.809877000000029</v>
      </c>
      <c r="F338">
        <f t="shared" si="17"/>
        <v>1.5586324186976905E-2</v>
      </c>
    </row>
    <row r="339" spans="1:6" x14ac:dyDescent="0.2">
      <c r="A339">
        <v>564.80597</v>
      </c>
      <c r="B339">
        <v>19.999500000000001</v>
      </c>
      <c r="C339">
        <v>11.376243000000001</v>
      </c>
      <c r="D339">
        <f t="shared" si="15"/>
        <v>1.686617</v>
      </c>
      <c r="E339">
        <f t="shared" si="16"/>
        <v>14.572262000000023</v>
      </c>
      <c r="F339">
        <f t="shared" si="17"/>
        <v>1.5297174434504287E-2</v>
      </c>
    </row>
    <row r="340" spans="1:6" x14ac:dyDescent="0.2">
      <c r="A340">
        <v>564.95112500000005</v>
      </c>
      <c r="B340">
        <v>19.987013000000001</v>
      </c>
      <c r="C340">
        <v>11.381247999999999</v>
      </c>
      <c r="D340">
        <f t="shared" si="15"/>
        <v>1.6916219999999988</v>
      </c>
      <c r="E340">
        <f t="shared" si="16"/>
        <v>14.717417000000069</v>
      </c>
      <c r="F340">
        <f t="shared" si="17"/>
        <v>1.5399881989820542E-2</v>
      </c>
    </row>
    <row r="341" spans="1:6" x14ac:dyDescent="0.2">
      <c r="A341">
        <v>564.909041</v>
      </c>
      <c r="B341">
        <v>20.009626000000001</v>
      </c>
      <c r="C341">
        <v>11.386253</v>
      </c>
      <c r="D341">
        <f t="shared" si="15"/>
        <v>1.6966269999999994</v>
      </c>
      <c r="E341">
        <f t="shared" si="16"/>
        <v>14.675333000000023</v>
      </c>
      <c r="F341">
        <f t="shared" si="17"/>
        <v>1.5311687793475408E-2</v>
      </c>
    </row>
    <row r="342" spans="1:6" x14ac:dyDescent="0.2">
      <c r="A342">
        <v>564.31688799999995</v>
      </c>
      <c r="B342">
        <v>20.066606</v>
      </c>
      <c r="C342">
        <v>11.391258000000001</v>
      </c>
      <c r="D342">
        <f t="shared" si="15"/>
        <v>1.701632</v>
      </c>
      <c r="E342">
        <f t="shared" si="16"/>
        <v>14.08317999999997</v>
      </c>
      <c r="F342">
        <f t="shared" si="17"/>
        <v>1.466601209042958E-2</v>
      </c>
    </row>
    <row r="343" spans="1:6" x14ac:dyDescent="0.2">
      <c r="A343">
        <v>563.89999899999998</v>
      </c>
      <c r="B343">
        <v>20.054402</v>
      </c>
      <c r="C343">
        <v>11.396262</v>
      </c>
      <c r="D343">
        <f t="shared" si="15"/>
        <v>1.7066359999999996</v>
      </c>
      <c r="E343">
        <f t="shared" si="16"/>
        <v>13.666291000000001</v>
      </c>
      <c r="F343">
        <f t="shared" si="17"/>
        <v>1.4200631824834668E-2</v>
      </c>
    </row>
    <row r="344" spans="1:6" x14ac:dyDescent="0.2">
      <c r="A344">
        <v>563.36705500000005</v>
      </c>
      <c r="B344">
        <v>20.035951000000001</v>
      </c>
      <c r="C344">
        <v>11.401267000000001</v>
      </c>
      <c r="D344">
        <f t="shared" si="15"/>
        <v>1.7116410000000002</v>
      </c>
      <c r="E344">
        <f t="shared" si="16"/>
        <v>13.133347000000072</v>
      </c>
      <c r="F344">
        <f t="shared" si="17"/>
        <v>1.3619817610795289E-2</v>
      </c>
    </row>
    <row r="345" spans="1:6" x14ac:dyDescent="0.2">
      <c r="A345">
        <v>563.09676200000001</v>
      </c>
      <c r="B345">
        <v>20.021194999999999</v>
      </c>
      <c r="C345">
        <v>11.406272</v>
      </c>
      <c r="D345">
        <f t="shared" si="15"/>
        <v>1.716645999999999</v>
      </c>
      <c r="E345">
        <f t="shared" si="16"/>
        <v>12.863054000000034</v>
      </c>
      <c r="F345">
        <f t="shared" si="17"/>
        <v>1.3307004904461597E-2</v>
      </c>
    </row>
    <row r="346" spans="1:6" x14ac:dyDescent="0.2">
      <c r="A346">
        <v>563.15897800000005</v>
      </c>
      <c r="B346">
        <v>19.987389</v>
      </c>
      <c r="C346">
        <v>11.411277</v>
      </c>
      <c r="D346">
        <f t="shared" si="15"/>
        <v>1.7216509999999996</v>
      </c>
      <c r="E346">
        <f t="shared" si="16"/>
        <v>12.925270000000069</v>
      </c>
      <c r="F346">
        <f t="shared" si="17"/>
        <v>1.3331023459779028E-2</v>
      </c>
    </row>
    <row r="347" spans="1:6" x14ac:dyDescent="0.2">
      <c r="A347">
        <v>563.24653799999999</v>
      </c>
      <c r="B347">
        <v>19.995588000000001</v>
      </c>
      <c r="C347">
        <v>11.416282000000001</v>
      </c>
      <c r="D347">
        <f t="shared" si="15"/>
        <v>1.7266560000000002</v>
      </c>
      <c r="E347">
        <f t="shared" si="16"/>
        <v>13.012830000000008</v>
      </c>
      <c r="F347">
        <f t="shared" si="17"/>
        <v>1.3380347822063139E-2</v>
      </c>
    </row>
    <row r="348" spans="1:6" x14ac:dyDescent="0.2">
      <c r="A348">
        <v>563.559754</v>
      </c>
      <c r="B348">
        <v>19.959593000000002</v>
      </c>
      <c r="C348">
        <v>11.421286</v>
      </c>
      <c r="D348">
        <f t="shared" si="15"/>
        <v>1.7316599999999998</v>
      </c>
      <c r="E348">
        <f t="shared" si="16"/>
        <v>13.326046000000019</v>
      </c>
      <c r="F348">
        <f t="shared" si="17"/>
        <v>1.3655220330598119E-2</v>
      </c>
    </row>
    <row r="349" spans="1:6" x14ac:dyDescent="0.2">
      <c r="A349">
        <v>563.75256999999999</v>
      </c>
      <c r="B349">
        <v>19.981957999999999</v>
      </c>
      <c r="C349">
        <v>11.426291000000001</v>
      </c>
      <c r="D349">
        <f t="shared" si="15"/>
        <v>1.7366650000000003</v>
      </c>
      <c r="E349">
        <f t="shared" si="16"/>
        <v>13.518862000000013</v>
      </c>
      <c r="F349">
        <f t="shared" si="17"/>
        <v>1.3808151656126658E-2</v>
      </c>
    </row>
    <row r="350" spans="1:6" x14ac:dyDescent="0.2">
      <c r="A350">
        <v>564.06720700000005</v>
      </c>
      <c r="B350">
        <v>19.968340000000001</v>
      </c>
      <c r="C350">
        <v>11.431296</v>
      </c>
      <c r="D350">
        <f t="shared" si="15"/>
        <v>1.7416699999999992</v>
      </c>
      <c r="E350">
        <f t="shared" si="16"/>
        <v>13.833499000000074</v>
      </c>
      <c r="F350">
        <f t="shared" si="17"/>
        <v>1.4081059050831407E-2</v>
      </c>
    </row>
    <row r="351" spans="1:6" x14ac:dyDescent="0.2">
      <c r="A351">
        <v>564.31457899999998</v>
      </c>
      <c r="B351">
        <v>19.944901000000002</v>
      </c>
      <c r="C351">
        <v>11.436301</v>
      </c>
      <c r="D351">
        <f t="shared" si="15"/>
        <v>1.7466749999999998</v>
      </c>
      <c r="E351">
        <f t="shared" si="16"/>
        <v>14.080871000000002</v>
      </c>
      <c r="F351">
        <f t="shared" si="17"/>
        <v>1.4285523013076984E-2</v>
      </c>
    </row>
    <row r="352" spans="1:6" x14ac:dyDescent="0.2">
      <c r="A352">
        <v>564.64497800000004</v>
      </c>
      <c r="B352">
        <v>19.986212999999999</v>
      </c>
      <c r="C352">
        <v>11.441306000000001</v>
      </c>
      <c r="D352">
        <f t="shared" si="15"/>
        <v>1.7516800000000003</v>
      </c>
      <c r="E352">
        <f t="shared" si="16"/>
        <v>14.411270000000059</v>
      </c>
      <c r="F352">
        <f t="shared" si="17"/>
        <v>1.4570418086154911E-2</v>
      </c>
    </row>
    <row r="353" spans="1:6" x14ac:dyDescent="0.2">
      <c r="A353">
        <v>565.11211600000001</v>
      </c>
      <c r="B353">
        <v>19.951377999999998</v>
      </c>
      <c r="C353">
        <v>11.44631</v>
      </c>
      <c r="D353">
        <f t="shared" si="15"/>
        <v>1.7566839999999999</v>
      </c>
      <c r="E353">
        <f t="shared" si="16"/>
        <v>14.878408000000036</v>
      </c>
      <c r="F353">
        <f t="shared" si="17"/>
        <v>1.4987465606638358E-2</v>
      </c>
    </row>
    <row r="354" spans="1:6" x14ac:dyDescent="0.2">
      <c r="A354">
        <v>565.26666599999999</v>
      </c>
      <c r="B354">
        <v>20.020257999999998</v>
      </c>
      <c r="C354">
        <v>11.451314999999999</v>
      </c>
      <c r="D354">
        <f t="shared" si="15"/>
        <v>1.7616889999999987</v>
      </c>
      <c r="E354">
        <f t="shared" si="16"/>
        <v>15.032958000000008</v>
      </c>
      <c r="F354">
        <f t="shared" si="17"/>
        <v>1.5095997867224932E-2</v>
      </c>
    </row>
    <row r="355" spans="1:6" x14ac:dyDescent="0.2">
      <c r="A355">
        <v>564.95934599999998</v>
      </c>
      <c r="B355">
        <v>20.009844999999999</v>
      </c>
      <c r="C355">
        <v>11.45632</v>
      </c>
      <c r="D355">
        <f t="shared" si="15"/>
        <v>1.7666939999999993</v>
      </c>
      <c r="E355">
        <f t="shared" si="16"/>
        <v>14.725638000000004</v>
      </c>
      <c r="F355">
        <f t="shared" si="17"/>
        <v>1.4753517917228226E-2</v>
      </c>
    </row>
    <row r="356" spans="1:6" x14ac:dyDescent="0.2">
      <c r="A356">
        <v>564.67527700000005</v>
      </c>
      <c r="B356">
        <v>20.012167999999999</v>
      </c>
      <c r="C356">
        <v>11.461325</v>
      </c>
      <c r="D356">
        <f t="shared" si="15"/>
        <v>1.7716989999999999</v>
      </c>
      <c r="E356">
        <f t="shared" si="16"/>
        <v>14.441569000000072</v>
      </c>
      <c r="F356">
        <f t="shared" si="17"/>
        <v>1.4435295080292747E-2</v>
      </c>
    </row>
    <row r="357" spans="1:6" x14ac:dyDescent="0.2">
      <c r="A357">
        <v>565.12562200000002</v>
      </c>
      <c r="B357">
        <v>19.960709999999999</v>
      </c>
      <c r="C357">
        <v>11.466329999999999</v>
      </c>
      <c r="D357">
        <f t="shared" si="15"/>
        <v>1.7767039999999987</v>
      </c>
      <c r="E357">
        <f t="shared" si="16"/>
        <v>14.891914000000043</v>
      </c>
      <c r="F357">
        <f t="shared" si="17"/>
        <v>1.4831683229862867E-2</v>
      </c>
    </row>
    <row r="358" spans="1:6" x14ac:dyDescent="0.2">
      <c r="A358">
        <v>565.22986100000003</v>
      </c>
      <c r="B358">
        <v>20.011163</v>
      </c>
      <c r="C358">
        <v>11.471334000000001</v>
      </c>
      <c r="D358">
        <f t="shared" si="15"/>
        <v>1.7817080000000001</v>
      </c>
      <c r="E358">
        <f t="shared" si="16"/>
        <v>14.996153000000049</v>
      </c>
      <c r="F358">
        <f t="shared" si="17"/>
        <v>1.4890807015150029E-2</v>
      </c>
    </row>
    <row r="359" spans="1:6" x14ac:dyDescent="0.2">
      <c r="A359">
        <v>564.66495899999995</v>
      </c>
      <c r="B359">
        <v>20.056398999999999</v>
      </c>
      <c r="C359">
        <v>11.476338999999999</v>
      </c>
      <c r="D359">
        <f t="shared" si="15"/>
        <v>1.7867129999999989</v>
      </c>
      <c r="E359">
        <f t="shared" si="16"/>
        <v>14.431250999999975</v>
      </c>
      <c r="F359">
        <f t="shared" si="17"/>
        <v>1.430402778862652E-2</v>
      </c>
    </row>
    <row r="360" spans="1:6" x14ac:dyDescent="0.2">
      <c r="A360">
        <v>564.260403</v>
      </c>
      <c r="B360">
        <v>20.01369</v>
      </c>
      <c r="C360">
        <v>11.481344</v>
      </c>
      <c r="D360">
        <f t="shared" si="15"/>
        <v>1.7917179999999995</v>
      </c>
      <c r="E360">
        <f t="shared" si="16"/>
        <v>14.026695000000018</v>
      </c>
      <c r="F360">
        <f t="shared" si="17"/>
        <v>1.3874141588382604E-2</v>
      </c>
    </row>
    <row r="361" spans="1:6" x14ac:dyDescent="0.2">
      <c r="A361">
        <v>564.32567500000005</v>
      </c>
      <c r="B361">
        <v>19.978401999999999</v>
      </c>
      <c r="C361">
        <v>11.486349000000001</v>
      </c>
      <c r="D361">
        <f t="shared" si="15"/>
        <v>1.7967230000000001</v>
      </c>
      <c r="E361">
        <f t="shared" si="16"/>
        <v>14.091967000000068</v>
      </c>
      <c r="F361">
        <f t="shared" si="17"/>
        <v>1.3898267954670798E-2</v>
      </c>
    </row>
    <row r="362" spans="1:6" x14ac:dyDescent="0.2">
      <c r="A362">
        <v>564.56524999999999</v>
      </c>
      <c r="B362">
        <v>20.00189</v>
      </c>
      <c r="C362">
        <v>11.491353999999999</v>
      </c>
      <c r="D362">
        <f t="shared" si="15"/>
        <v>1.8017279999999989</v>
      </c>
      <c r="E362">
        <f t="shared" si="16"/>
        <v>14.331542000000013</v>
      </c>
      <c r="F362">
        <f t="shared" si="17"/>
        <v>1.4089304326511672E-2</v>
      </c>
    </row>
    <row r="363" spans="1:6" x14ac:dyDescent="0.2">
      <c r="A363">
        <v>564.06125699999996</v>
      </c>
      <c r="B363">
        <v>20.059266999999998</v>
      </c>
      <c r="C363">
        <v>11.496358000000001</v>
      </c>
      <c r="D363">
        <f t="shared" si="15"/>
        <v>1.8067320000000002</v>
      </c>
      <c r="E363">
        <f t="shared" si="16"/>
        <v>13.827548999999976</v>
      </c>
      <c r="F363">
        <f t="shared" si="17"/>
        <v>1.3568292538492548E-2</v>
      </c>
    </row>
    <row r="364" spans="1:6" x14ac:dyDescent="0.2">
      <c r="A364">
        <v>563.38741800000003</v>
      </c>
      <c r="B364">
        <v>20.066609</v>
      </c>
      <c r="C364">
        <v>11.501363</v>
      </c>
      <c r="D364">
        <f t="shared" si="15"/>
        <v>1.811736999999999</v>
      </c>
      <c r="E364">
        <f t="shared" si="16"/>
        <v>13.153710000000046</v>
      </c>
      <c r="F364">
        <f t="shared" si="17"/>
        <v>1.2886826017178278E-2</v>
      </c>
    </row>
    <row r="365" spans="1:6" x14ac:dyDescent="0.2">
      <c r="A365">
        <v>562.96813099999997</v>
      </c>
      <c r="B365">
        <v>20.009360999999998</v>
      </c>
      <c r="C365">
        <v>11.506368</v>
      </c>
      <c r="D365">
        <f t="shared" si="15"/>
        <v>1.8167419999999996</v>
      </c>
      <c r="E365">
        <f t="shared" si="16"/>
        <v>12.734422999999992</v>
      </c>
      <c r="F365">
        <f t="shared" si="17"/>
        <v>1.2450941845501967E-2</v>
      </c>
    </row>
    <row r="366" spans="1:6" x14ac:dyDescent="0.2">
      <c r="A366">
        <v>562.93572300000005</v>
      </c>
      <c r="B366">
        <v>20.001080000000002</v>
      </c>
      <c r="C366">
        <v>11.511373000000001</v>
      </c>
      <c r="D366">
        <f t="shared" si="15"/>
        <v>1.8217470000000002</v>
      </c>
      <c r="E366">
        <f t="shared" si="16"/>
        <v>12.702015000000074</v>
      </c>
      <c r="F366">
        <f t="shared" si="17"/>
        <v>1.2385848087645163E-2</v>
      </c>
    </row>
    <row r="367" spans="1:6" x14ac:dyDescent="0.2">
      <c r="A367">
        <v>563.12978299999997</v>
      </c>
      <c r="B367">
        <v>19.998059999999999</v>
      </c>
      <c r="C367">
        <v>11.516378</v>
      </c>
      <c r="D367">
        <f t="shared" si="15"/>
        <v>1.826751999999999</v>
      </c>
      <c r="E367">
        <f t="shared" si="16"/>
        <v>12.896074999999996</v>
      </c>
      <c r="F367">
        <f t="shared" si="17"/>
        <v>1.2536302458507452E-2</v>
      </c>
    </row>
    <row r="368" spans="1:6" x14ac:dyDescent="0.2">
      <c r="A368">
        <v>562.79381999999998</v>
      </c>
      <c r="B368">
        <v>20.044356000000001</v>
      </c>
      <c r="C368">
        <v>11.521381999999999</v>
      </c>
      <c r="D368">
        <f t="shared" si="15"/>
        <v>1.8317559999999986</v>
      </c>
      <c r="E368">
        <f t="shared" si="16"/>
        <v>12.560112000000004</v>
      </c>
      <c r="F368">
        <f t="shared" si="17"/>
        <v>1.2183626293314216E-2</v>
      </c>
    </row>
    <row r="369" spans="1:7" x14ac:dyDescent="0.2">
      <c r="A369">
        <v>562.64013699999998</v>
      </c>
      <c r="B369">
        <v>20.011316000000001</v>
      </c>
      <c r="C369">
        <v>11.526387</v>
      </c>
      <c r="D369">
        <f t="shared" si="15"/>
        <v>1.8367609999999992</v>
      </c>
      <c r="E369">
        <f t="shared" si="16"/>
        <v>12.406429000000003</v>
      </c>
      <c r="F369">
        <f t="shared" si="17"/>
        <v>1.2005035120317547E-2</v>
      </c>
    </row>
    <row r="370" spans="1:7" x14ac:dyDescent="0.2">
      <c r="A370">
        <v>563.18643499999996</v>
      </c>
      <c r="B370">
        <v>19.914396</v>
      </c>
      <c r="C370">
        <v>11.531392</v>
      </c>
      <c r="D370">
        <f t="shared" si="15"/>
        <v>1.8417659999999998</v>
      </c>
      <c r="E370">
        <f t="shared" si="16"/>
        <v>12.952726999999982</v>
      </c>
      <c r="F370">
        <f t="shared" si="17"/>
        <v>1.2487473367072604E-2</v>
      </c>
    </row>
    <row r="371" spans="1:7" x14ac:dyDescent="0.2">
      <c r="A371">
        <v>563.90202399999998</v>
      </c>
      <c r="B371">
        <v>19.931939</v>
      </c>
      <c r="C371">
        <v>11.536396999999999</v>
      </c>
      <c r="D371">
        <f t="shared" si="15"/>
        <v>1.8467709999999986</v>
      </c>
      <c r="E371">
        <f t="shared" si="16"/>
        <v>13.668316000000004</v>
      </c>
      <c r="F371">
        <f t="shared" si="17"/>
        <v>1.3124969752162976E-2</v>
      </c>
    </row>
    <row r="372" spans="1:7" x14ac:dyDescent="0.2">
      <c r="A372">
        <v>564.13087099999996</v>
      </c>
      <c r="B372">
        <v>19.974252</v>
      </c>
      <c r="C372">
        <v>11.541402</v>
      </c>
      <c r="D372">
        <f t="shared" si="15"/>
        <v>1.8517759999999992</v>
      </c>
      <c r="E372">
        <f t="shared" si="16"/>
        <v>13.897162999999978</v>
      </c>
      <c r="F372">
        <f t="shared" si="17"/>
        <v>1.3303252492276769E-2</v>
      </c>
    </row>
    <row r="373" spans="1:7" x14ac:dyDescent="0.2">
      <c r="A373">
        <v>564.50781500000005</v>
      </c>
      <c r="B373">
        <v>19.945547999999999</v>
      </c>
      <c r="C373">
        <v>11.546405999999999</v>
      </c>
      <c r="D373">
        <f t="shared" si="15"/>
        <v>1.8567799999999988</v>
      </c>
      <c r="E373">
        <f t="shared" si="16"/>
        <v>14.274107000000072</v>
      </c>
      <c r="F373">
        <f t="shared" si="17"/>
        <v>1.3618163366382078E-2</v>
      </c>
    </row>
    <row r="374" spans="1:7" ht="15" x14ac:dyDescent="0.25">
      <c r="A374">
        <f>MAX(A2:A373)</f>
        <v>565.73074199999996</v>
      </c>
      <c r="B374" s="3" t="s">
        <v>16</v>
      </c>
    </row>
    <row r="375" spans="1:7" ht="15" x14ac:dyDescent="0.25">
      <c r="A375">
        <f>MIN(A2:A373)</f>
        <v>550.23370799999998</v>
      </c>
      <c r="B375" s="3" t="s">
        <v>17</v>
      </c>
    </row>
    <row r="377" spans="1:7" x14ac:dyDescent="0.2">
      <c r="A377" t="s">
        <v>20</v>
      </c>
      <c r="C377" s="14">
        <f>E373/A375</f>
        <v>2.5941898492340409E-2</v>
      </c>
    </row>
    <row r="379" spans="1:7" s="1" customFormat="1" x14ac:dyDescent="0.2">
      <c r="A379"/>
      <c r="B379"/>
      <c r="C379"/>
      <c r="D379"/>
      <c r="E379"/>
      <c r="F379"/>
      <c r="G379"/>
    </row>
    <row r="380" spans="1:7" s="1" customFormat="1" x14ac:dyDescent="0.2">
      <c r="A380"/>
      <c r="B380"/>
      <c r="C380"/>
      <c r="D380"/>
      <c r="E380"/>
      <c r="F380"/>
      <c r="G380"/>
    </row>
    <row r="381" spans="1:7" s="1" customFormat="1" x14ac:dyDescent="0.2">
      <c r="A381"/>
      <c r="B381"/>
      <c r="C381"/>
      <c r="D381"/>
      <c r="E381"/>
      <c r="F381"/>
      <c r="G381"/>
    </row>
    <row r="384" spans="1:7" s="1" customFormat="1" x14ac:dyDescent="0.2">
      <c r="D384"/>
      <c r="E384"/>
      <c r="F384"/>
      <c r="G384"/>
    </row>
    <row r="385" spans="1:7" s="1" customFormat="1" x14ac:dyDescent="0.2">
      <c r="D385"/>
      <c r="E385"/>
      <c r="F385"/>
      <c r="G385"/>
    </row>
    <row r="386" spans="1:7" x14ac:dyDescent="0.2">
      <c r="A386" s="1"/>
      <c r="B386" s="1"/>
      <c r="C386" s="1"/>
    </row>
  </sheetData>
  <pageMargins left="0.7" right="0.7" top="0.75" bottom="0.75" header="0.3" footer="0.3"/>
  <pageSetup paperSize="9" orientation="portrait" r:id="rId1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04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>
        <v>550.05115999999998</v>
      </c>
      <c r="B2">
        <v>19.906582</v>
      </c>
      <c r="C2">
        <v>9.7795579999999998</v>
      </c>
      <c r="D2">
        <f>C2-$C$2</f>
        <v>0</v>
      </c>
      <c r="E2">
        <f>A2-$A$2</f>
        <v>0</v>
      </c>
      <c r="G2" s="3">
        <f>(A392-A393)/A392</f>
        <v>2.719084030931217E-2</v>
      </c>
    </row>
    <row r="3" spans="1:7" x14ac:dyDescent="0.2">
      <c r="A3">
        <v>550.51589300000001</v>
      </c>
      <c r="B3">
        <v>19.954357000000002</v>
      </c>
      <c r="C3">
        <v>9.7845630000000003</v>
      </c>
      <c r="D3">
        <f t="shared" ref="D3:D6" si="0">C3-$C$2</f>
        <v>5.0050000000005923E-3</v>
      </c>
      <c r="E3">
        <f t="shared" ref="E3:E6" si="1">A3-$A$2</f>
        <v>0.46473300000002382</v>
      </c>
      <c r="F3">
        <f t="shared" ref="F3:F66" si="2">(1/A3)*(E3/D3)</f>
        <v>0.16866678589012146</v>
      </c>
      <c r="G3" s="4">
        <f>G2*100</f>
        <v>2.7190840309312172</v>
      </c>
    </row>
    <row r="4" spans="1:7" x14ac:dyDescent="0.2">
      <c r="A4">
        <v>550.85834699999998</v>
      </c>
      <c r="B4">
        <v>19.965309000000001</v>
      </c>
      <c r="C4">
        <v>9.7895679999999992</v>
      </c>
      <c r="D4">
        <f t="shared" si="0"/>
        <v>1.0009999999999408E-2</v>
      </c>
      <c r="E4">
        <f t="shared" si="1"/>
        <v>0.80718699999999899</v>
      </c>
      <c r="F4">
        <f t="shared" si="2"/>
        <v>0.14638620323577778</v>
      </c>
    </row>
    <row r="5" spans="1:7" x14ac:dyDescent="0.2">
      <c r="A5">
        <v>550.64869499999998</v>
      </c>
      <c r="B5">
        <v>20.037659000000001</v>
      </c>
      <c r="C5">
        <v>9.7945729999999998</v>
      </c>
      <c r="D5">
        <f t="shared" si="0"/>
        <v>1.5015000000000001E-2</v>
      </c>
      <c r="E5">
        <f t="shared" si="1"/>
        <v>0.59753499999999349</v>
      </c>
      <c r="F5">
        <f t="shared" si="2"/>
        <v>7.2270889148062664E-2</v>
      </c>
    </row>
    <row r="6" spans="1:7" x14ac:dyDescent="0.2">
      <c r="A6">
        <v>550.28346799999997</v>
      </c>
      <c r="B6">
        <v>20.041854000000001</v>
      </c>
      <c r="C6">
        <v>9.7995780000000003</v>
      </c>
      <c r="D6">
        <f t="shared" si="0"/>
        <v>2.0020000000000593E-2</v>
      </c>
      <c r="E6">
        <f t="shared" si="1"/>
        <v>0.23230799999998908</v>
      </c>
      <c r="F6">
        <f t="shared" si="2"/>
        <v>2.1086943145810288E-2</v>
      </c>
    </row>
    <row r="7" spans="1:7" x14ac:dyDescent="0.2">
      <c r="A7">
        <v>550.83484599999997</v>
      </c>
      <c r="B7">
        <v>19.920876</v>
      </c>
      <c r="C7">
        <v>9.8546300000000002</v>
      </c>
      <c r="D7">
        <f t="shared" ref="D7:D60" si="3">C7-$C$2</f>
        <v>7.5072000000000472E-2</v>
      </c>
      <c r="E7">
        <f t="shared" ref="E7:E60" si="4">A7-$A$2</f>
        <v>0.78368599999998878</v>
      </c>
      <c r="F7">
        <f t="shared" si="2"/>
        <v>1.8951461009356969E-2</v>
      </c>
    </row>
    <row r="8" spans="1:7" x14ac:dyDescent="0.2">
      <c r="A8">
        <v>551.19021199999997</v>
      </c>
      <c r="B8">
        <v>19.945214</v>
      </c>
      <c r="C8">
        <v>9.8596350000000008</v>
      </c>
      <c r="D8">
        <f t="shared" si="3"/>
        <v>8.0077000000001064E-2</v>
      </c>
      <c r="E8">
        <f t="shared" si="4"/>
        <v>1.1390519999999924</v>
      </c>
      <c r="F8">
        <f t="shared" si="2"/>
        <v>2.5806806159780645E-2</v>
      </c>
    </row>
    <row r="9" spans="1:7" x14ac:dyDescent="0.2">
      <c r="A9">
        <v>551.88372700000002</v>
      </c>
      <c r="B9">
        <v>19.919608</v>
      </c>
      <c r="C9">
        <v>9.8646399999999996</v>
      </c>
      <c r="D9">
        <f t="shared" si="3"/>
        <v>8.508199999999988E-2</v>
      </c>
      <c r="E9">
        <f t="shared" si="4"/>
        <v>1.83256700000004</v>
      </c>
      <c r="F9">
        <f t="shared" si="2"/>
        <v>3.9027846033392842E-2</v>
      </c>
    </row>
    <row r="10" spans="1:7" x14ac:dyDescent="0.2">
      <c r="A10">
        <v>552.82024100000001</v>
      </c>
      <c r="B10">
        <v>19.902434</v>
      </c>
      <c r="C10">
        <v>9.8696450000000002</v>
      </c>
      <c r="D10">
        <f t="shared" si="3"/>
        <v>9.0087000000000472E-2</v>
      </c>
      <c r="E10">
        <f t="shared" si="4"/>
        <v>2.7690810000000283</v>
      </c>
      <c r="F10">
        <f t="shared" si="2"/>
        <v>5.5601895749638558E-2</v>
      </c>
    </row>
    <row r="11" spans="1:7" x14ac:dyDescent="0.2">
      <c r="A11">
        <v>553.44194800000002</v>
      </c>
      <c r="B11">
        <v>19.951422999999998</v>
      </c>
      <c r="C11">
        <v>9.8746500000000008</v>
      </c>
      <c r="D11">
        <f t="shared" si="3"/>
        <v>9.5092000000001065E-2</v>
      </c>
      <c r="E11">
        <f t="shared" si="4"/>
        <v>3.3907880000000432</v>
      </c>
      <c r="F11">
        <f t="shared" si="2"/>
        <v>6.4429473515603394E-2</v>
      </c>
    </row>
    <row r="12" spans="1:7" x14ac:dyDescent="0.2">
      <c r="A12">
        <v>553.48215400000004</v>
      </c>
      <c r="B12">
        <v>20.006039999999999</v>
      </c>
      <c r="C12">
        <v>9.8796540000000004</v>
      </c>
      <c r="D12">
        <f t="shared" si="3"/>
        <v>0.10009600000000063</v>
      </c>
      <c r="E12">
        <f t="shared" si="4"/>
        <v>3.4309940000000552</v>
      </c>
      <c r="F12">
        <f t="shared" si="2"/>
        <v>6.1929790869670771E-2</v>
      </c>
    </row>
    <row r="13" spans="1:7" x14ac:dyDescent="0.2">
      <c r="A13">
        <v>553.70265900000004</v>
      </c>
      <c r="B13">
        <v>19.965675999999998</v>
      </c>
      <c r="C13">
        <v>9.8846589999999992</v>
      </c>
      <c r="D13">
        <f t="shared" si="3"/>
        <v>0.10510099999999944</v>
      </c>
      <c r="E13">
        <f t="shared" si="4"/>
        <v>3.651499000000058</v>
      </c>
      <c r="F13">
        <f t="shared" si="2"/>
        <v>6.2746243240340352E-2</v>
      </c>
    </row>
    <row r="14" spans="1:7" x14ac:dyDescent="0.2">
      <c r="A14">
        <v>553.76152500000001</v>
      </c>
      <c r="B14">
        <v>19.979509</v>
      </c>
      <c r="C14">
        <v>9.8896639999999998</v>
      </c>
      <c r="D14">
        <f t="shared" si="3"/>
        <v>0.11010600000000004</v>
      </c>
      <c r="E14">
        <f t="shared" si="4"/>
        <v>3.7103650000000243</v>
      </c>
      <c r="F14">
        <f t="shared" si="2"/>
        <v>6.0853122970270679E-2</v>
      </c>
    </row>
    <row r="15" spans="1:7" x14ac:dyDescent="0.2">
      <c r="A15">
        <v>553.68882199999996</v>
      </c>
      <c r="B15">
        <v>20.029305000000001</v>
      </c>
      <c r="C15">
        <v>9.8946690000000004</v>
      </c>
      <c r="D15">
        <f t="shared" si="3"/>
        <v>0.11511100000000063</v>
      </c>
      <c r="E15">
        <f t="shared" si="4"/>
        <v>3.6376619999999775</v>
      </c>
      <c r="F15">
        <f t="shared" si="2"/>
        <v>5.7074190517134284E-2</v>
      </c>
    </row>
    <row r="16" spans="1:7" x14ac:dyDescent="0.2">
      <c r="A16">
        <v>553.39823100000001</v>
      </c>
      <c r="B16">
        <v>20.028796</v>
      </c>
      <c r="C16">
        <v>9.8996739999999992</v>
      </c>
      <c r="D16">
        <f t="shared" si="3"/>
        <v>0.12011599999999945</v>
      </c>
      <c r="E16">
        <f t="shared" si="4"/>
        <v>3.3470710000000281</v>
      </c>
      <c r="F16">
        <f t="shared" si="2"/>
        <v>5.0353109740135772E-2</v>
      </c>
    </row>
    <row r="17" spans="1:6" x14ac:dyDescent="0.2">
      <c r="A17">
        <v>553.03463699999998</v>
      </c>
      <c r="B17">
        <v>20.029440999999998</v>
      </c>
      <c r="C17">
        <v>9.9046780000000005</v>
      </c>
      <c r="D17">
        <f t="shared" si="3"/>
        <v>0.12512000000000079</v>
      </c>
      <c r="E17">
        <f t="shared" si="4"/>
        <v>2.9834769999999935</v>
      </c>
      <c r="F17">
        <f t="shared" si="2"/>
        <v>4.3116512559632975E-2</v>
      </c>
    </row>
    <row r="18" spans="1:6" x14ac:dyDescent="0.2">
      <c r="A18">
        <v>553.10556099999997</v>
      </c>
      <c r="B18">
        <v>20.004508999999999</v>
      </c>
      <c r="C18">
        <v>9.9096829999999994</v>
      </c>
      <c r="D18">
        <f t="shared" si="3"/>
        <v>0.1301249999999996</v>
      </c>
      <c r="E18">
        <f t="shared" si="4"/>
        <v>3.0544009999999844</v>
      </c>
      <c r="F18">
        <f t="shared" si="2"/>
        <v>4.2438232303838939E-2</v>
      </c>
    </row>
    <row r="19" spans="1:6" x14ac:dyDescent="0.2">
      <c r="A19">
        <v>552.76876700000003</v>
      </c>
      <c r="B19">
        <v>20.035706000000001</v>
      </c>
      <c r="C19">
        <v>9.9146879999999999</v>
      </c>
      <c r="D19">
        <f t="shared" si="3"/>
        <v>0.13513000000000019</v>
      </c>
      <c r="E19">
        <f t="shared" si="4"/>
        <v>2.7176070000000436</v>
      </c>
      <c r="F19">
        <f t="shared" si="2"/>
        <v>3.6382402951737426E-2</v>
      </c>
    </row>
    <row r="20" spans="1:6" x14ac:dyDescent="0.2">
      <c r="A20">
        <v>552.27936</v>
      </c>
      <c r="B20">
        <v>20.054416</v>
      </c>
      <c r="C20">
        <v>9.9196930000000005</v>
      </c>
      <c r="D20">
        <f t="shared" si="3"/>
        <v>0.14013500000000079</v>
      </c>
      <c r="E20">
        <f t="shared" si="4"/>
        <v>2.2282000000000153</v>
      </c>
      <c r="F20">
        <f t="shared" si="2"/>
        <v>2.8790468966135647E-2</v>
      </c>
    </row>
    <row r="21" spans="1:6" x14ac:dyDescent="0.2">
      <c r="A21">
        <v>551.906203</v>
      </c>
      <c r="B21">
        <v>20.040613</v>
      </c>
      <c r="C21">
        <v>9.9246979999999994</v>
      </c>
      <c r="D21">
        <f t="shared" si="3"/>
        <v>0.1451399999999996</v>
      </c>
      <c r="E21">
        <f t="shared" si="4"/>
        <v>1.8550430000000233</v>
      </c>
      <c r="F21">
        <f t="shared" si="2"/>
        <v>2.3158028659679811E-2</v>
      </c>
    </row>
    <row r="22" spans="1:6" x14ac:dyDescent="0.2">
      <c r="A22">
        <v>551.65941999999995</v>
      </c>
      <c r="B22">
        <v>20.040610999999998</v>
      </c>
      <c r="C22">
        <v>9.9297020000000007</v>
      </c>
      <c r="D22">
        <f t="shared" si="3"/>
        <v>0.15014400000000094</v>
      </c>
      <c r="E22">
        <f t="shared" si="4"/>
        <v>1.6082599999999729</v>
      </c>
      <c r="F22">
        <f t="shared" si="2"/>
        <v>1.9416781355796883E-2</v>
      </c>
    </row>
    <row r="23" spans="1:6" x14ac:dyDescent="0.2">
      <c r="A23">
        <v>551.07712500000002</v>
      </c>
      <c r="B23">
        <v>20.060020000000002</v>
      </c>
      <c r="C23">
        <v>9.9347069999999995</v>
      </c>
      <c r="D23">
        <f t="shared" si="3"/>
        <v>0.15514899999999976</v>
      </c>
      <c r="E23">
        <f t="shared" si="4"/>
        <v>1.025965000000042</v>
      </c>
      <c r="F23">
        <f t="shared" si="2"/>
        <v>1.199972188702305E-2</v>
      </c>
    </row>
    <row r="24" spans="1:6" x14ac:dyDescent="0.2">
      <c r="A24">
        <v>550.64507400000002</v>
      </c>
      <c r="B24">
        <v>20.035437000000002</v>
      </c>
      <c r="C24">
        <v>9.9397120000000001</v>
      </c>
      <c r="D24">
        <f t="shared" si="3"/>
        <v>0.16015400000000035</v>
      </c>
      <c r="E24">
        <f t="shared" si="4"/>
        <v>0.59391400000004069</v>
      </c>
      <c r="F24">
        <f t="shared" si="2"/>
        <v>6.7346342438588808E-3</v>
      </c>
    </row>
    <row r="25" spans="1:6" x14ac:dyDescent="0.2">
      <c r="A25">
        <v>550.40041299999996</v>
      </c>
      <c r="B25">
        <v>20.033162000000001</v>
      </c>
      <c r="C25">
        <v>9.9447170000000007</v>
      </c>
      <c r="D25">
        <f t="shared" si="3"/>
        <v>0.16515900000000094</v>
      </c>
      <c r="E25">
        <f t="shared" si="4"/>
        <v>0.34925299999997605</v>
      </c>
      <c r="F25">
        <f t="shared" si="2"/>
        <v>3.8420158264763924E-3</v>
      </c>
    </row>
    <row r="26" spans="1:6" x14ac:dyDescent="0.2">
      <c r="A26">
        <v>550.37396999999999</v>
      </c>
      <c r="B26">
        <v>19.989108999999999</v>
      </c>
      <c r="C26">
        <v>9.9497219999999995</v>
      </c>
      <c r="D26">
        <f t="shared" si="3"/>
        <v>0.17016399999999976</v>
      </c>
      <c r="E26">
        <f t="shared" si="4"/>
        <v>0.32281000000000404</v>
      </c>
      <c r="F26">
        <f t="shared" si="2"/>
        <v>3.4468422543152228E-3</v>
      </c>
    </row>
    <row r="27" spans="1:6" x14ac:dyDescent="0.2">
      <c r="A27">
        <v>550.52975300000003</v>
      </c>
      <c r="B27">
        <v>19.985140999999999</v>
      </c>
      <c r="C27">
        <v>9.9547260000000009</v>
      </c>
      <c r="D27">
        <f t="shared" si="3"/>
        <v>0.1751680000000011</v>
      </c>
      <c r="E27">
        <f t="shared" si="4"/>
        <v>0.47859300000004623</v>
      </c>
      <c r="F27">
        <f t="shared" si="2"/>
        <v>4.9628457344983038E-3</v>
      </c>
    </row>
    <row r="28" spans="1:6" x14ac:dyDescent="0.2">
      <c r="A28">
        <v>550.25782300000003</v>
      </c>
      <c r="B28">
        <v>20.021864999999998</v>
      </c>
      <c r="C28">
        <v>9.9597309999999997</v>
      </c>
      <c r="D28">
        <f t="shared" si="3"/>
        <v>0.18017299999999992</v>
      </c>
      <c r="E28">
        <f t="shared" si="4"/>
        <v>0.20666300000004867</v>
      </c>
      <c r="F28">
        <f t="shared" si="2"/>
        <v>2.0845234924735004E-3</v>
      </c>
    </row>
    <row r="29" spans="1:6" x14ac:dyDescent="0.2">
      <c r="A29">
        <v>550.29764499999999</v>
      </c>
      <c r="B29">
        <v>19.993668</v>
      </c>
      <c r="C29">
        <v>9.9647360000000003</v>
      </c>
      <c r="D29">
        <f t="shared" si="3"/>
        <v>0.18517800000000051</v>
      </c>
      <c r="E29">
        <f t="shared" si="4"/>
        <v>0.24648500000000695</v>
      </c>
      <c r="F29">
        <f t="shared" si="2"/>
        <v>2.4188194473212417E-3</v>
      </c>
    </row>
    <row r="30" spans="1:6" x14ac:dyDescent="0.2">
      <c r="A30">
        <v>550.53428399999996</v>
      </c>
      <c r="B30">
        <v>19.978297000000001</v>
      </c>
      <c r="C30">
        <v>9.9697410000000009</v>
      </c>
      <c r="D30">
        <f t="shared" si="3"/>
        <v>0.1901830000000011</v>
      </c>
      <c r="E30">
        <f t="shared" si="4"/>
        <v>0.48312399999997524</v>
      </c>
      <c r="F30">
        <f t="shared" si="2"/>
        <v>4.6142651743999209E-3</v>
      </c>
    </row>
    <row r="31" spans="1:6" x14ac:dyDescent="0.2">
      <c r="A31">
        <v>551.17157399999996</v>
      </c>
      <c r="B31">
        <v>19.897667999999999</v>
      </c>
      <c r="C31">
        <v>9.9747459999999997</v>
      </c>
      <c r="D31">
        <f t="shared" si="3"/>
        <v>0.19518799999999992</v>
      </c>
      <c r="E31">
        <f t="shared" si="4"/>
        <v>1.1204139999999825</v>
      </c>
      <c r="F31">
        <f t="shared" si="2"/>
        <v>1.0414504249288676E-2</v>
      </c>
    </row>
    <row r="32" spans="1:6" x14ac:dyDescent="0.2">
      <c r="A32">
        <v>552.14631499999996</v>
      </c>
      <c r="B32">
        <v>19.888649000000001</v>
      </c>
      <c r="C32">
        <v>9.9797499999999992</v>
      </c>
      <c r="D32">
        <f t="shared" si="3"/>
        <v>0.20019199999999948</v>
      </c>
      <c r="E32">
        <f t="shared" si="4"/>
        <v>2.095154999999977</v>
      </c>
      <c r="F32">
        <f t="shared" si="2"/>
        <v>1.8954627816749527E-2</v>
      </c>
    </row>
    <row r="33" spans="1:6" x14ac:dyDescent="0.2">
      <c r="A33">
        <v>553.35746900000004</v>
      </c>
      <c r="B33">
        <v>19.864279</v>
      </c>
      <c r="C33">
        <v>9.9847549999999998</v>
      </c>
      <c r="D33">
        <f t="shared" si="3"/>
        <v>0.20519700000000007</v>
      </c>
      <c r="E33">
        <f t="shared" si="4"/>
        <v>3.3063090000000557</v>
      </c>
      <c r="F33">
        <f t="shared" si="2"/>
        <v>2.9118342897227603E-2</v>
      </c>
    </row>
    <row r="34" spans="1:6" x14ac:dyDescent="0.2">
      <c r="A34">
        <v>554.17503199999999</v>
      </c>
      <c r="B34">
        <v>19.936014</v>
      </c>
      <c r="C34">
        <v>9.9897600000000004</v>
      </c>
      <c r="D34">
        <f t="shared" si="3"/>
        <v>0.21020200000000067</v>
      </c>
      <c r="E34">
        <f t="shared" si="4"/>
        <v>4.1238720000000058</v>
      </c>
      <c r="F34">
        <f t="shared" si="2"/>
        <v>3.5401476686520272E-2</v>
      </c>
    </row>
    <row r="35" spans="1:6" x14ac:dyDescent="0.2">
      <c r="A35">
        <v>554.86663899999996</v>
      </c>
      <c r="B35">
        <v>19.905588000000002</v>
      </c>
      <c r="C35">
        <v>9.9947649999999992</v>
      </c>
      <c r="D35">
        <f t="shared" si="3"/>
        <v>0.21520699999999948</v>
      </c>
      <c r="E35">
        <f t="shared" si="4"/>
        <v>4.8154789999999821</v>
      </c>
      <c r="F35">
        <f t="shared" si="2"/>
        <v>4.032686727714177E-2</v>
      </c>
    </row>
    <row r="36" spans="1:6" x14ac:dyDescent="0.2">
      <c r="A36">
        <v>555.38367200000005</v>
      </c>
      <c r="B36">
        <v>19.963602000000002</v>
      </c>
      <c r="C36">
        <v>9.9997699999999998</v>
      </c>
      <c r="D36">
        <f t="shared" si="3"/>
        <v>0.22021200000000007</v>
      </c>
      <c r="E36">
        <f t="shared" si="4"/>
        <v>5.3325120000000652</v>
      </c>
      <c r="F36">
        <f t="shared" si="2"/>
        <v>4.3601130771780877E-2</v>
      </c>
    </row>
    <row r="37" spans="1:6" x14ac:dyDescent="0.2">
      <c r="A37">
        <v>555.87193500000001</v>
      </c>
      <c r="B37">
        <v>19.952105</v>
      </c>
      <c r="C37">
        <v>10.004773999999999</v>
      </c>
      <c r="D37">
        <f t="shared" si="3"/>
        <v>0.22521599999999964</v>
      </c>
      <c r="E37">
        <f t="shared" si="4"/>
        <v>5.820775000000026</v>
      </c>
      <c r="F37">
        <f t="shared" si="2"/>
        <v>4.6495061175327611E-2</v>
      </c>
    </row>
    <row r="38" spans="1:6" x14ac:dyDescent="0.2">
      <c r="A38">
        <v>555.91509399999995</v>
      </c>
      <c r="B38">
        <v>20.006879000000001</v>
      </c>
      <c r="C38">
        <v>10.009779</v>
      </c>
      <c r="D38">
        <f t="shared" si="3"/>
        <v>0.23022100000000023</v>
      </c>
      <c r="E38">
        <f t="shared" si="4"/>
        <v>5.863933999999972</v>
      </c>
      <c r="F38">
        <f t="shared" si="2"/>
        <v>4.5817951856902447E-2</v>
      </c>
    </row>
    <row r="39" spans="1:6" x14ac:dyDescent="0.2">
      <c r="A39">
        <v>555.69978000000003</v>
      </c>
      <c r="B39">
        <v>20.021007999999998</v>
      </c>
      <c r="C39">
        <v>10.014784000000001</v>
      </c>
      <c r="D39">
        <f t="shared" si="3"/>
        <v>0.23522600000000082</v>
      </c>
      <c r="E39">
        <f t="shared" si="4"/>
        <v>5.6486200000000508</v>
      </c>
      <c r="F39">
        <f t="shared" si="2"/>
        <v>4.321323815067437E-2</v>
      </c>
    </row>
    <row r="40" spans="1:6" x14ac:dyDescent="0.2">
      <c r="A40">
        <v>555.60626999999999</v>
      </c>
      <c r="B40">
        <v>20.005676000000001</v>
      </c>
      <c r="C40">
        <v>10.019788999999999</v>
      </c>
      <c r="D40">
        <f t="shared" si="3"/>
        <v>0.24023099999999964</v>
      </c>
      <c r="E40">
        <f t="shared" si="4"/>
        <v>5.5551100000000133</v>
      </c>
      <c r="F40">
        <f t="shared" si="2"/>
        <v>4.1619463335408252E-2</v>
      </c>
    </row>
    <row r="41" spans="1:6" x14ac:dyDescent="0.2">
      <c r="A41">
        <v>555.561509</v>
      </c>
      <c r="B41">
        <v>20.003536</v>
      </c>
      <c r="C41">
        <v>10.024794</v>
      </c>
      <c r="D41">
        <f t="shared" si="3"/>
        <v>0.24523600000000023</v>
      </c>
      <c r="E41">
        <f t="shared" si="4"/>
        <v>5.5103490000000193</v>
      </c>
      <c r="F41">
        <f t="shared" si="2"/>
        <v>4.0444803826255198E-2</v>
      </c>
    </row>
    <row r="42" spans="1:6" x14ac:dyDescent="0.2">
      <c r="A42">
        <v>555.02422100000001</v>
      </c>
      <c r="B42">
        <v>20.075585</v>
      </c>
      <c r="C42">
        <v>10.029798</v>
      </c>
      <c r="D42">
        <f t="shared" si="3"/>
        <v>0.2502399999999998</v>
      </c>
      <c r="E42">
        <f t="shared" si="4"/>
        <v>4.9730610000000297</v>
      </c>
      <c r="F42">
        <f t="shared" si="2"/>
        <v>3.5805943252465194E-2</v>
      </c>
    </row>
    <row r="43" spans="1:6" x14ac:dyDescent="0.2">
      <c r="A43">
        <v>554.25434099999995</v>
      </c>
      <c r="B43">
        <v>20.091429999999999</v>
      </c>
      <c r="C43">
        <v>10.034803</v>
      </c>
      <c r="D43">
        <f t="shared" si="3"/>
        <v>0.25524500000000039</v>
      </c>
      <c r="E43">
        <f t="shared" si="4"/>
        <v>4.2031809999999723</v>
      </c>
      <c r="F43">
        <f t="shared" si="2"/>
        <v>2.9710622109476059E-2</v>
      </c>
    </row>
    <row r="44" spans="1:6" x14ac:dyDescent="0.2">
      <c r="A44">
        <v>553.01685999999995</v>
      </c>
      <c r="B44">
        <v>20.134672999999999</v>
      </c>
      <c r="C44">
        <v>10.039808000000001</v>
      </c>
      <c r="D44">
        <f t="shared" si="3"/>
        <v>0.26025000000000098</v>
      </c>
      <c r="E44">
        <f t="shared" si="4"/>
        <v>2.9656999999999698</v>
      </c>
      <c r="F44">
        <f t="shared" si="2"/>
        <v>2.0606209315119056E-2</v>
      </c>
    </row>
    <row r="45" spans="1:6" x14ac:dyDescent="0.2">
      <c r="A45">
        <v>552.54578000000004</v>
      </c>
      <c r="B45">
        <v>20.028908999999999</v>
      </c>
      <c r="C45">
        <v>10.044813</v>
      </c>
      <c r="D45">
        <f t="shared" si="3"/>
        <v>0.2652549999999998</v>
      </c>
      <c r="E45">
        <f t="shared" si="4"/>
        <v>2.4946200000000545</v>
      </c>
      <c r="F45">
        <f t="shared" si="2"/>
        <v>1.7020509427597561E-2</v>
      </c>
    </row>
    <row r="46" spans="1:6" x14ac:dyDescent="0.2">
      <c r="A46">
        <v>552.30350699999997</v>
      </c>
      <c r="B46">
        <v>20.016687000000001</v>
      </c>
      <c r="C46">
        <v>10.049818</v>
      </c>
      <c r="D46">
        <f t="shared" si="3"/>
        <v>0.27026000000000039</v>
      </c>
      <c r="E46">
        <f t="shared" si="4"/>
        <v>2.2523469999999861</v>
      </c>
      <c r="F46">
        <f t="shared" si="2"/>
        <v>1.50895304599658E-2</v>
      </c>
    </row>
    <row r="47" spans="1:6" x14ac:dyDescent="0.2">
      <c r="A47">
        <v>552.23508900000002</v>
      </c>
      <c r="B47">
        <v>20.026008000000001</v>
      </c>
      <c r="C47">
        <v>10.054822</v>
      </c>
      <c r="D47">
        <f t="shared" si="3"/>
        <v>0.27526399999999995</v>
      </c>
      <c r="E47">
        <f t="shared" si="4"/>
        <v>2.1839290000000346</v>
      </c>
      <c r="F47">
        <f t="shared" si="2"/>
        <v>1.4366967207189505E-2</v>
      </c>
    </row>
    <row r="48" spans="1:6" x14ac:dyDescent="0.2">
      <c r="A48">
        <v>551.75665800000002</v>
      </c>
      <c r="B48">
        <v>20.064741999999999</v>
      </c>
      <c r="C48">
        <v>10.059827</v>
      </c>
      <c r="D48">
        <f t="shared" si="3"/>
        <v>0.28026900000000055</v>
      </c>
      <c r="E48">
        <f t="shared" si="4"/>
        <v>1.7054980000000342</v>
      </c>
      <c r="F48">
        <f t="shared" si="2"/>
        <v>1.1028807793245481E-2</v>
      </c>
    </row>
    <row r="49" spans="1:6" x14ac:dyDescent="0.2">
      <c r="A49">
        <v>551.81753500000002</v>
      </c>
      <c r="B49">
        <v>19.963031999999998</v>
      </c>
      <c r="C49">
        <v>10.064831999999999</v>
      </c>
      <c r="D49">
        <f t="shared" si="3"/>
        <v>0.28527399999999936</v>
      </c>
      <c r="E49">
        <f t="shared" si="4"/>
        <v>1.7663750000000391</v>
      </c>
      <c r="F49">
        <f t="shared" si="2"/>
        <v>1.122083615418464E-2</v>
      </c>
    </row>
    <row r="50" spans="1:6" x14ac:dyDescent="0.2">
      <c r="A50">
        <v>552.20501899999999</v>
      </c>
      <c r="B50">
        <v>19.958324000000001</v>
      </c>
      <c r="C50">
        <v>10.069837</v>
      </c>
      <c r="D50">
        <f t="shared" si="3"/>
        <v>0.29027899999999995</v>
      </c>
      <c r="E50">
        <f t="shared" si="4"/>
        <v>2.1538590000000113</v>
      </c>
      <c r="F50">
        <f t="shared" si="2"/>
        <v>1.3436968571503824E-2</v>
      </c>
    </row>
    <row r="51" spans="1:6" x14ac:dyDescent="0.2">
      <c r="A51">
        <v>552.192902</v>
      </c>
      <c r="B51">
        <v>20.012070000000001</v>
      </c>
      <c r="C51">
        <v>10.074842</v>
      </c>
      <c r="D51">
        <f t="shared" si="3"/>
        <v>0.29528400000000055</v>
      </c>
      <c r="E51">
        <f t="shared" si="4"/>
        <v>2.141742000000022</v>
      </c>
      <c r="F51">
        <f t="shared" si="2"/>
        <v>1.3135191784867706E-2</v>
      </c>
    </row>
    <row r="52" spans="1:6" x14ac:dyDescent="0.2">
      <c r="A52">
        <v>552.00042800000006</v>
      </c>
      <c r="B52">
        <v>20.006118000000001</v>
      </c>
      <c r="C52">
        <v>10.079846</v>
      </c>
      <c r="D52">
        <f t="shared" si="3"/>
        <v>0.30028800000000011</v>
      </c>
      <c r="E52">
        <f t="shared" si="4"/>
        <v>1.9492680000000746</v>
      </c>
      <c r="F52">
        <f t="shared" si="2"/>
        <v>1.1759643644349546E-2</v>
      </c>
    </row>
    <row r="53" spans="1:6" x14ac:dyDescent="0.2">
      <c r="A53">
        <v>552.58551399999999</v>
      </c>
      <c r="B53">
        <v>19.916518</v>
      </c>
      <c r="C53">
        <v>10.084851</v>
      </c>
      <c r="D53">
        <f t="shared" si="3"/>
        <v>0.3052930000000007</v>
      </c>
      <c r="E53">
        <f t="shared" si="4"/>
        <v>2.5343540000000075</v>
      </c>
      <c r="F53">
        <f t="shared" si="2"/>
        <v>1.502280171285424E-2</v>
      </c>
    </row>
    <row r="54" spans="1:6" x14ac:dyDescent="0.2">
      <c r="A54">
        <v>553.23080300000004</v>
      </c>
      <c r="B54">
        <v>19.944483999999999</v>
      </c>
      <c r="C54">
        <v>10.089855999999999</v>
      </c>
      <c r="D54">
        <f t="shared" si="3"/>
        <v>0.31029799999999952</v>
      </c>
      <c r="E54">
        <f t="shared" si="4"/>
        <v>3.1796430000000555</v>
      </c>
      <c r="F54">
        <f t="shared" si="2"/>
        <v>1.8522219741999271E-2</v>
      </c>
    </row>
    <row r="55" spans="1:6" x14ac:dyDescent="0.2">
      <c r="A55">
        <v>553.62783100000001</v>
      </c>
      <c r="B55">
        <v>19.941838000000001</v>
      </c>
      <c r="C55">
        <v>10.094861</v>
      </c>
      <c r="D55">
        <f t="shared" si="3"/>
        <v>0.31530300000000011</v>
      </c>
      <c r="E55">
        <f t="shared" si="4"/>
        <v>3.576671000000033</v>
      </c>
      <c r="F55">
        <f t="shared" si="2"/>
        <v>2.0489576234096672E-2</v>
      </c>
    </row>
    <row r="56" spans="1:6" x14ac:dyDescent="0.2">
      <c r="A56">
        <v>554.07140600000002</v>
      </c>
      <c r="B56">
        <v>19.966881000000001</v>
      </c>
      <c r="C56">
        <v>10.099866</v>
      </c>
      <c r="D56">
        <f t="shared" si="3"/>
        <v>0.3203080000000007</v>
      </c>
      <c r="E56">
        <f t="shared" si="4"/>
        <v>4.0202460000000428</v>
      </c>
      <c r="F56">
        <f t="shared" si="2"/>
        <v>2.2652654685680444E-2</v>
      </c>
    </row>
    <row r="57" spans="1:6" x14ac:dyDescent="0.2">
      <c r="A57">
        <v>554.71974399999999</v>
      </c>
      <c r="B57">
        <v>19.916865999999999</v>
      </c>
      <c r="C57">
        <v>10.10487</v>
      </c>
      <c r="D57">
        <f t="shared" si="3"/>
        <v>0.32531200000000027</v>
      </c>
      <c r="E57">
        <f t="shared" si="4"/>
        <v>4.6685840000000098</v>
      </c>
      <c r="F57">
        <f t="shared" si="2"/>
        <v>2.587089597667604E-2</v>
      </c>
    </row>
    <row r="58" spans="1:6" x14ac:dyDescent="0.2">
      <c r="A58">
        <v>555.30443700000001</v>
      </c>
      <c r="B58">
        <v>19.945086</v>
      </c>
      <c r="C58">
        <v>10.109875000000001</v>
      </c>
      <c r="D58">
        <f t="shared" si="3"/>
        <v>0.33031700000000086</v>
      </c>
      <c r="E58">
        <f t="shared" si="4"/>
        <v>5.2532770000000255</v>
      </c>
      <c r="F58">
        <f t="shared" si="2"/>
        <v>2.8639684683932094E-2</v>
      </c>
    </row>
    <row r="59" spans="1:6" x14ac:dyDescent="0.2">
      <c r="A59">
        <v>555.59043699999995</v>
      </c>
      <c r="B59">
        <v>19.973175000000001</v>
      </c>
      <c r="C59">
        <v>10.114879999999999</v>
      </c>
      <c r="D59">
        <f t="shared" si="3"/>
        <v>0.33532199999999968</v>
      </c>
      <c r="E59">
        <f t="shared" si="4"/>
        <v>5.53927699999997</v>
      </c>
      <c r="F59">
        <f t="shared" si="2"/>
        <v>2.9732831764807652E-2</v>
      </c>
    </row>
    <row r="60" spans="1:6" x14ac:dyDescent="0.2">
      <c r="A60">
        <v>555.49406499999998</v>
      </c>
      <c r="B60">
        <v>20.000039999999998</v>
      </c>
      <c r="C60">
        <v>10.119885</v>
      </c>
      <c r="D60">
        <f t="shared" si="3"/>
        <v>0.34032700000000027</v>
      </c>
      <c r="E60">
        <f t="shared" si="4"/>
        <v>5.4429049999999961</v>
      </c>
      <c r="F60">
        <f t="shared" si="2"/>
        <v>2.8790879086096174E-2</v>
      </c>
    </row>
    <row r="61" spans="1:6" x14ac:dyDescent="0.2">
      <c r="A61">
        <v>555.85217699999998</v>
      </c>
      <c r="B61">
        <v>19.969702999999999</v>
      </c>
      <c r="C61">
        <v>10.124890000000001</v>
      </c>
      <c r="D61">
        <f t="shared" ref="D61:D124" si="5">C61-$C$2</f>
        <v>0.34533200000000086</v>
      </c>
      <c r="E61">
        <f t="shared" ref="E61:E124" si="6">A61-$A$2</f>
        <v>5.8010170000000016</v>
      </c>
      <c r="F61">
        <f t="shared" si="2"/>
        <v>3.0220942419118713E-2</v>
      </c>
    </row>
    <row r="62" spans="1:6" x14ac:dyDescent="0.2">
      <c r="A62">
        <v>556.14617799999996</v>
      </c>
      <c r="B62">
        <v>19.967690999999999</v>
      </c>
      <c r="C62">
        <v>10.129894</v>
      </c>
      <c r="D62">
        <f t="shared" si="5"/>
        <v>0.35033600000000042</v>
      </c>
      <c r="E62">
        <f t="shared" si="6"/>
        <v>6.0950179999999818</v>
      </c>
      <c r="F62">
        <f t="shared" si="2"/>
        <v>3.1282486693382835E-2</v>
      </c>
    </row>
    <row r="63" spans="1:6" x14ac:dyDescent="0.2">
      <c r="A63">
        <v>556.25248999999997</v>
      </c>
      <c r="B63">
        <v>20.003457999999998</v>
      </c>
      <c r="C63">
        <v>10.134899000000001</v>
      </c>
      <c r="D63">
        <f t="shared" si="5"/>
        <v>0.35534100000000102</v>
      </c>
      <c r="E63">
        <f t="shared" si="6"/>
        <v>6.2013299999999845</v>
      </c>
      <c r="F63">
        <f t="shared" si="2"/>
        <v>3.1373831114845228E-2</v>
      </c>
    </row>
    <row r="64" spans="1:6" x14ac:dyDescent="0.2">
      <c r="A64">
        <v>555.61066000000005</v>
      </c>
      <c r="B64">
        <v>20.071287999999999</v>
      </c>
      <c r="C64">
        <v>10.139904</v>
      </c>
      <c r="D64">
        <f t="shared" si="5"/>
        <v>0.36034599999999983</v>
      </c>
      <c r="E64">
        <f t="shared" si="6"/>
        <v>5.5595000000000709</v>
      </c>
      <c r="F64">
        <f t="shared" si="2"/>
        <v>2.7768054908915353E-2</v>
      </c>
    </row>
    <row r="65" spans="1:6" x14ac:dyDescent="0.2">
      <c r="A65">
        <v>555.11701000000005</v>
      </c>
      <c r="B65">
        <v>20.054143</v>
      </c>
      <c r="C65">
        <v>10.144909</v>
      </c>
      <c r="D65">
        <f t="shared" si="5"/>
        <v>0.36535100000000043</v>
      </c>
      <c r="E65">
        <f t="shared" si="6"/>
        <v>5.0658500000000686</v>
      </c>
      <c r="F65">
        <f t="shared" si="2"/>
        <v>2.49779901790654E-2</v>
      </c>
    </row>
    <row r="66" spans="1:6" x14ac:dyDescent="0.2">
      <c r="A66">
        <v>554.941508</v>
      </c>
      <c r="B66">
        <v>20.013255000000001</v>
      </c>
      <c r="C66">
        <v>10.149914000000001</v>
      </c>
      <c r="D66">
        <f t="shared" si="5"/>
        <v>0.37035600000000102</v>
      </c>
      <c r="E66">
        <f t="shared" si="6"/>
        <v>4.8903480000000172</v>
      </c>
      <c r="F66">
        <f t="shared" si="2"/>
        <v>2.379431299043322E-2</v>
      </c>
    </row>
    <row r="67" spans="1:6" x14ac:dyDescent="0.2">
      <c r="A67">
        <v>554.56873800000005</v>
      </c>
      <c r="B67">
        <v>20.041563</v>
      </c>
      <c r="C67">
        <v>10.154918</v>
      </c>
      <c r="D67">
        <f t="shared" si="5"/>
        <v>0.37536000000000058</v>
      </c>
      <c r="E67">
        <f t="shared" si="6"/>
        <v>4.5175780000000714</v>
      </c>
      <c r="F67">
        <f t="shared" ref="F67:F130" si="7">(1/A67)*(E67/D67)</f>
        <v>2.1702126236222221E-2</v>
      </c>
    </row>
    <row r="68" spans="1:6" x14ac:dyDescent="0.2">
      <c r="A68">
        <v>553.74214199999994</v>
      </c>
      <c r="B68">
        <v>20.100580999999998</v>
      </c>
      <c r="C68">
        <v>10.159922999999999</v>
      </c>
      <c r="D68">
        <f t="shared" si="5"/>
        <v>0.3803649999999994</v>
      </c>
      <c r="E68">
        <f t="shared" si="6"/>
        <v>3.6909819999999627</v>
      </c>
      <c r="F68">
        <f t="shared" si="7"/>
        <v>1.7524022545620691E-2</v>
      </c>
    </row>
    <row r="69" spans="1:6" x14ac:dyDescent="0.2">
      <c r="A69">
        <v>553.06883100000005</v>
      </c>
      <c r="B69">
        <v>20.061221</v>
      </c>
      <c r="C69">
        <v>10.164928</v>
      </c>
      <c r="D69">
        <f t="shared" si="5"/>
        <v>0.38536999999999999</v>
      </c>
      <c r="E69">
        <f t="shared" si="6"/>
        <v>3.0176710000000639</v>
      </c>
      <c r="F69">
        <f t="shared" si="7"/>
        <v>1.4158420365001574E-2</v>
      </c>
    </row>
    <row r="70" spans="1:6" x14ac:dyDescent="0.2">
      <c r="A70">
        <v>552.72435199999995</v>
      </c>
      <c r="B70">
        <v>20.035864</v>
      </c>
      <c r="C70">
        <v>10.169933</v>
      </c>
      <c r="D70">
        <f t="shared" si="5"/>
        <v>0.39037500000000058</v>
      </c>
      <c r="E70">
        <f t="shared" si="6"/>
        <v>2.6731919999999718</v>
      </c>
      <c r="F70">
        <f t="shared" si="7"/>
        <v>1.2389094234467149E-2</v>
      </c>
    </row>
    <row r="71" spans="1:6" x14ac:dyDescent="0.2">
      <c r="A71">
        <v>552.57596799999999</v>
      </c>
      <c r="B71">
        <v>20.016265000000001</v>
      </c>
      <c r="C71">
        <v>10.174937999999999</v>
      </c>
      <c r="D71">
        <f t="shared" si="5"/>
        <v>0.3953799999999994</v>
      </c>
      <c r="E71">
        <f t="shared" si="6"/>
        <v>2.5248080000000073</v>
      </c>
      <c r="F71">
        <f t="shared" si="7"/>
        <v>1.1556376098940493E-2</v>
      </c>
    </row>
    <row r="72" spans="1:6" x14ac:dyDescent="0.2">
      <c r="A72">
        <v>552.15849700000001</v>
      </c>
      <c r="B72">
        <v>20.046735000000002</v>
      </c>
      <c r="C72">
        <v>10.179942</v>
      </c>
      <c r="D72">
        <f t="shared" si="5"/>
        <v>0.40038400000000074</v>
      </c>
      <c r="E72">
        <f t="shared" si="6"/>
        <v>2.1073370000000295</v>
      </c>
      <c r="F72">
        <f t="shared" si="7"/>
        <v>9.5322081801593461E-3</v>
      </c>
    </row>
    <row r="73" spans="1:6" x14ac:dyDescent="0.2">
      <c r="A73">
        <v>551.94677899999999</v>
      </c>
      <c r="B73">
        <v>20.020263</v>
      </c>
      <c r="C73">
        <v>10.184946999999999</v>
      </c>
      <c r="D73">
        <f t="shared" si="5"/>
        <v>0.40538899999999956</v>
      </c>
      <c r="E73">
        <f t="shared" si="6"/>
        <v>1.8956190000000106</v>
      </c>
      <c r="F73">
        <f t="shared" si="7"/>
        <v>8.4719208482479345E-3</v>
      </c>
    </row>
    <row r="74" spans="1:6" x14ac:dyDescent="0.2">
      <c r="A74">
        <v>552.12126000000001</v>
      </c>
      <c r="B74">
        <v>19.960052999999998</v>
      </c>
      <c r="C74">
        <v>10.189952</v>
      </c>
      <c r="D74">
        <f t="shared" si="5"/>
        <v>0.41039400000000015</v>
      </c>
      <c r="E74">
        <f t="shared" si="6"/>
        <v>2.0701000000000249</v>
      </c>
      <c r="F74">
        <f t="shared" si="7"/>
        <v>9.1359949789270138E-3</v>
      </c>
    </row>
    <row r="75" spans="1:6" x14ac:dyDescent="0.2">
      <c r="A75">
        <v>552.64348700000005</v>
      </c>
      <c r="B75">
        <v>19.948931000000002</v>
      </c>
      <c r="C75">
        <v>10.194957</v>
      </c>
      <c r="D75">
        <f t="shared" si="5"/>
        <v>0.41539900000000074</v>
      </c>
      <c r="E75">
        <f t="shared" si="6"/>
        <v>2.5923270000000684</v>
      </c>
      <c r="F75">
        <f t="shared" si="7"/>
        <v>1.1292218691353247E-2</v>
      </c>
    </row>
    <row r="76" spans="1:6" x14ac:dyDescent="0.2">
      <c r="A76">
        <v>553.43077800000003</v>
      </c>
      <c r="B76">
        <v>19.902180999999999</v>
      </c>
      <c r="C76">
        <v>10.199961999999999</v>
      </c>
      <c r="D76">
        <f t="shared" si="5"/>
        <v>0.42040399999999956</v>
      </c>
      <c r="E76">
        <f t="shared" si="6"/>
        <v>3.3796180000000504</v>
      </c>
      <c r="F76">
        <f t="shared" si="7"/>
        <v>1.4525713265898091E-2</v>
      </c>
    </row>
    <row r="77" spans="1:6" x14ac:dyDescent="0.2">
      <c r="A77">
        <v>554.14050899999995</v>
      </c>
      <c r="B77">
        <v>19.907326000000001</v>
      </c>
      <c r="C77">
        <v>10.204966000000001</v>
      </c>
      <c r="D77">
        <f t="shared" si="5"/>
        <v>0.4254080000000009</v>
      </c>
      <c r="E77">
        <f t="shared" si="6"/>
        <v>4.0893489999999701</v>
      </c>
      <c r="F77">
        <f t="shared" si="7"/>
        <v>1.7347169593850836E-2</v>
      </c>
    </row>
    <row r="78" spans="1:6" x14ac:dyDescent="0.2">
      <c r="A78">
        <v>555.07743500000004</v>
      </c>
      <c r="B78">
        <v>19.902567999999999</v>
      </c>
      <c r="C78">
        <v>10.209970999999999</v>
      </c>
      <c r="D78">
        <f t="shared" si="5"/>
        <v>0.43041299999999971</v>
      </c>
      <c r="E78">
        <f t="shared" si="6"/>
        <v>5.0262750000000551</v>
      </c>
      <c r="F78">
        <f t="shared" si="7"/>
        <v>2.1038137701782349E-2</v>
      </c>
    </row>
    <row r="79" spans="1:6" x14ac:dyDescent="0.2">
      <c r="A79">
        <v>556.01615400000003</v>
      </c>
      <c r="B79">
        <v>19.908977</v>
      </c>
      <c r="C79">
        <v>10.214976</v>
      </c>
      <c r="D79">
        <f t="shared" si="5"/>
        <v>0.4354180000000003</v>
      </c>
      <c r="E79">
        <f t="shared" si="6"/>
        <v>5.964994000000047</v>
      </c>
      <c r="F79">
        <f t="shared" si="7"/>
        <v>2.4638611130494214E-2</v>
      </c>
    </row>
    <row r="80" spans="1:6" x14ac:dyDescent="0.2">
      <c r="A80">
        <v>556.49219300000004</v>
      </c>
      <c r="B80">
        <v>19.963315999999999</v>
      </c>
      <c r="C80">
        <v>10.219981000000001</v>
      </c>
      <c r="D80">
        <f t="shared" si="5"/>
        <v>0.4404230000000009</v>
      </c>
      <c r="E80">
        <f t="shared" si="6"/>
        <v>6.4410330000000613</v>
      </c>
      <c r="F80">
        <f t="shared" si="7"/>
        <v>2.6280066349905647E-2</v>
      </c>
    </row>
    <row r="81" spans="1:6" x14ac:dyDescent="0.2">
      <c r="A81">
        <v>557.32124899999997</v>
      </c>
      <c r="B81">
        <v>19.887440000000002</v>
      </c>
      <c r="C81">
        <v>10.224985999999999</v>
      </c>
      <c r="D81">
        <f t="shared" si="5"/>
        <v>0.44542799999999971</v>
      </c>
      <c r="E81">
        <f t="shared" si="6"/>
        <v>7.2700889999999845</v>
      </c>
      <c r="F81">
        <f t="shared" si="7"/>
        <v>2.9285767627621084E-2</v>
      </c>
    </row>
    <row r="82" spans="1:6" x14ac:dyDescent="0.2">
      <c r="A82">
        <v>558.20262600000001</v>
      </c>
      <c r="B82">
        <v>19.911881000000001</v>
      </c>
      <c r="C82">
        <v>10.229990000000001</v>
      </c>
      <c r="D82">
        <f t="shared" si="5"/>
        <v>0.45043200000000105</v>
      </c>
      <c r="E82">
        <f t="shared" si="6"/>
        <v>8.1514660000000276</v>
      </c>
      <c r="F82">
        <f t="shared" si="7"/>
        <v>3.2420119379637027E-2</v>
      </c>
    </row>
    <row r="83" spans="1:6" x14ac:dyDescent="0.2">
      <c r="A83">
        <v>558.86052199999995</v>
      </c>
      <c r="B83">
        <v>19.937387999999999</v>
      </c>
      <c r="C83">
        <v>10.234995</v>
      </c>
      <c r="D83">
        <f t="shared" si="5"/>
        <v>0.45543699999999987</v>
      </c>
      <c r="E83">
        <f t="shared" si="6"/>
        <v>8.8093619999999646</v>
      </c>
      <c r="F83">
        <f t="shared" si="7"/>
        <v>3.4610885810905878E-2</v>
      </c>
    </row>
    <row r="84" spans="1:6" x14ac:dyDescent="0.2">
      <c r="A84">
        <v>558.60489399999994</v>
      </c>
      <c r="B84">
        <v>20.049448000000002</v>
      </c>
      <c r="C84">
        <v>10.24</v>
      </c>
      <c r="D84">
        <f t="shared" si="5"/>
        <v>0.46044200000000046</v>
      </c>
      <c r="E84">
        <f t="shared" si="6"/>
        <v>8.5537339999999631</v>
      </c>
      <c r="F84">
        <f t="shared" si="7"/>
        <v>3.3256464137345343E-2</v>
      </c>
    </row>
    <row r="85" spans="1:6" x14ac:dyDescent="0.2">
      <c r="A85">
        <v>558.38669700000003</v>
      </c>
      <c r="B85">
        <v>19.995723000000002</v>
      </c>
      <c r="C85">
        <v>10.245005000000001</v>
      </c>
      <c r="D85">
        <f t="shared" si="5"/>
        <v>0.46544700000000105</v>
      </c>
      <c r="E85">
        <f t="shared" si="6"/>
        <v>8.3355370000000448</v>
      </c>
      <c r="F85">
        <f t="shared" si="7"/>
        <v>3.207216555479149E-2</v>
      </c>
    </row>
    <row r="86" spans="1:6" x14ac:dyDescent="0.2">
      <c r="A86">
        <v>558.23910899999998</v>
      </c>
      <c r="B86">
        <v>20.051614000000001</v>
      </c>
      <c r="C86">
        <v>10.25001</v>
      </c>
      <c r="D86">
        <f t="shared" si="5"/>
        <v>0.47045199999999987</v>
      </c>
      <c r="E86">
        <f t="shared" si="6"/>
        <v>8.1879490000000033</v>
      </c>
      <c r="F86">
        <f t="shared" si="7"/>
        <v>3.1177375298413745E-2</v>
      </c>
    </row>
    <row r="87" spans="1:6" x14ac:dyDescent="0.2">
      <c r="A87">
        <v>557.59606499999995</v>
      </c>
      <c r="B87">
        <v>20.073304</v>
      </c>
      <c r="C87">
        <v>10.255013999999999</v>
      </c>
      <c r="D87">
        <f t="shared" si="5"/>
        <v>0.47545599999999943</v>
      </c>
      <c r="E87">
        <f t="shared" si="6"/>
        <v>7.5449049999999716</v>
      </c>
      <c r="F87">
        <f t="shared" si="7"/>
        <v>2.8459269168039966E-2</v>
      </c>
    </row>
    <row r="88" spans="1:6" x14ac:dyDescent="0.2">
      <c r="A88">
        <v>556.36503600000003</v>
      </c>
      <c r="B88">
        <v>20.154696999999999</v>
      </c>
      <c r="C88">
        <v>10.260019</v>
      </c>
      <c r="D88">
        <f t="shared" si="5"/>
        <v>0.48046100000000003</v>
      </c>
      <c r="E88">
        <f t="shared" si="6"/>
        <v>6.3138760000000502</v>
      </c>
      <c r="F88">
        <f t="shared" si="7"/>
        <v>2.3619901272990691E-2</v>
      </c>
    </row>
    <row r="89" spans="1:6" x14ac:dyDescent="0.2">
      <c r="A89">
        <v>555.47716100000002</v>
      </c>
      <c r="B89">
        <v>20.053875000000001</v>
      </c>
      <c r="C89">
        <v>10.265024</v>
      </c>
      <c r="D89">
        <f t="shared" si="5"/>
        <v>0.48546600000000062</v>
      </c>
      <c r="E89">
        <f t="shared" si="6"/>
        <v>5.426001000000042</v>
      </c>
      <c r="F89">
        <f t="shared" si="7"/>
        <v>2.0121244721278707E-2</v>
      </c>
    </row>
    <row r="90" spans="1:6" x14ac:dyDescent="0.2">
      <c r="A90">
        <v>554.85296400000004</v>
      </c>
      <c r="B90">
        <v>20.07799</v>
      </c>
      <c r="C90">
        <v>10.270028999999999</v>
      </c>
      <c r="D90">
        <f t="shared" si="5"/>
        <v>0.49047099999999944</v>
      </c>
      <c r="E90">
        <f t="shared" si="6"/>
        <v>4.801804000000061</v>
      </c>
      <c r="F90">
        <f t="shared" si="7"/>
        <v>1.7644655549069254E-2</v>
      </c>
    </row>
    <row r="91" spans="1:6" x14ac:dyDescent="0.2">
      <c r="A91">
        <v>554.34866499999998</v>
      </c>
      <c r="B91">
        <v>20.048227000000001</v>
      </c>
      <c r="C91">
        <v>10.275034</v>
      </c>
      <c r="D91">
        <f t="shared" si="5"/>
        <v>0.49547600000000003</v>
      </c>
      <c r="E91">
        <f t="shared" si="6"/>
        <v>4.297505000000001</v>
      </c>
      <c r="F91">
        <f t="shared" si="7"/>
        <v>1.5646267889654196E-2</v>
      </c>
    </row>
    <row r="92" spans="1:6" x14ac:dyDescent="0.2">
      <c r="A92">
        <v>553.63574000000006</v>
      </c>
      <c r="B92">
        <v>20.082529000000001</v>
      </c>
      <c r="C92">
        <v>10.280037999999999</v>
      </c>
      <c r="D92">
        <f t="shared" si="5"/>
        <v>0.50047999999999959</v>
      </c>
      <c r="E92">
        <f t="shared" si="6"/>
        <v>3.5845800000000736</v>
      </c>
      <c r="F92">
        <f t="shared" si="7"/>
        <v>1.2936816917132693E-2</v>
      </c>
    </row>
    <row r="93" spans="1:6" x14ac:dyDescent="0.2">
      <c r="A93">
        <v>552.95791999999994</v>
      </c>
      <c r="B93">
        <v>20.0548</v>
      </c>
      <c r="C93">
        <v>10.285043</v>
      </c>
      <c r="D93">
        <f t="shared" si="5"/>
        <v>0.50548500000000018</v>
      </c>
      <c r="E93">
        <f t="shared" si="6"/>
        <v>2.9067599999999629</v>
      </c>
      <c r="F93">
        <f t="shared" si="7"/>
        <v>1.0399412849440607E-2</v>
      </c>
    </row>
    <row r="94" spans="1:6" x14ac:dyDescent="0.2">
      <c r="A94">
        <v>552.88082699999995</v>
      </c>
      <c r="B94">
        <v>19.990082999999998</v>
      </c>
      <c r="C94">
        <v>10.290048000000001</v>
      </c>
      <c r="D94">
        <f t="shared" si="5"/>
        <v>0.51049000000000078</v>
      </c>
      <c r="E94">
        <f t="shared" si="6"/>
        <v>2.8296669999999722</v>
      </c>
      <c r="F94">
        <f t="shared" si="7"/>
        <v>1.0025742852941499E-2</v>
      </c>
    </row>
    <row r="95" spans="1:6" x14ac:dyDescent="0.2">
      <c r="A95">
        <v>553.28295800000001</v>
      </c>
      <c r="B95">
        <v>19.954758999999999</v>
      </c>
      <c r="C95">
        <v>10.295052999999999</v>
      </c>
      <c r="D95">
        <f t="shared" si="5"/>
        <v>0.51549499999999959</v>
      </c>
      <c r="E95">
        <f t="shared" si="6"/>
        <v>3.2317980000000261</v>
      </c>
      <c r="F95">
        <f t="shared" si="7"/>
        <v>1.1331110040447323E-2</v>
      </c>
    </row>
    <row r="96" spans="1:6" x14ac:dyDescent="0.2">
      <c r="A96">
        <v>553.12727800000005</v>
      </c>
      <c r="B96">
        <v>20.057832000000001</v>
      </c>
      <c r="C96">
        <v>10.300058</v>
      </c>
      <c r="D96">
        <f t="shared" si="5"/>
        <v>0.52050000000000018</v>
      </c>
      <c r="E96">
        <f t="shared" si="6"/>
        <v>3.076118000000065</v>
      </c>
      <c r="F96">
        <f t="shared" si="7"/>
        <v>1.0684573243023835E-2</v>
      </c>
    </row>
    <row r="97" spans="1:6" x14ac:dyDescent="0.2">
      <c r="A97">
        <v>553.04701299999999</v>
      </c>
      <c r="B97">
        <v>19.982143000000001</v>
      </c>
      <c r="C97">
        <v>10.305062</v>
      </c>
      <c r="D97">
        <f t="shared" si="5"/>
        <v>0.52550399999999975</v>
      </c>
      <c r="E97">
        <f t="shared" si="6"/>
        <v>2.995853000000011</v>
      </c>
      <c r="F97">
        <f t="shared" si="7"/>
        <v>1.0308190181706738E-2</v>
      </c>
    </row>
    <row r="98" spans="1:6" x14ac:dyDescent="0.2">
      <c r="A98">
        <v>553.50566700000002</v>
      </c>
      <c r="B98">
        <v>19.941454</v>
      </c>
      <c r="C98">
        <v>10.310067</v>
      </c>
      <c r="D98">
        <f t="shared" si="5"/>
        <v>0.53050900000000034</v>
      </c>
      <c r="E98">
        <f t="shared" si="6"/>
        <v>3.4545070000000351</v>
      </c>
      <c r="F98">
        <f t="shared" si="7"/>
        <v>1.1764439734111008E-2</v>
      </c>
    </row>
    <row r="99" spans="1:6" x14ac:dyDescent="0.2">
      <c r="A99">
        <v>554.41352199999994</v>
      </c>
      <c r="B99">
        <v>19.889174000000001</v>
      </c>
      <c r="C99">
        <v>10.315072000000001</v>
      </c>
      <c r="D99">
        <f t="shared" si="5"/>
        <v>0.53551400000000093</v>
      </c>
      <c r="E99">
        <f t="shared" si="6"/>
        <v>4.3623619999999619</v>
      </c>
      <c r="F99">
        <f t="shared" si="7"/>
        <v>1.4693222609654626E-2</v>
      </c>
    </row>
    <row r="100" spans="1:6" x14ac:dyDescent="0.2">
      <c r="A100">
        <v>555.17290100000002</v>
      </c>
      <c r="B100">
        <v>19.921489999999999</v>
      </c>
      <c r="C100">
        <v>10.320077</v>
      </c>
      <c r="D100">
        <f t="shared" si="5"/>
        <v>0.54051899999999975</v>
      </c>
      <c r="E100">
        <f t="shared" si="6"/>
        <v>5.1217410000000427</v>
      </c>
      <c r="F100">
        <f t="shared" si="7"/>
        <v>1.706783316608319E-2</v>
      </c>
    </row>
    <row r="101" spans="1:6" x14ac:dyDescent="0.2">
      <c r="A101">
        <v>555.827673</v>
      </c>
      <c r="B101">
        <v>19.916805</v>
      </c>
      <c r="C101">
        <v>10.325082</v>
      </c>
      <c r="D101">
        <f t="shared" si="5"/>
        <v>0.54552400000000034</v>
      </c>
      <c r="E101">
        <f t="shared" si="6"/>
        <v>5.7765130000000227</v>
      </c>
      <c r="F101">
        <f t="shared" si="7"/>
        <v>1.9050734651262571E-2</v>
      </c>
    </row>
    <row r="102" spans="1:6" x14ac:dyDescent="0.2">
      <c r="A102">
        <v>556.79919199999995</v>
      </c>
      <c r="B102">
        <v>19.897224999999999</v>
      </c>
      <c r="C102">
        <v>10.330086</v>
      </c>
      <c r="D102">
        <f t="shared" si="5"/>
        <v>0.55052799999999991</v>
      </c>
      <c r="E102">
        <f t="shared" si="6"/>
        <v>6.7480319999999665</v>
      </c>
      <c r="F102">
        <f t="shared" si="7"/>
        <v>2.2014008246235055E-2</v>
      </c>
    </row>
    <row r="103" spans="1:6" x14ac:dyDescent="0.2">
      <c r="A103">
        <v>557.98555899999997</v>
      </c>
      <c r="B103">
        <v>19.883870000000002</v>
      </c>
      <c r="C103">
        <v>10.335091</v>
      </c>
      <c r="D103">
        <f t="shared" si="5"/>
        <v>0.5555330000000005</v>
      </c>
      <c r="E103">
        <f t="shared" si="6"/>
        <v>7.9343989999999849</v>
      </c>
      <c r="F103">
        <f t="shared" si="7"/>
        <v>2.5596537112928364E-2</v>
      </c>
    </row>
    <row r="104" spans="1:6" x14ac:dyDescent="0.2">
      <c r="A104">
        <v>558.50860699999998</v>
      </c>
      <c r="B104">
        <v>19.957910999999999</v>
      </c>
      <c r="C104">
        <v>10.340096000000001</v>
      </c>
      <c r="D104">
        <f t="shared" si="5"/>
        <v>0.56053800000000109</v>
      </c>
      <c r="E104">
        <f t="shared" si="6"/>
        <v>8.4574470000000019</v>
      </c>
      <c r="F104">
        <f t="shared" si="7"/>
        <v>2.7014961626763971E-2</v>
      </c>
    </row>
    <row r="105" spans="1:6" x14ac:dyDescent="0.2">
      <c r="A105">
        <v>558.29638899999998</v>
      </c>
      <c r="B105">
        <v>20.013228000000002</v>
      </c>
      <c r="C105">
        <v>10.345101</v>
      </c>
      <c r="D105">
        <f t="shared" si="5"/>
        <v>0.56554299999999991</v>
      </c>
      <c r="E105">
        <f t="shared" si="6"/>
        <v>8.2452289999999948</v>
      </c>
      <c r="F105">
        <f t="shared" si="7"/>
        <v>2.6113932181963711E-2</v>
      </c>
    </row>
    <row r="106" spans="1:6" x14ac:dyDescent="0.2">
      <c r="A106">
        <v>558.39715100000001</v>
      </c>
      <c r="B106">
        <v>19.985053000000001</v>
      </c>
      <c r="C106">
        <v>10.350106</v>
      </c>
      <c r="D106">
        <f t="shared" si="5"/>
        <v>0.5705480000000005</v>
      </c>
      <c r="E106">
        <f t="shared" si="6"/>
        <v>8.3459910000000264</v>
      </c>
      <c r="F106">
        <f t="shared" si="7"/>
        <v>2.619645535785476E-2</v>
      </c>
    </row>
    <row r="107" spans="1:6" x14ac:dyDescent="0.2">
      <c r="A107">
        <v>559.01514699999996</v>
      </c>
      <c r="B107">
        <v>19.923231000000001</v>
      </c>
      <c r="C107">
        <v>10.35511</v>
      </c>
      <c r="D107">
        <f t="shared" si="5"/>
        <v>0.57555200000000006</v>
      </c>
      <c r="E107">
        <f t="shared" si="6"/>
        <v>8.9639869999999746</v>
      </c>
      <c r="F107">
        <f t="shared" si="7"/>
        <v>2.7860767431645866E-2</v>
      </c>
    </row>
    <row r="108" spans="1:6" x14ac:dyDescent="0.2">
      <c r="A108">
        <v>559.23319400000003</v>
      </c>
      <c r="B108">
        <v>20.019873</v>
      </c>
      <c r="C108">
        <v>10.360115</v>
      </c>
      <c r="D108">
        <f t="shared" si="5"/>
        <v>0.58055700000000066</v>
      </c>
      <c r="E108">
        <f t="shared" si="6"/>
        <v>9.1820340000000442</v>
      </c>
      <c r="F108">
        <f t="shared" si="7"/>
        <v>2.8281412031993899E-2</v>
      </c>
    </row>
    <row r="109" spans="1:6" x14ac:dyDescent="0.2">
      <c r="A109">
        <v>558.79021499999999</v>
      </c>
      <c r="B109">
        <v>20.054396000000001</v>
      </c>
      <c r="C109">
        <v>10.365119999999999</v>
      </c>
      <c r="D109">
        <f t="shared" si="5"/>
        <v>0.58556199999999947</v>
      </c>
      <c r="E109">
        <f t="shared" si="6"/>
        <v>8.7390550000000076</v>
      </c>
      <c r="F109">
        <f t="shared" si="7"/>
        <v>2.6708087759884067E-2</v>
      </c>
    </row>
    <row r="110" spans="1:6" x14ac:dyDescent="0.2">
      <c r="A110">
        <v>558.06924900000001</v>
      </c>
      <c r="B110">
        <v>20.056284999999999</v>
      </c>
      <c r="C110">
        <v>10.370125</v>
      </c>
      <c r="D110">
        <f t="shared" si="5"/>
        <v>0.59056700000000006</v>
      </c>
      <c r="E110">
        <f t="shared" si="6"/>
        <v>8.0180890000000318</v>
      </c>
      <c r="F110">
        <f t="shared" si="7"/>
        <v>2.4328403180903822E-2</v>
      </c>
    </row>
    <row r="111" spans="1:6" x14ac:dyDescent="0.2">
      <c r="A111">
        <v>558.03347499999995</v>
      </c>
      <c r="B111">
        <v>20.003419000000001</v>
      </c>
      <c r="C111">
        <v>10.37513</v>
      </c>
      <c r="D111">
        <f t="shared" si="5"/>
        <v>0.59557200000000066</v>
      </c>
      <c r="E111">
        <f t="shared" si="6"/>
        <v>7.9823149999999714</v>
      </c>
      <c r="F111">
        <f t="shared" si="7"/>
        <v>2.4017861619685513E-2</v>
      </c>
    </row>
    <row r="112" spans="1:6" x14ac:dyDescent="0.2">
      <c r="A112">
        <v>557.79122099999995</v>
      </c>
      <c r="B112">
        <v>20.023291</v>
      </c>
      <c r="C112">
        <v>10.380134</v>
      </c>
      <c r="D112">
        <f t="shared" si="5"/>
        <v>0.60057600000000022</v>
      </c>
      <c r="E112">
        <f t="shared" si="6"/>
        <v>7.7400609999999688</v>
      </c>
      <c r="F112">
        <f t="shared" si="7"/>
        <v>2.3104934178227354E-2</v>
      </c>
    </row>
    <row r="113" spans="1:6" x14ac:dyDescent="0.2">
      <c r="A113">
        <v>557.09766300000001</v>
      </c>
      <c r="B113">
        <v>20.107844</v>
      </c>
      <c r="C113">
        <v>10.385139000000001</v>
      </c>
      <c r="D113">
        <f t="shared" si="5"/>
        <v>0.60558100000000081</v>
      </c>
      <c r="E113">
        <f t="shared" si="6"/>
        <v>7.0465030000000297</v>
      </c>
      <c r="F113">
        <f t="shared" si="7"/>
        <v>2.088671129387876E-2</v>
      </c>
    </row>
    <row r="114" spans="1:6" x14ac:dyDescent="0.2">
      <c r="A114">
        <v>555.99999000000003</v>
      </c>
      <c r="B114">
        <v>20.10717</v>
      </c>
      <c r="C114">
        <v>10.390143999999999</v>
      </c>
      <c r="D114">
        <f t="shared" si="5"/>
        <v>0.61058599999999963</v>
      </c>
      <c r="E114">
        <f t="shared" si="6"/>
        <v>5.9488300000000436</v>
      </c>
      <c r="F114">
        <f t="shared" si="7"/>
        <v>1.7523059363968817E-2</v>
      </c>
    </row>
    <row r="115" spans="1:6" x14ac:dyDescent="0.2">
      <c r="A115">
        <v>555.603475</v>
      </c>
      <c r="B115">
        <v>20.025289000000001</v>
      </c>
      <c r="C115">
        <v>10.395149</v>
      </c>
      <c r="D115">
        <f t="shared" si="5"/>
        <v>0.61559100000000022</v>
      </c>
      <c r="E115">
        <f t="shared" si="6"/>
        <v>5.5523150000000214</v>
      </c>
      <c r="F115">
        <f t="shared" si="7"/>
        <v>1.6233676300457429E-2</v>
      </c>
    </row>
    <row r="116" spans="1:6" x14ac:dyDescent="0.2">
      <c r="A116">
        <v>555.54757199999995</v>
      </c>
      <c r="B116">
        <v>20.010204000000002</v>
      </c>
      <c r="C116">
        <v>10.400154000000001</v>
      </c>
      <c r="D116">
        <f t="shared" si="5"/>
        <v>0.62059600000000081</v>
      </c>
      <c r="E116">
        <f t="shared" si="6"/>
        <v>5.4964119999999639</v>
      </c>
      <c r="F116">
        <f t="shared" si="7"/>
        <v>1.5942229366920285E-2</v>
      </c>
    </row>
    <row r="117" spans="1:6" x14ac:dyDescent="0.2">
      <c r="A117">
        <v>555.11481900000001</v>
      </c>
      <c r="B117">
        <v>20.050052999999998</v>
      </c>
      <c r="C117">
        <v>10.405158</v>
      </c>
      <c r="D117">
        <f t="shared" si="5"/>
        <v>0.62560000000000038</v>
      </c>
      <c r="E117">
        <f t="shared" si="6"/>
        <v>5.0636590000000297</v>
      </c>
      <c r="F117">
        <f t="shared" si="7"/>
        <v>1.4580918761752475E-2</v>
      </c>
    </row>
    <row r="118" spans="1:6" x14ac:dyDescent="0.2">
      <c r="A118">
        <v>554.45895700000005</v>
      </c>
      <c r="B118">
        <v>20.059750000000001</v>
      </c>
      <c r="C118">
        <v>10.410163000000001</v>
      </c>
      <c r="D118">
        <f t="shared" si="5"/>
        <v>0.63060500000000097</v>
      </c>
      <c r="E118">
        <f t="shared" si="6"/>
        <v>4.4077970000000732</v>
      </c>
      <c r="F118">
        <f t="shared" si="7"/>
        <v>1.2606507061073326E-2</v>
      </c>
    </row>
    <row r="119" spans="1:6" x14ac:dyDescent="0.2">
      <c r="A119">
        <v>554.27405899999997</v>
      </c>
      <c r="B119">
        <v>20.016380999999999</v>
      </c>
      <c r="C119">
        <v>10.415168</v>
      </c>
      <c r="D119">
        <f t="shared" si="5"/>
        <v>0.63560999999999979</v>
      </c>
      <c r="E119">
        <f t="shared" si="6"/>
        <v>4.222898999999984</v>
      </c>
      <c r="F119">
        <f t="shared" si="7"/>
        <v>1.1986583630278849E-2</v>
      </c>
    </row>
    <row r="120" spans="1:6" x14ac:dyDescent="0.2">
      <c r="A120">
        <v>554.68049599999995</v>
      </c>
      <c r="B120">
        <v>19.932379000000001</v>
      </c>
      <c r="C120">
        <v>10.420173</v>
      </c>
      <c r="D120">
        <f t="shared" si="5"/>
        <v>0.64061500000000038</v>
      </c>
      <c r="E120">
        <f t="shared" si="6"/>
        <v>4.6293359999999666</v>
      </c>
      <c r="F120">
        <f t="shared" si="7"/>
        <v>1.3028028639399003E-2</v>
      </c>
    </row>
    <row r="121" spans="1:6" x14ac:dyDescent="0.2">
      <c r="A121">
        <v>555.03444000000002</v>
      </c>
      <c r="B121">
        <v>19.974557999999998</v>
      </c>
      <c r="C121">
        <v>10.425178000000001</v>
      </c>
      <c r="D121">
        <f t="shared" si="5"/>
        <v>0.64562000000000097</v>
      </c>
      <c r="E121">
        <f t="shared" si="6"/>
        <v>4.9832800000000361</v>
      </c>
      <c r="F121">
        <f t="shared" si="7"/>
        <v>1.3906517365279985E-2</v>
      </c>
    </row>
    <row r="122" spans="1:6" x14ac:dyDescent="0.2">
      <c r="A122">
        <v>555.06989199999998</v>
      </c>
      <c r="B122">
        <v>20.001134</v>
      </c>
      <c r="C122">
        <v>10.430182</v>
      </c>
      <c r="D122">
        <f t="shared" si="5"/>
        <v>0.65062400000000054</v>
      </c>
      <c r="E122">
        <f t="shared" si="6"/>
        <v>5.018732</v>
      </c>
      <c r="F122">
        <f t="shared" si="7"/>
        <v>1.3896846312290547E-2</v>
      </c>
    </row>
    <row r="123" spans="1:6" x14ac:dyDescent="0.2">
      <c r="A123">
        <v>555.07063700000003</v>
      </c>
      <c r="B123">
        <v>19.989605000000001</v>
      </c>
      <c r="C123">
        <v>10.435187000000001</v>
      </c>
      <c r="D123">
        <f t="shared" si="5"/>
        <v>0.65562900000000113</v>
      </c>
      <c r="E123">
        <f t="shared" si="6"/>
        <v>5.0194770000000517</v>
      </c>
      <c r="F123">
        <f t="shared" si="7"/>
        <v>1.3792787950501893E-2</v>
      </c>
    </row>
    <row r="124" spans="1:6" x14ac:dyDescent="0.2">
      <c r="A124">
        <v>555.46510799999999</v>
      </c>
      <c r="B124">
        <v>19.966546000000001</v>
      </c>
      <c r="C124">
        <v>10.440192</v>
      </c>
      <c r="D124">
        <f t="shared" si="5"/>
        <v>0.66063399999999994</v>
      </c>
      <c r="E124">
        <f t="shared" si="6"/>
        <v>5.4139480000000049</v>
      </c>
      <c r="F124">
        <f t="shared" si="7"/>
        <v>1.475354464989252E-2</v>
      </c>
    </row>
    <row r="125" spans="1:6" x14ac:dyDescent="0.2">
      <c r="A125">
        <v>555.80444599999998</v>
      </c>
      <c r="B125">
        <v>19.944077</v>
      </c>
      <c r="C125">
        <v>10.445197</v>
      </c>
      <c r="D125">
        <f t="shared" ref="D125:D188" si="8">C125-$C$2</f>
        <v>0.66563900000000054</v>
      </c>
      <c r="E125">
        <f t="shared" ref="E125:E188" si="9">A125-$A$2</f>
        <v>5.7532860000000028</v>
      </c>
      <c r="F125">
        <f t="shared" si="7"/>
        <v>1.5550887791643493E-2</v>
      </c>
    </row>
    <row r="126" spans="1:6" x14ac:dyDescent="0.2">
      <c r="A126">
        <v>556.38595699999996</v>
      </c>
      <c r="B126">
        <v>19.945356</v>
      </c>
      <c r="C126">
        <v>10.450202000000001</v>
      </c>
      <c r="D126">
        <f t="shared" si="8"/>
        <v>0.67064400000000113</v>
      </c>
      <c r="E126">
        <f t="shared" si="9"/>
        <v>6.3347969999999805</v>
      </c>
      <c r="F126">
        <f t="shared" si="7"/>
        <v>1.6977138783107162E-2</v>
      </c>
    </row>
    <row r="127" spans="1:6" x14ac:dyDescent="0.2">
      <c r="A127">
        <v>556.99310100000002</v>
      </c>
      <c r="B127">
        <v>19.932183999999999</v>
      </c>
      <c r="C127">
        <v>10.455206</v>
      </c>
      <c r="D127">
        <f t="shared" si="8"/>
        <v>0.67564800000000069</v>
      </c>
      <c r="E127">
        <f t="shared" si="9"/>
        <v>6.9419410000000425</v>
      </c>
      <c r="F127">
        <f t="shared" si="7"/>
        <v>1.8446356884507919E-2</v>
      </c>
    </row>
    <row r="128" spans="1:6" x14ac:dyDescent="0.2">
      <c r="A128">
        <v>557.78206699999998</v>
      </c>
      <c r="B128">
        <v>19.904577</v>
      </c>
      <c r="C128">
        <v>10.460210999999999</v>
      </c>
      <c r="D128">
        <f t="shared" si="8"/>
        <v>0.68065299999999951</v>
      </c>
      <c r="E128">
        <f t="shared" si="9"/>
        <v>7.730907000000002</v>
      </c>
      <c r="F128">
        <f t="shared" si="7"/>
        <v>2.0362923913980452E-2</v>
      </c>
    </row>
    <row r="129" spans="1:6" x14ac:dyDescent="0.2">
      <c r="A129">
        <v>558.56862699999999</v>
      </c>
      <c r="B129">
        <v>19.913623999999999</v>
      </c>
      <c r="C129">
        <v>10.465216</v>
      </c>
      <c r="D129">
        <f t="shared" si="8"/>
        <v>0.6856580000000001</v>
      </c>
      <c r="E129">
        <f t="shared" si="9"/>
        <v>8.5174670000000106</v>
      </c>
      <c r="F129">
        <f t="shared" si="7"/>
        <v>2.2239569333292523E-2</v>
      </c>
    </row>
    <row r="130" spans="1:6" x14ac:dyDescent="0.2">
      <c r="A130">
        <v>559.35230200000001</v>
      </c>
      <c r="B130">
        <v>19.934635</v>
      </c>
      <c r="C130">
        <v>10.470221</v>
      </c>
      <c r="D130">
        <f t="shared" si="8"/>
        <v>0.69066300000000069</v>
      </c>
      <c r="E130">
        <f t="shared" si="9"/>
        <v>9.3011420000000271</v>
      </c>
      <c r="F130">
        <f t="shared" si="7"/>
        <v>2.4076017720076937E-2</v>
      </c>
    </row>
    <row r="131" spans="1:6" x14ac:dyDescent="0.2">
      <c r="A131">
        <v>559.88072899999997</v>
      </c>
      <c r="B131">
        <v>19.944178000000001</v>
      </c>
      <c r="C131">
        <v>10.475225999999999</v>
      </c>
      <c r="D131">
        <f t="shared" si="8"/>
        <v>0.69566799999999951</v>
      </c>
      <c r="E131">
        <f t="shared" si="9"/>
        <v>9.8295689999999922</v>
      </c>
      <c r="F131">
        <f t="shared" ref="F131:F194" si="10">(1/A131)*(E131/D131)</f>
        <v>2.5236953614078208E-2</v>
      </c>
    </row>
    <row r="132" spans="1:6" x14ac:dyDescent="0.2">
      <c r="A132">
        <v>560.02534500000002</v>
      </c>
      <c r="B132">
        <v>19.977017</v>
      </c>
      <c r="C132">
        <v>10.480230000000001</v>
      </c>
      <c r="D132">
        <f t="shared" si="8"/>
        <v>0.70067200000000085</v>
      </c>
      <c r="E132">
        <f t="shared" si="9"/>
        <v>9.9741850000000341</v>
      </c>
      <c r="F132">
        <f t="shared" si="10"/>
        <v>2.5418795913839682E-2</v>
      </c>
    </row>
    <row r="133" spans="1:6" x14ac:dyDescent="0.2">
      <c r="A133">
        <v>560.08701299999996</v>
      </c>
      <c r="B133">
        <v>19.992182</v>
      </c>
      <c r="C133">
        <v>10.485234999999999</v>
      </c>
      <c r="D133">
        <f t="shared" si="8"/>
        <v>0.70567699999999967</v>
      </c>
      <c r="E133">
        <f t="shared" si="9"/>
        <v>10.035852999999975</v>
      </c>
      <c r="F133">
        <f t="shared" si="10"/>
        <v>2.5391761254580248E-2</v>
      </c>
    </row>
    <row r="134" spans="1:6" x14ac:dyDescent="0.2">
      <c r="A134">
        <v>560.18643799999995</v>
      </c>
      <c r="B134">
        <v>20.006523999999999</v>
      </c>
      <c r="C134">
        <v>10.49024</v>
      </c>
      <c r="D134">
        <f t="shared" si="8"/>
        <v>0.71068200000000026</v>
      </c>
      <c r="E134">
        <f t="shared" si="9"/>
        <v>10.135277999999971</v>
      </c>
      <c r="F134">
        <f t="shared" si="10"/>
        <v>2.5458203818863386E-2</v>
      </c>
    </row>
    <row r="135" spans="1:6" x14ac:dyDescent="0.2">
      <c r="A135">
        <v>559.83267899999998</v>
      </c>
      <c r="B135">
        <v>20.050701</v>
      </c>
      <c r="C135">
        <v>10.495245000000001</v>
      </c>
      <c r="D135">
        <f t="shared" si="8"/>
        <v>0.71568700000000085</v>
      </c>
      <c r="E135">
        <f t="shared" si="9"/>
        <v>9.781519000000003</v>
      </c>
      <c r="F135">
        <f t="shared" si="10"/>
        <v>2.4413212332806071E-2</v>
      </c>
    </row>
    <row r="136" spans="1:6" x14ac:dyDescent="0.2">
      <c r="A136">
        <v>559.24301300000002</v>
      </c>
      <c r="B136">
        <v>20.064919</v>
      </c>
      <c r="C136">
        <v>10.500249999999999</v>
      </c>
      <c r="D136">
        <f t="shared" si="8"/>
        <v>0.72069199999999967</v>
      </c>
      <c r="E136">
        <f t="shared" si="9"/>
        <v>9.1918530000000374</v>
      </c>
      <c r="F136">
        <f t="shared" si="10"/>
        <v>2.2806193365067784E-2</v>
      </c>
    </row>
    <row r="137" spans="1:6" x14ac:dyDescent="0.2">
      <c r="A137">
        <v>558.67309999999998</v>
      </c>
      <c r="B137">
        <v>20.053574000000001</v>
      </c>
      <c r="C137">
        <v>10.505254000000001</v>
      </c>
      <c r="D137">
        <f t="shared" si="8"/>
        <v>0.72569600000000101</v>
      </c>
      <c r="E137">
        <f t="shared" si="9"/>
        <v>8.6219399999999951</v>
      </c>
      <c r="F137">
        <f t="shared" si="10"/>
        <v>2.1266327922626723E-2</v>
      </c>
    </row>
    <row r="138" spans="1:6" x14ac:dyDescent="0.2">
      <c r="A138">
        <v>558.22454700000003</v>
      </c>
      <c r="B138">
        <v>20.053421</v>
      </c>
      <c r="C138">
        <v>10.510259</v>
      </c>
      <c r="D138">
        <f t="shared" si="8"/>
        <v>0.73070099999999982</v>
      </c>
      <c r="E138">
        <f t="shared" si="9"/>
        <v>8.1733870000000479</v>
      </c>
      <c r="F138">
        <f t="shared" si="10"/>
        <v>2.0037956573976244E-2</v>
      </c>
    </row>
    <row r="139" spans="1:6" x14ac:dyDescent="0.2">
      <c r="A139">
        <v>557.83291599999995</v>
      </c>
      <c r="B139">
        <v>20.026335</v>
      </c>
      <c r="C139">
        <v>10.515264</v>
      </c>
      <c r="D139">
        <f t="shared" si="8"/>
        <v>0.73570600000000042</v>
      </c>
      <c r="E139">
        <f t="shared" si="9"/>
        <v>7.781755999999973</v>
      </c>
      <c r="F139">
        <f t="shared" si="10"/>
        <v>1.8961346483622903E-2</v>
      </c>
    </row>
    <row r="140" spans="1:6" x14ac:dyDescent="0.2">
      <c r="A140">
        <v>557.39676799999995</v>
      </c>
      <c r="B140">
        <v>20.045696</v>
      </c>
      <c r="C140">
        <v>10.520269000000001</v>
      </c>
      <c r="D140">
        <f t="shared" si="8"/>
        <v>0.74071100000000101</v>
      </c>
      <c r="E140">
        <f t="shared" si="9"/>
        <v>7.3456079999999702</v>
      </c>
      <c r="F140">
        <f t="shared" si="10"/>
        <v>1.7791579599370666E-2</v>
      </c>
    </row>
    <row r="141" spans="1:6" x14ac:dyDescent="0.2">
      <c r="A141">
        <v>557.20379800000001</v>
      </c>
      <c r="B141">
        <v>20.021317</v>
      </c>
      <c r="C141">
        <v>10.525274</v>
      </c>
      <c r="D141">
        <f t="shared" si="8"/>
        <v>0.74571599999999982</v>
      </c>
      <c r="E141">
        <f t="shared" si="9"/>
        <v>7.1526380000000245</v>
      </c>
      <c r="F141">
        <f t="shared" si="10"/>
        <v>1.7213877827002847E-2</v>
      </c>
    </row>
    <row r="142" spans="1:6" x14ac:dyDescent="0.2">
      <c r="A142">
        <v>557.19225500000005</v>
      </c>
      <c r="B142">
        <v>20.003072</v>
      </c>
      <c r="C142">
        <v>10.530277999999999</v>
      </c>
      <c r="D142">
        <f t="shared" si="8"/>
        <v>0.75071999999999939</v>
      </c>
      <c r="E142">
        <f t="shared" si="9"/>
        <v>7.1410950000000639</v>
      </c>
      <c r="F142">
        <f t="shared" si="10"/>
        <v>1.7071895884413772E-2</v>
      </c>
    </row>
    <row r="143" spans="1:6" x14ac:dyDescent="0.2">
      <c r="A143">
        <v>557.39082199999996</v>
      </c>
      <c r="B143">
        <v>19.976192999999999</v>
      </c>
      <c r="C143">
        <v>10.535283</v>
      </c>
      <c r="D143">
        <f t="shared" si="8"/>
        <v>0.75572499999999998</v>
      </c>
      <c r="E143">
        <f t="shared" si="9"/>
        <v>7.3396619999999757</v>
      </c>
      <c r="F143">
        <f t="shared" si="10"/>
        <v>1.7424184376946088E-2</v>
      </c>
    </row>
    <row r="144" spans="1:6" x14ac:dyDescent="0.2">
      <c r="A144">
        <v>557.17541700000004</v>
      </c>
      <c r="B144">
        <v>20.026392000000001</v>
      </c>
      <c r="C144">
        <v>10.540288</v>
      </c>
      <c r="D144">
        <f t="shared" si="8"/>
        <v>0.76073000000000057</v>
      </c>
      <c r="E144">
        <f t="shared" si="9"/>
        <v>7.1242570000000569</v>
      </c>
      <c r="F144">
        <f t="shared" si="10"/>
        <v>1.6808040569971067E-2</v>
      </c>
    </row>
    <row r="145" spans="1:6" x14ac:dyDescent="0.2">
      <c r="A145">
        <v>557.38928399999998</v>
      </c>
      <c r="B145">
        <v>19.944306000000001</v>
      </c>
      <c r="C145">
        <v>10.545292999999999</v>
      </c>
      <c r="D145">
        <f t="shared" si="8"/>
        <v>0.76573499999999939</v>
      </c>
      <c r="E145">
        <f t="shared" si="9"/>
        <v>7.3381239999999934</v>
      </c>
      <c r="F145">
        <f t="shared" si="10"/>
        <v>1.7192852331365423E-2</v>
      </c>
    </row>
    <row r="146" spans="1:6" x14ac:dyDescent="0.2">
      <c r="A146">
        <v>557.819343</v>
      </c>
      <c r="B146">
        <v>19.960934999999999</v>
      </c>
      <c r="C146">
        <v>10.550298</v>
      </c>
      <c r="D146">
        <f t="shared" si="8"/>
        <v>0.77073999999999998</v>
      </c>
      <c r="E146">
        <f t="shared" si="9"/>
        <v>7.7681830000000218</v>
      </c>
      <c r="F146">
        <f t="shared" si="10"/>
        <v>1.8068328567192742E-2</v>
      </c>
    </row>
    <row r="147" spans="1:6" x14ac:dyDescent="0.2">
      <c r="A147">
        <v>558.36339799999996</v>
      </c>
      <c r="B147">
        <v>19.941103999999999</v>
      </c>
      <c r="C147">
        <v>10.555301999999999</v>
      </c>
      <c r="D147">
        <f t="shared" si="8"/>
        <v>0.77574399999999955</v>
      </c>
      <c r="E147">
        <f t="shared" si="9"/>
        <v>8.3122379999999794</v>
      </c>
      <c r="F147">
        <f t="shared" si="10"/>
        <v>1.9190337065318704E-2</v>
      </c>
    </row>
    <row r="148" spans="1:6" x14ac:dyDescent="0.2">
      <c r="A148">
        <v>558.72209099999998</v>
      </c>
      <c r="B148">
        <v>19.954042000000001</v>
      </c>
      <c r="C148">
        <v>10.560307</v>
      </c>
      <c r="D148">
        <f t="shared" si="8"/>
        <v>0.78074900000000014</v>
      </c>
      <c r="E148">
        <f t="shared" si="9"/>
        <v>8.6709309999999959</v>
      </c>
      <c r="F148">
        <f t="shared" si="10"/>
        <v>1.9877348433543347E-2</v>
      </c>
    </row>
    <row r="149" spans="1:6" x14ac:dyDescent="0.2">
      <c r="A149">
        <v>559.19930099999999</v>
      </c>
      <c r="B149">
        <v>19.972816000000002</v>
      </c>
      <c r="C149">
        <v>10.565312</v>
      </c>
      <c r="D149">
        <f t="shared" si="8"/>
        <v>0.78575400000000073</v>
      </c>
      <c r="E149">
        <f t="shared" si="9"/>
        <v>9.1481410000000096</v>
      </c>
      <c r="F149">
        <f t="shared" si="10"/>
        <v>2.081994746627279E-2</v>
      </c>
    </row>
    <row r="150" spans="1:6" x14ac:dyDescent="0.2">
      <c r="A150">
        <v>559.12400300000002</v>
      </c>
      <c r="B150">
        <v>20.017178999999999</v>
      </c>
      <c r="C150">
        <v>10.570316999999999</v>
      </c>
      <c r="D150">
        <f t="shared" si="8"/>
        <v>0.79075899999999955</v>
      </c>
      <c r="E150">
        <f t="shared" si="9"/>
        <v>9.0728430000000344</v>
      </c>
      <c r="F150">
        <f t="shared" si="10"/>
        <v>2.0520650110196031E-2</v>
      </c>
    </row>
    <row r="151" spans="1:6" x14ac:dyDescent="0.2">
      <c r="A151">
        <v>559.30326100000002</v>
      </c>
      <c r="B151">
        <v>19.956485000000001</v>
      </c>
      <c r="C151">
        <v>10.575322</v>
      </c>
      <c r="D151">
        <f t="shared" si="8"/>
        <v>0.79576400000000014</v>
      </c>
      <c r="E151">
        <f t="shared" si="9"/>
        <v>9.2521010000000388</v>
      </c>
      <c r="F151">
        <f t="shared" si="10"/>
        <v>2.0787809372847504E-2</v>
      </c>
    </row>
    <row r="152" spans="1:6" x14ac:dyDescent="0.2">
      <c r="A152">
        <v>559.61262199999999</v>
      </c>
      <c r="B152">
        <v>19.972994</v>
      </c>
      <c r="C152">
        <v>10.580325999999999</v>
      </c>
      <c r="D152">
        <f t="shared" si="8"/>
        <v>0.8007679999999997</v>
      </c>
      <c r="E152">
        <f t="shared" si="9"/>
        <v>9.5614620000000059</v>
      </c>
      <c r="F152">
        <f t="shared" si="10"/>
        <v>2.1336839593014339E-2</v>
      </c>
    </row>
    <row r="153" spans="1:6" x14ac:dyDescent="0.2">
      <c r="A153">
        <v>559.77247199999999</v>
      </c>
      <c r="B153">
        <v>19.996217999999999</v>
      </c>
      <c r="C153">
        <v>10.585331</v>
      </c>
      <c r="D153">
        <f t="shared" si="8"/>
        <v>0.80577300000000029</v>
      </c>
      <c r="E153">
        <f t="shared" si="9"/>
        <v>9.7213120000000117</v>
      </c>
      <c r="F153">
        <f t="shared" si="10"/>
        <v>2.1552647879979559E-2</v>
      </c>
    </row>
    <row r="154" spans="1:6" x14ac:dyDescent="0.2">
      <c r="A154">
        <v>559.68313999999998</v>
      </c>
      <c r="B154">
        <v>20.003392999999999</v>
      </c>
      <c r="C154">
        <v>10.590336000000001</v>
      </c>
      <c r="D154">
        <f t="shared" si="8"/>
        <v>0.81077800000000089</v>
      </c>
      <c r="E154">
        <f t="shared" si="9"/>
        <v>9.6319799999999987</v>
      </c>
      <c r="F154">
        <f t="shared" si="10"/>
        <v>2.1226157966583677E-2</v>
      </c>
    </row>
    <row r="155" spans="1:6" x14ac:dyDescent="0.2">
      <c r="A155">
        <v>559.77973899999995</v>
      </c>
      <c r="B155">
        <v>19.986443000000001</v>
      </c>
      <c r="C155">
        <v>10.595340999999999</v>
      </c>
      <c r="D155">
        <f t="shared" si="8"/>
        <v>0.8157829999999997</v>
      </c>
      <c r="E155">
        <f t="shared" si="9"/>
        <v>9.7285789999999679</v>
      </c>
      <c r="F155">
        <f t="shared" si="10"/>
        <v>2.1303824891451155E-2</v>
      </c>
    </row>
    <row r="156" spans="1:6" x14ac:dyDescent="0.2">
      <c r="A156">
        <v>559.77262499999995</v>
      </c>
      <c r="B156">
        <v>19.988085999999999</v>
      </c>
      <c r="C156">
        <v>10.600346</v>
      </c>
      <c r="D156">
        <f t="shared" si="8"/>
        <v>0.8207880000000003</v>
      </c>
      <c r="E156">
        <f t="shared" si="9"/>
        <v>9.7214649999999665</v>
      </c>
      <c r="F156">
        <f t="shared" si="10"/>
        <v>2.1158703975622441E-2</v>
      </c>
    </row>
    <row r="157" spans="1:6" x14ac:dyDescent="0.2">
      <c r="A157">
        <v>560.10577499999999</v>
      </c>
      <c r="B157">
        <v>19.959854</v>
      </c>
      <c r="C157">
        <v>10.60535</v>
      </c>
      <c r="D157">
        <f t="shared" si="8"/>
        <v>0.82579199999999986</v>
      </c>
      <c r="E157">
        <f t="shared" si="9"/>
        <v>10.054615000000013</v>
      </c>
      <c r="F157">
        <f t="shared" si="10"/>
        <v>2.1738257254573897E-2</v>
      </c>
    </row>
    <row r="158" spans="1:6" x14ac:dyDescent="0.2">
      <c r="A158">
        <v>559.83599800000002</v>
      </c>
      <c r="B158">
        <v>20.060829999999999</v>
      </c>
      <c r="C158">
        <v>10.610355</v>
      </c>
      <c r="D158">
        <f t="shared" si="8"/>
        <v>0.83079700000000045</v>
      </c>
      <c r="E158">
        <f t="shared" si="9"/>
        <v>9.7848380000000361</v>
      </c>
      <c r="F158">
        <f t="shared" si="10"/>
        <v>2.1037682649723746E-2</v>
      </c>
    </row>
    <row r="159" spans="1:6" x14ac:dyDescent="0.2">
      <c r="A159">
        <v>559.46461399999998</v>
      </c>
      <c r="B159">
        <v>20.027245000000001</v>
      </c>
      <c r="C159">
        <v>10.615360000000001</v>
      </c>
      <c r="D159">
        <f t="shared" si="8"/>
        <v>0.83580200000000104</v>
      </c>
      <c r="E159">
        <f t="shared" si="9"/>
        <v>9.4134540000000015</v>
      </c>
      <c r="F159">
        <f t="shared" si="10"/>
        <v>2.0131353545630407E-2</v>
      </c>
    </row>
    <row r="160" spans="1:6" x14ac:dyDescent="0.2">
      <c r="A160">
        <v>559.66405899999995</v>
      </c>
      <c r="B160">
        <v>19.963994</v>
      </c>
      <c r="C160">
        <v>10.620365</v>
      </c>
      <c r="D160">
        <f t="shared" si="8"/>
        <v>0.84080699999999986</v>
      </c>
      <c r="E160">
        <f t="shared" si="9"/>
        <v>9.6128989999999703</v>
      </c>
      <c r="F160">
        <f t="shared" si="10"/>
        <v>2.0428225477167723E-2</v>
      </c>
    </row>
    <row r="161" spans="1:6" x14ac:dyDescent="0.2">
      <c r="A161">
        <v>559.67058499999996</v>
      </c>
      <c r="B161">
        <v>20.022874000000002</v>
      </c>
      <c r="C161">
        <v>10.62537</v>
      </c>
      <c r="D161">
        <f t="shared" si="8"/>
        <v>0.84581200000000045</v>
      </c>
      <c r="E161">
        <f t="shared" si="9"/>
        <v>9.6194249999999784</v>
      </c>
      <c r="F161">
        <f t="shared" si="10"/>
        <v>2.0320892973290348E-2</v>
      </c>
    </row>
    <row r="162" spans="1:6" x14ac:dyDescent="0.2">
      <c r="A162">
        <v>559.14716899999996</v>
      </c>
      <c r="B162">
        <v>20.059294999999999</v>
      </c>
      <c r="C162">
        <v>10.630374</v>
      </c>
      <c r="D162">
        <f t="shared" si="8"/>
        <v>0.85081600000000002</v>
      </c>
      <c r="E162">
        <f t="shared" si="9"/>
        <v>9.0960089999999809</v>
      </c>
      <c r="F162">
        <f t="shared" si="10"/>
        <v>1.9120053475585756E-2</v>
      </c>
    </row>
    <row r="163" spans="1:6" x14ac:dyDescent="0.2">
      <c r="A163">
        <v>559.03017499999999</v>
      </c>
      <c r="B163">
        <v>20.006226000000002</v>
      </c>
      <c r="C163">
        <v>10.635379</v>
      </c>
      <c r="D163">
        <f t="shared" si="8"/>
        <v>0.85582100000000061</v>
      </c>
      <c r="E163">
        <f t="shared" si="9"/>
        <v>8.979015000000004</v>
      </c>
      <c r="F163">
        <f t="shared" si="10"/>
        <v>1.876767644265015E-2</v>
      </c>
    </row>
    <row r="164" spans="1:6" x14ac:dyDescent="0.2">
      <c r="A164">
        <v>559.04267000000004</v>
      </c>
      <c r="B164">
        <v>19.981169999999999</v>
      </c>
      <c r="C164">
        <v>10.640383999999999</v>
      </c>
      <c r="D164">
        <f t="shared" si="8"/>
        <v>0.86082599999999942</v>
      </c>
      <c r="E164">
        <f t="shared" si="9"/>
        <v>8.9915100000000621</v>
      </c>
      <c r="F164">
        <f t="shared" si="10"/>
        <v>1.8684104961721616E-2</v>
      </c>
    </row>
    <row r="165" spans="1:6" x14ac:dyDescent="0.2">
      <c r="A165">
        <v>559.39097600000002</v>
      </c>
      <c r="B165">
        <v>19.955034999999999</v>
      </c>
      <c r="C165">
        <v>10.645389</v>
      </c>
      <c r="D165">
        <f t="shared" si="8"/>
        <v>0.86583100000000002</v>
      </c>
      <c r="E165">
        <f t="shared" si="9"/>
        <v>9.3398160000000416</v>
      </c>
      <c r="F165">
        <f t="shared" si="10"/>
        <v>1.9283671881338473E-2</v>
      </c>
    </row>
    <row r="166" spans="1:6" x14ac:dyDescent="0.2">
      <c r="A166">
        <v>559.04111999999998</v>
      </c>
      <c r="B166">
        <v>20.072101</v>
      </c>
      <c r="C166">
        <v>10.650394</v>
      </c>
      <c r="D166">
        <f t="shared" si="8"/>
        <v>0.87083600000000061</v>
      </c>
      <c r="E166">
        <f t="shared" si="9"/>
        <v>8.9899599999999964</v>
      </c>
      <c r="F166">
        <f t="shared" si="10"/>
        <v>1.8466204115426366E-2</v>
      </c>
    </row>
    <row r="167" spans="1:6" x14ac:dyDescent="0.2">
      <c r="A167">
        <v>558.78499499999998</v>
      </c>
      <c r="B167">
        <v>20.008866000000001</v>
      </c>
      <c r="C167">
        <v>10.655398</v>
      </c>
      <c r="D167">
        <f t="shared" si="8"/>
        <v>0.87584000000000017</v>
      </c>
      <c r="E167">
        <f t="shared" si="9"/>
        <v>8.7338349999999991</v>
      </c>
      <c r="F167">
        <f t="shared" si="10"/>
        <v>1.784577740809155E-2</v>
      </c>
    </row>
    <row r="168" spans="1:6" x14ac:dyDescent="0.2">
      <c r="A168">
        <v>558.59536300000002</v>
      </c>
      <c r="B168">
        <v>20.008365000000001</v>
      </c>
      <c r="C168">
        <v>10.660403000000001</v>
      </c>
      <c r="D168">
        <f t="shared" si="8"/>
        <v>0.88084500000000077</v>
      </c>
      <c r="E168">
        <f t="shared" si="9"/>
        <v>8.5442030000000386</v>
      </c>
      <c r="F168">
        <f t="shared" si="10"/>
        <v>1.7364998032176449E-2</v>
      </c>
    </row>
    <row r="169" spans="1:6" x14ac:dyDescent="0.2">
      <c r="A169">
        <v>558.86447799999996</v>
      </c>
      <c r="B169">
        <v>19.957744000000002</v>
      </c>
      <c r="C169">
        <v>10.665407999999999</v>
      </c>
      <c r="D169">
        <f t="shared" si="8"/>
        <v>0.88584999999999958</v>
      </c>
      <c r="E169">
        <f t="shared" si="9"/>
        <v>8.8133179999999811</v>
      </c>
      <c r="F169">
        <f t="shared" si="10"/>
        <v>1.7802161832270871E-2</v>
      </c>
    </row>
    <row r="170" spans="1:6" x14ac:dyDescent="0.2">
      <c r="A170">
        <v>559.18579799999998</v>
      </c>
      <c r="B170">
        <v>19.975531</v>
      </c>
      <c r="C170">
        <v>10.670413</v>
      </c>
      <c r="D170">
        <f t="shared" si="8"/>
        <v>0.89085500000000017</v>
      </c>
      <c r="E170">
        <f t="shared" si="9"/>
        <v>9.1346379999999954</v>
      </c>
      <c r="F170">
        <f t="shared" si="10"/>
        <v>1.8336995843077641E-2</v>
      </c>
    </row>
    <row r="171" spans="1:6" x14ac:dyDescent="0.2">
      <c r="A171">
        <v>559.16467499999999</v>
      </c>
      <c r="B171">
        <v>20.008790999999999</v>
      </c>
      <c r="C171">
        <v>10.675418000000001</v>
      </c>
      <c r="D171">
        <f t="shared" si="8"/>
        <v>0.89586000000000077</v>
      </c>
      <c r="E171">
        <f t="shared" si="9"/>
        <v>9.1135150000000067</v>
      </c>
      <c r="F171">
        <f t="shared" si="10"/>
        <v>1.8193072058085548E-2</v>
      </c>
    </row>
    <row r="172" spans="1:6" x14ac:dyDescent="0.2">
      <c r="A172">
        <v>559.12972200000002</v>
      </c>
      <c r="B172">
        <v>20.001359000000001</v>
      </c>
      <c r="C172">
        <v>10.680422</v>
      </c>
      <c r="D172">
        <f t="shared" si="8"/>
        <v>0.90086400000000033</v>
      </c>
      <c r="E172">
        <f t="shared" si="9"/>
        <v>9.0785620000000335</v>
      </c>
      <c r="F172">
        <f t="shared" si="10"/>
        <v>1.8023754063955726E-2</v>
      </c>
    </row>
    <row r="173" spans="1:6" x14ac:dyDescent="0.2">
      <c r="A173">
        <v>559.44332099999997</v>
      </c>
      <c r="B173">
        <v>19.937315000000002</v>
      </c>
      <c r="C173">
        <v>10.685427000000001</v>
      </c>
      <c r="D173">
        <f t="shared" si="8"/>
        <v>0.90586900000000092</v>
      </c>
      <c r="E173">
        <f t="shared" si="9"/>
        <v>9.3921609999999873</v>
      </c>
      <c r="F173">
        <f t="shared" si="10"/>
        <v>1.853292795658824E-2</v>
      </c>
    </row>
    <row r="174" spans="1:6" x14ac:dyDescent="0.2">
      <c r="A174">
        <v>560.14205600000003</v>
      </c>
      <c r="B174">
        <v>19.950006999999999</v>
      </c>
      <c r="C174">
        <v>10.690431999999999</v>
      </c>
      <c r="D174">
        <f t="shared" si="8"/>
        <v>0.91087399999999974</v>
      </c>
      <c r="E174">
        <f t="shared" si="9"/>
        <v>10.090896000000043</v>
      </c>
      <c r="F174">
        <f t="shared" si="10"/>
        <v>1.9777584254973998E-2</v>
      </c>
    </row>
    <row r="175" spans="1:6" x14ac:dyDescent="0.2">
      <c r="A175">
        <v>560.37075000000004</v>
      </c>
      <c r="B175">
        <v>19.981966</v>
      </c>
      <c r="C175">
        <v>10.695437</v>
      </c>
      <c r="D175">
        <f t="shared" si="8"/>
        <v>0.91587900000000033</v>
      </c>
      <c r="E175">
        <f t="shared" si="9"/>
        <v>10.319590000000062</v>
      </c>
      <c r="F175">
        <f t="shared" si="10"/>
        <v>2.010707434143013E-2</v>
      </c>
    </row>
    <row r="176" spans="1:6" x14ac:dyDescent="0.2">
      <c r="A176">
        <v>560.52734699999996</v>
      </c>
      <c r="B176">
        <v>19.967558</v>
      </c>
      <c r="C176">
        <v>10.700442000000001</v>
      </c>
      <c r="D176">
        <f t="shared" si="8"/>
        <v>0.92088400000000092</v>
      </c>
      <c r="E176">
        <f t="shared" si="9"/>
        <v>10.476186999999982</v>
      </c>
      <c r="F176">
        <f t="shared" si="10"/>
        <v>2.029558195788372E-2</v>
      </c>
    </row>
    <row r="177" spans="1:6" x14ac:dyDescent="0.2">
      <c r="A177">
        <v>560.77191500000004</v>
      </c>
      <c r="B177">
        <v>19.969840000000001</v>
      </c>
      <c r="C177">
        <v>10.705446</v>
      </c>
      <c r="D177">
        <f t="shared" si="8"/>
        <v>0.92588800000000049</v>
      </c>
      <c r="E177">
        <f t="shared" si="9"/>
        <v>10.720755000000054</v>
      </c>
      <c r="F177">
        <f t="shared" si="10"/>
        <v>2.0648126915059555E-2</v>
      </c>
    </row>
    <row r="178" spans="1:6" x14ac:dyDescent="0.2">
      <c r="A178">
        <v>561.21586000000002</v>
      </c>
      <c r="B178">
        <v>19.964801999999999</v>
      </c>
      <c r="C178">
        <v>10.710451000000001</v>
      </c>
      <c r="D178">
        <f t="shared" si="8"/>
        <v>0.93089300000000108</v>
      </c>
      <c r="E178">
        <f t="shared" si="9"/>
        <v>11.164700000000039</v>
      </c>
      <c r="F178">
        <f t="shared" si="10"/>
        <v>2.1370631593149871E-2</v>
      </c>
    </row>
    <row r="179" spans="1:6" x14ac:dyDescent="0.2">
      <c r="A179">
        <v>561.24444300000005</v>
      </c>
      <c r="B179">
        <v>20.002085000000001</v>
      </c>
      <c r="C179">
        <v>10.715456</v>
      </c>
      <c r="D179">
        <f t="shared" si="8"/>
        <v>0.9358979999999999</v>
      </c>
      <c r="E179">
        <f t="shared" si="9"/>
        <v>11.193283000000065</v>
      </c>
      <c r="F179">
        <f t="shared" si="10"/>
        <v>2.1309679159616714E-2</v>
      </c>
    </row>
    <row r="180" spans="1:6" x14ac:dyDescent="0.2">
      <c r="A180">
        <v>560.95916299999999</v>
      </c>
      <c r="B180">
        <v>20.043143000000001</v>
      </c>
      <c r="C180">
        <v>10.720461</v>
      </c>
      <c r="D180">
        <f t="shared" si="8"/>
        <v>0.94090300000000049</v>
      </c>
      <c r="E180">
        <f t="shared" si="9"/>
        <v>10.908003000000008</v>
      </c>
      <c r="F180">
        <f t="shared" si="10"/>
        <v>2.0666605483237298E-2</v>
      </c>
    </row>
    <row r="181" spans="1:6" x14ac:dyDescent="0.2">
      <c r="A181">
        <v>560.82099400000004</v>
      </c>
      <c r="B181">
        <v>20.013328000000001</v>
      </c>
      <c r="C181">
        <v>10.725466000000001</v>
      </c>
      <c r="D181">
        <f t="shared" si="8"/>
        <v>0.94590800000000108</v>
      </c>
      <c r="E181">
        <f t="shared" si="9"/>
        <v>10.76983400000006</v>
      </c>
      <c r="F181">
        <f t="shared" si="10"/>
        <v>2.0301860909527448E-2</v>
      </c>
    </row>
    <row r="182" spans="1:6" x14ac:dyDescent="0.2">
      <c r="A182">
        <v>560.75563499999998</v>
      </c>
      <c r="B182">
        <v>20.000437000000002</v>
      </c>
      <c r="C182">
        <v>10.73047</v>
      </c>
      <c r="D182">
        <f t="shared" si="8"/>
        <v>0.95091200000000065</v>
      </c>
      <c r="E182">
        <f t="shared" si="9"/>
        <v>10.704475000000002</v>
      </c>
      <c r="F182">
        <f t="shared" si="10"/>
        <v>2.0074807882896128E-2</v>
      </c>
    </row>
    <row r="183" spans="1:6" x14ac:dyDescent="0.2">
      <c r="A183">
        <v>560.29969000000006</v>
      </c>
      <c r="B183">
        <v>20.062598999999999</v>
      </c>
      <c r="C183">
        <v>10.735474999999999</v>
      </c>
      <c r="D183">
        <f t="shared" si="8"/>
        <v>0.95591699999999946</v>
      </c>
      <c r="E183">
        <f t="shared" si="9"/>
        <v>10.248530000000073</v>
      </c>
      <c r="F183">
        <f t="shared" si="10"/>
        <v>1.9134671440659876E-2</v>
      </c>
    </row>
    <row r="184" spans="1:6" x14ac:dyDescent="0.2">
      <c r="A184">
        <v>559.47577200000001</v>
      </c>
      <c r="B184">
        <v>20.093757</v>
      </c>
      <c r="C184">
        <v>10.74048</v>
      </c>
      <c r="D184">
        <f t="shared" si="8"/>
        <v>0.96092200000000005</v>
      </c>
      <c r="E184">
        <f t="shared" si="9"/>
        <v>9.4246120000000246</v>
      </c>
      <c r="F184">
        <f t="shared" si="10"/>
        <v>1.7530490151265503E-2</v>
      </c>
    </row>
    <row r="185" spans="1:6" x14ac:dyDescent="0.2">
      <c r="A185">
        <v>559.03780400000005</v>
      </c>
      <c r="B185">
        <v>20.03389</v>
      </c>
      <c r="C185">
        <v>10.745485</v>
      </c>
      <c r="D185">
        <f t="shared" si="8"/>
        <v>0.96592700000000065</v>
      </c>
      <c r="E185">
        <f t="shared" si="9"/>
        <v>8.9866440000000694</v>
      </c>
      <c r="F185">
        <f t="shared" si="10"/>
        <v>1.6642250494430428E-2</v>
      </c>
    </row>
    <row r="186" spans="1:6" x14ac:dyDescent="0.2">
      <c r="A186">
        <v>559.08789999999999</v>
      </c>
      <c r="B186">
        <v>19.972163999999999</v>
      </c>
      <c r="C186">
        <v>10.750489999999999</v>
      </c>
      <c r="D186">
        <f t="shared" si="8"/>
        <v>0.97093199999999946</v>
      </c>
      <c r="E186">
        <f t="shared" si="9"/>
        <v>9.0367400000000089</v>
      </c>
      <c r="F186">
        <f t="shared" si="10"/>
        <v>1.6647264473517071E-2</v>
      </c>
    </row>
    <row r="187" spans="1:6" x14ac:dyDescent="0.2">
      <c r="A187">
        <v>558.83501999999999</v>
      </c>
      <c r="B187">
        <v>20.048096999999999</v>
      </c>
      <c r="C187">
        <v>10.755494000000001</v>
      </c>
      <c r="D187">
        <f t="shared" si="8"/>
        <v>0.9759360000000008</v>
      </c>
      <c r="E187">
        <f t="shared" si="9"/>
        <v>8.7838600000000042</v>
      </c>
      <c r="F187">
        <f t="shared" si="10"/>
        <v>1.6105731438603461E-2</v>
      </c>
    </row>
    <row r="188" spans="1:6" x14ac:dyDescent="0.2">
      <c r="A188">
        <v>558.48471199999994</v>
      </c>
      <c r="B188">
        <v>20.030871000000001</v>
      </c>
      <c r="C188">
        <v>10.760498999999999</v>
      </c>
      <c r="D188">
        <f t="shared" si="8"/>
        <v>0.98094099999999962</v>
      </c>
      <c r="E188">
        <f t="shared" si="9"/>
        <v>8.4335519999999633</v>
      </c>
      <c r="F188">
        <f t="shared" si="10"/>
        <v>1.5394172576585307E-2</v>
      </c>
    </row>
    <row r="189" spans="1:6" x14ac:dyDescent="0.2">
      <c r="A189">
        <v>558.22484199999997</v>
      </c>
      <c r="B189">
        <v>20.028310000000001</v>
      </c>
      <c r="C189">
        <v>10.765504</v>
      </c>
      <c r="D189">
        <f t="shared" ref="D189:D252" si="11">C189-$C$2</f>
        <v>0.98594600000000021</v>
      </c>
      <c r="E189">
        <f t="shared" ref="E189:E252" si="12">A189-$A$2</f>
        <v>8.1736819999999852</v>
      </c>
      <c r="F189">
        <f t="shared" si="10"/>
        <v>1.485099146389526E-2</v>
      </c>
    </row>
    <row r="190" spans="1:6" x14ac:dyDescent="0.2">
      <c r="A190">
        <v>558.204972</v>
      </c>
      <c r="B190">
        <v>19.993023000000001</v>
      </c>
      <c r="C190">
        <v>10.770509000000001</v>
      </c>
      <c r="D190">
        <f t="shared" si="11"/>
        <v>0.9909510000000008</v>
      </c>
      <c r="E190">
        <f t="shared" si="12"/>
        <v>8.1538120000000163</v>
      </c>
      <c r="F190">
        <f t="shared" si="10"/>
        <v>1.4740588178989619E-2</v>
      </c>
    </row>
    <row r="191" spans="1:6" x14ac:dyDescent="0.2">
      <c r="A191">
        <v>558.46980399999995</v>
      </c>
      <c r="B191">
        <v>19.962804999999999</v>
      </c>
      <c r="C191">
        <v>10.775513999999999</v>
      </c>
      <c r="D191">
        <f t="shared" si="11"/>
        <v>0.99595599999999962</v>
      </c>
      <c r="E191">
        <f t="shared" si="12"/>
        <v>8.418643999999972</v>
      </c>
      <c r="F191">
        <f t="shared" si="10"/>
        <v>1.5135692516925354E-2</v>
      </c>
    </row>
    <row r="192" spans="1:6" x14ac:dyDescent="0.2">
      <c r="A192">
        <v>558.76917300000002</v>
      </c>
      <c r="B192">
        <v>19.959724000000001</v>
      </c>
      <c r="C192">
        <v>10.780518000000001</v>
      </c>
      <c r="D192">
        <f t="shared" si="11"/>
        <v>1.000960000000001</v>
      </c>
      <c r="E192">
        <f t="shared" si="12"/>
        <v>8.7180130000000418</v>
      </c>
      <c r="F192">
        <f t="shared" si="10"/>
        <v>1.55872087351803E-2</v>
      </c>
    </row>
    <row r="193" spans="1:6" x14ac:dyDescent="0.2">
      <c r="A193">
        <v>559.39269200000001</v>
      </c>
      <c r="B193">
        <v>19.933223999999999</v>
      </c>
      <c r="C193">
        <v>10.785523</v>
      </c>
      <c r="D193">
        <f t="shared" si="11"/>
        <v>1.0059649999999998</v>
      </c>
      <c r="E193">
        <f t="shared" si="12"/>
        <v>9.3415320000000293</v>
      </c>
      <c r="F193">
        <f t="shared" si="10"/>
        <v>1.6600395941287947E-2</v>
      </c>
    </row>
    <row r="194" spans="1:6" x14ac:dyDescent="0.2">
      <c r="A194">
        <v>559.90706299999999</v>
      </c>
      <c r="B194">
        <v>19.953569999999999</v>
      </c>
      <c r="C194">
        <v>10.790528</v>
      </c>
      <c r="D194">
        <f t="shared" si="11"/>
        <v>1.0109700000000004</v>
      </c>
      <c r="E194">
        <f t="shared" si="12"/>
        <v>9.8559030000000121</v>
      </c>
      <c r="F194">
        <f t="shared" si="10"/>
        <v>1.7411741316687965E-2</v>
      </c>
    </row>
    <row r="195" spans="1:6" x14ac:dyDescent="0.2">
      <c r="A195">
        <v>560.48781599999995</v>
      </c>
      <c r="B195">
        <v>19.943145000000001</v>
      </c>
      <c r="C195">
        <v>10.795533000000001</v>
      </c>
      <c r="D195">
        <f t="shared" si="11"/>
        <v>1.015975000000001</v>
      </c>
      <c r="E195">
        <f t="shared" si="12"/>
        <v>10.436655999999971</v>
      </c>
      <c r="F195">
        <f t="shared" ref="F195:F258" si="13">(1/A195)*(E195/D195)</f>
        <v>1.8327877411140971E-2</v>
      </c>
    </row>
    <row r="196" spans="1:6" x14ac:dyDescent="0.2">
      <c r="A196">
        <v>560.93611499999997</v>
      </c>
      <c r="B196">
        <v>19.929469999999998</v>
      </c>
      <c r="C196">
        <v>10.800538</v>
      </c>
      <c r="D196">
        <f t="shared" si="11"/>
        <v>1.0209799999999998</v>
      </c>
      <c r="E196">
        <f t="shared" si="12"/>
        <v>10.884954999999991</v>
      </c>
      <c r="F196">
        <f t="shared" si="13"/>
        <v>1.9006230893065988E-2</v>
      </c>
    </row>
    <row r="197" spans="1:6" x14ac:dyDescent="0.2">
      <c r="A197">
        <v>561.41001200000005</v>
      </c>
      <c r="B197">
        <v>19.954287000000001</v>
      </c>
      <c r="C197">
        <v>10.805542000000001</v>
      </c>
      <c r="D197">
        <f t="shared" si="11"/>
        <v>1.0259840000000011</v>
      </c>
      <c r="E197">
        <f t="shared" si="12"/>
        <v>11.35885200000007</v>
      </c>
      <c r="F197">
        <f t="shared" si="13"/>
        <v>1.9720308261816952E-2</v>
      </c>
    </row>
    <row r="198" spans="1:6" x14ac:dyDescent="0.2">
      <c r="A198">
        <v>561.51715899999999</v>
      </c>
      <c r="B198">
        <v>19.990976</v>
      </c>
      <c r="C198">
        <v>10.810547</v>
      </c>
      <c r="D198">
        <f t="shared" si="11"/>
        <v>1.0309889999999999</v>
      </c>
      <c r="E198">
        <f t="shared" si="12"/>
        <v>11.465999000000011</v>
      </c>
      <c r="F198">
        <f t="shared" si="13"/>
        <v>1.9805911576352541E-2</v>
      </c>
    </row>
    <row r="199" spans="1:6" x14ac:dyDescent="0.2">
      <c r="A199">
        <v>561.507386</v>
      </c>
      <c r="B199">
        <v>20.01266</v>
      </c>
      <c r="C199">
        <v>10.815552</v>
      </c>
      <c r="D199">
        <f t="shared" si="11"/>
        <v>1.0359940000000005</v>
      </c>
      <c r="E199">
        <f t="shared" si="12"/>
        <v>11.456226000000015</v>
      </c>
      <c r="F199">
        <f t="shared" si="13"/>
        <v>1.9693769884349521E-2</v>
      </c>
    </row>
    <row r="200" spans="1:6" x14ac:dyDescent="0.2">
      <c r="A200">
        <v>561.42947700000002</v>
      </c>
      <c r="B200">
        <v>19.998615999999998</v>
      </c>
      <c r="C200">
        <v>10.820557000000001</v>
      </c>
      <c r="D200">
        <f t="shared" si="11"/>
        <v>1.0409990000000011</v>
      </c>
      <c r="E200">
        <f t="shared" si="12"/>
        <v>11.378317000000038</v>
      </c>
      <c r="F200">
        <f t="shared" si="13"/>
        <v>1.9468500644238065E-2</v>
      </c>
    </row>
    <row r="201" spans="1:6" x14ac:dyDescent="0.2">
      <c r="A201">
        <v>561.28997300000003</v>
      </c>
      <c r="B201">
        <v>20.030532999999998</v>
      </c>
      <c r="C201">
        <v>10.825562</v>
      </c>
      <c r="D201">
        <f t="shared" si="11"/>
        <v>1.0460039999999999</v>
      </c>
      <c r="E201">
        <f t="shared" si="12"/>
        <v>11.23881300000005</v>
      </c>
      <c r="F201">
        <f t="shared" si="13"/>
        <v>1.9142551134573915E-2</v>
      </c>
    </row>
    <row r="202" spans="1:6" x14ac:dyDescent="0.2">
      <c r="A202">
        <v>561.02513299999998</v>
      </c>
      <c r="B202">
        <v>20.027056000000002</v>
      </c>
      <c r="C202">
        <v>10.830565999999999</v>
      </c>
      <c r="D202">
        <f t="shared" si="11"/>
        <v>1.0510079999999995</v>
      </c>
      <c r="E202">
        <f t="shared" si="12"/>
        <v>10.973973000000001</v>
      </c>
      <c r="F202">
        <f t="shared" si="13"/>
        <v>1.8611250225709614E-2</v>
      </c>
    </row>
    <row r="203" spans="1:6" x14ac:dyDescent="0.2">
      <c r="A203">
        <v>560.78525999999999</v>
      </c>
      <c r="B203">
        <v>20.039458</v>
      </c>
      <c r="C203">
        <v>10.835571</v>
      </c>
      <c r="D203">
        <f t="shared" si="11"/>
        <v>1.0560130000000001</v>
      </c>
      <c r="E203">
        <f t="shared" si="12"/>
        <v>10.734100000000012</v>
      </c>
      <c r="F203">
        <f t="shared" si="13"/>
        <v>1.8125908462901456E-2</v>
      </c>
    </row>
    <row r="204" spans="1:6" x14ac:dyDescent="0.2">
      <c r="A204">
        <v>560.77958999999998</v>
      </c>
      <c r="B204">
        <v>19.995166000000001</v>
      </c>
      <c r="C204">
        <v>10.840576</v>
      </c>
      <c r="D204">
        <f t="shared" si="11"/>
        <v>1.0610180000000007</v>
      </c>
      <c r="E204">
        <f t="shared" si="12"/>
        <v>10.728430000000003</v>
      </c>
      <c r="F204">
        <f t="shared" si="13"/>
        <v>1.8031058459402591E-2</v>
      </c>
    </row>
    <row r="205" spans="1:6" x14ac:dyDescent="0.2">
      <c r="A205">
        <v>560.82952399999999</v>
      </c>
      <c r="B205">
        <v>19.997788</v>
      </c>
      <c r="C205">
        <v>10.845580999999999</v>
      </c>
      <c r="D205">
        <f t="shared" si="11"/>
        <v>1.0660229999999995</v>
      </c>
      <c r="E205">
        <f t="shared" si="12"/>
        <v>10.77836400000001</v>
      </c>
      <c r="F205">
        <f t="shared" si="13"/>
        <v>1.8028326013080971E-2</v>
      </c>
    </row>
    <row r="206" spans="1:6" x14ac:dyDescent="0.2">
      <c r="A206">
        <v>560.31080999999995</v>
      </c>
      <c r="B206">
        <v>20.063381</v>
      </c>
      <c r="C206">
        <v>10.850586</v>
      </c>
      <c r="D206">
        <f t="shared" si="11"/>
        <v>1.0710280000000001</v>
      </c>
      <c r="E206">
        <f t="shared" si="12"/>
        <v>10.259649999999965</v>
      </c>
      <c r="F206">
        <f t="shared" si="13"/>
        <v>1.7096323194899905E-2</v>
      </c>
    </row>
    <row r="207" spans="1:6" x14ac:dyDescent="0.2">
      <c r="A207">
        <v>559.50314500000002</v>
      </c>
      <c r="B207">
        <v>20.091169000000001</v>
      </c>
      <c r="C207">
        <v>10.855589999999999</v>
      </c>
      <c r="D207">
        <f t="shared" si="11"/>
        <v>1.0760319999999997</v>
      </c>
      <c r="E207">
        <f t="shared" si="12"/>
        <v>9.4519850000000361</v>
      </c>
      <c r="F207">
        <f t="shared" si="13"/>
        <v>1.5699842829417957E-2</v>
      </c>
    </row>
    <row r="208" spans="1:6" x14ac:dyDescent="0.2">
      <c r="A208">
        <v>558.56310199999996</v>
      </c>
      <c r="B208">
        <v>20.104566999999999</v>
      </c>
      <c r="C208">
        <v>10.860595</v>
      </c>
      <c r="D208">
        <f t="shared" si="11"/>
        <v>1.0810370000000002</v>
      </c>
      <c r="E208">
        <f t="shared" si="12"/>
        <v>8.5119419999999764</v>
      </c>
      <c r="F208">
        <f t="shared" si="13"/>
        <v>1.409664795033936E-2</v>
      </c>
    </row>
    <row r="209" spans="1:6" x14ac:dyDescent="0.2">
      <c r="A209">
        <v>558.03384100000005</v>
      </c>
      <c r="B209">
        <v>20.037610999999998</v>
      </c>
      <c r="C209">
        <v>10.865600000000001</v>
      </c>
      <c r="D209">
        <f t="shared" si="11"/>
        <v>1.0860420000000008</v>
      </c>
      <c r="E209">
        <f t="shared" si="12"/>
        <v>7.9826810000000705</v>
      </c>
      <c r="F209">
        <f t="shared" si="13"/>
        <v>1.3171693519124204E-2</v>
      </c>
    </row>
    <row r="210" spans="1:6" x14ac:dyDescent="0.2">
      <c r="A210">
        <v>557.70207100000005</v>
      </c>
      <c r="B210">
        <v>20.028009999999998</v>
      </c>
      <c r="C210">
        <v>10.870604999999999</v>
      </c>
      <c r="D210">
        <f t="shared" si="11"/>
        <v>1.0910469999999997</v>
      </c>
      <c r="E210">
        <f t="shared" si="12"/>
        <v>7.6509110000000646</v>
      </c>
      <c r="F210">
        <f t="shared" si="13"/>
        <v>1.2573825627692714E-2</v>
      </c>
    </row>
    <row r="211" spans="1:6" x14ac:dyDescent="0.2">
      <c r="A211">
        <v>557.13518699999997</v>
      </c>
      <c r="B211">
        <v>20.065681000000001</v>
      </c>
      <c r="C211">
        <v>10.87561</v>
      </c>
      <c r="D211">
        <f t="shared" si="11"/>
        <v>1.0960520000000002</v>
      </c>
      <c r="E211">
        <f t="shared" si="12"/>
        <v>7.0840269999999919</v>
      </c>
      <c r="F211">
        <f t="shared" si="13"/>
        <v>1.1600813925022907E-2</v>
      </c>
    </row>
    <row r="212" spans="1:6" x14ac:dyDescent="0.2">
      <c r="A212">
        <v>556.83117100000004</v>
      </c>
      <c r="B212">
        <v>20.020403000000002</v>
      </c>
      <c r="C212">
        <v>10.880614</v>
      </c>
      <c r="D212">
        <f t="shared" si="11"/>
        <v>1.1010559999999998</v>
      </c>
      <c r="E212">
        <f t="shared" si="12"/>
        <v>6.7800110000000586</v>
      </c>
      <c r="F212">
        <f t="shared" si="13"/>
        <v>1.105853130857835E-2</v>
      </c>
    </row>
    <row r="213" spans="1:6" x14ac:dyDescent="0.2">
      <c r="A213">
        <v>557.00790300000006</v>
      </c>
      <c r="B213">
        <v>19.985112000000001</v>
      </c>
      <c r="C213">
        <v>10.885619</v>
      </c>
      <c r="D213">
        <f t="shared" si="11"/>
        <v>1.1060610000000004</v>
      </c>
      <c r="E213">
        <f t="shared" si="12"/>
        <v>6.9567430000000741</v>
      </c>
      <c r="F213">
        <f t="shared" si="13"/>
        <v>1.1291860996527367E-2</v>
      </c>
    </row>
    <row r="214" spans="1:6" x14ac:dyDescent="0.2">
      <c r="A214">
        <v>557.11718800000006</v>
      </c>
      <c r="B214">
        <v>19.973866000000001</v>
      </c>
      <c r="C214">
        <v>10.890624000000001</v>
      </c>
      <c r="D214">
        <f t="shared" si="11"/>
        <v>1.111066000000001</v>
      </c>
      <c r="E214">
        <f t="shared" si="12"/>
        <v>7.0660280000000739</v>
      </c>
      <c r="F214">
        <f t="shared" si="13"/>
        <v>1.1415342301638392E-2</v>
      </c>
    </row>
    <row r="215" spans="1:6" x14ac:dyDescent="0.2">
      <c r="A215">
        <v>557.12170900000001</v>
      </c>
      <c r="B215">
        <v>20.007821</v>
      </c>
      <c r="C215">
        <v>10.895629</v>
      </c>
      <c r="D215">
        <f t="shared" si="11"/>
        <v>1.1160709999999998</v>
      </c>
      <c r="E215">
        <f t="shared" si="12"/>
        <v>7.0705490000000282</v>
      </c>
      <c r="F215">
        <f t="shared" si="13"/>
        <v>1.1371329162695277E-2</v>
      </c>
    </row>
    <row r="216" spans="1:6" x14ac:dyDescent="0.2">
      <c r="A216">
        <v>557.08854199999996</v>
      </c>
      <c r="B216">
        <v>19.995083000000001</v>
      </c>
      <c r="C216">
        <v>10.900634</v>
      </c>
      <c r="D216">
        <f t="shared" si="11"/>
        <v>1.1210760000000004</v>
      </c>
      <c r="E216">
        <f t="shared" si="12"/>
        <v>7.0373819999999796</v>
      </c>
      <c r="F216">
        <f t="shared" si="13"/>
        <v>1.1268129886771139E-2</v>
      </c>
    </row>
    <row r="217" spans="1:6" x14ac:dyDescent="0.2">
      <c r="A217">
        <v>557.65517899999998</v>
      </c>
      <c r="B217">
        <v>19.921118</v>
      </c>
      <c r="C217">
        <v>10.905638</v>
      </c>
      <c r="D217">
        <f t="shared" si="11"/>
        <v>1.12608</v>
      </c>
      <c r="E217">
        <f t="shared" si="12"/>
        <v>7.6040189999999939</v>
      </c>
      <c r="F217">
        <f t="shared" si="13"/>
        <v>1.2108998023594166E-2</v>
      </c>
    </row>
    <row r="218" spans="1:6" x14ac:dyDescent="0.2">
      <c r="A218">
        <v>558.58726799999999</v>
      </c>
      <c r="B218">
        <v>19.901741999999999</v>
      </c>
      <c r="C218">
        <v>10.910643</v>
      </c>
      <c r="D218">
        <f t="shared" si="11"/>
        <v>1.1310850000000006</v>
      </c>
      <c r="E218">
        <f t="shared" si="12"/>
        <v>8.5361080000000129</v>
      </c>
      <c r="F218">
        <f t="shared" si="13"/>
        <v>1.3510568561804413E-2</v>
      </c>
    </row>
    <row r="219" spans="1:6" x14ac:dyDescent="0.2">
      <c r="A219">
        <v>559.007383</v>
      </c>
      <c r="B219">
        <v>19.977805</v>
      </c>
      <c r="C219">
        <v>10.915647999999999</v>
      </c>
      <c r="D219">
        <f t="shared" si="11"/>
        <v>1.1360899999999994</v>
      </c>
      <c r="E219">
        <f t="shared" si="12"/>
        <v>8.9562230000000227</v>
      </c>
      <c r="F219">
        <f t="shared" si="13"/>
        <v>1.410245158889655E-2</v>
      </c>
    </row>
    <row r="220" spans="1:6" x14ac:dyDescent="0.2">
      <c r="A220">
        <v>558.84498499999995</v>
      </c>
      <c r="B220">
        <v>20.030728</v>
      </c>
      <c r="C220">
        <v>10.920653</v>
      </c>
      <c r="D220">
        <f t="shared" si="11"/>
        <v>1.141095</v>
      </c>
      <c r="E220">
        <f t="shared" si="12"/>
        <v>8.7938249999999698</v>
      </c>
      <c r="F220">
        <f t="shared" si="13"/>
        <v>1.3790012453587538E-2</v>
      </c>
    </row>
    <row r="221" spans="1:6" x14ac:dyDescent="0.2">
      <c r="A221">
        <v>558.86441400000001</v>
      </c>
      <c r="B221">
        <v>19.968980999999999</v>
      </c>
      <c r="C221">
        <v>10.925658</v>
      </c>
      <c r="D221">
        <f t="shared" si="11"/>
        <v>1.1461000000000006</v>
      </c>
      <c r="E221">
        <f t="shared" si="12"/>
        <v>8.813254000000029</v>
      </c>
      <c r="F221">
        <f t="shared" si="13"/>
        <v>1.3759647803099916E-2</v>
      </c>
    </row>
    <row r="222" spans="1:6" x14ac:dyDescent="0.2">
      <c r="A222">
        <v>559.82543899999996</v>
      </c>
      <c r="B222">
        <v>19.874216000000001</v>
      </c>
      <c r="C222">
        <v>10.930662</v>
      </c>
      <c r="D222">
        <f t="shared" si="11"/>
        <v>1.1511040000000001</v>
      </c>
      <c r="E222">
        <f t="shared" si="12"/>
        <v>9.7742789999999786</v>
      </c>
      <c r="F222">
        <f t="shared" si="13"/>
        <v>1.5167623475692411E-2</v>
      </c>
    </row>
    <row r="223" spans="1:6" x14ac:dyDescent="0.2">
      <c r="A223">
        <v>560.86853499999995</v>
      </c>
      <c r="B223">
        <v>19.911662</v>
      </c>
      <c r="C223">
        <v>10.935667</v>
      </c>
      <c r="D223">
        <f t="shared" si="11"/>
        <v>1.1561090000000007</v>
      </c>
      <c r="E223">
        <f t="shared" si="12"/>
        <v>10.81737499999997</v>
      </c>
      <c r="F223">
        <f t="shared" si="13"/>
        <v>1.6682534313047701E-2</v>
      </c>
    </row>
    <row r="224" spans="1:6" x14ac:dyDescent="0.2">
      <c r="A224">
        <v>560.61627899999996</v>
      </c>
      <c r="B224">
        <v>20.053194999999999</v>
      </c>
      <c r="C224">
        <v>10.940671999999999</v>
      </c>
      <c r="D224">
        <f t="shared" si="11"/>
        <v>1.1611139999999995</v>
      </c>
      <c r="E224">
        <f t="shared" si="12"/>
        <v>10.565118999999981</v>
      </c>
      <c r="F224">
        <f t="shared" si="13"/>
        <v>1.62305720545677E-2</v>
      </c>
    </row>
    <row r="225" spans="1:6" x14ac:dyDescent="0.2">
      <c r="A225">
        <v>560.75829699999997</v>
      </c>
      <c r="B225">
        <v>19.963244</v>
      </c>
      <c r="C225">
        <v>10.945677</v>
      </c>
      <c r="D225">
        <f t="shared" si="11"/>
        <v>1.1661190000000001</v>
      </c>
      <c r="E225">
        <f t="shared" si="12"/>
        <v>10.707136999999989</v>
      </c>
      <c r="F225">
        <f t="shared" si="13"/>
        <v>1.6373999769192998E-2</v>
      </c>
    </row>
    <row r="226" spans="1:6" x14ac:dyDescent="0.2">
      <c r="A226">
        <v>561.28057699999999</v>
      </c>
      <c r="B226">
        <v>19.911224000000001</v>
      </c>
      <c r="C226">
        <v>10.950682</v>
      </c>
      <c r="D226">
        <f t="shared" si="11"/>
        <v>1.1711240000000007</v>
      </c>
      <c r="E226">
        <f t="shared" si="12"/>
        <v>11.229417000000012</v>
      </c>
      <c r="F226">
        <f t="shared" si="13"/>
        <v>1.7083400186699231E-2</v>
      </c>
    </row>
    <row r="227" spans="1:6" x14ac:dyDescent="0.2">
      <c r="A227">
        <v>561.91553499999998</v>
      </c>
      <c r="B227">
        <v>19.956358999999999</v>
      </c>
      <c r="C227">
        <v>10.955686</v>
      </c>
      <c r="D227">
        <f t="shared" si="11"/>
        <v>1.1761280000000003</v>
      </c>
      <c r="E227">
        <f t="shared" si="12"/>
        <v>11.864374999999995</v>
      </c>
      <c r="F227">
        <f t="shared" si="13"/>
        <v>1.7952264436873814E-2</v>
      </c>
    </row>
    <row r="228" spans="1:6" x14ac:dyDescent="0.2">
      <c r="A228">
        <v>561.39742899999999</v>
      </c>
      <c r="B228">
        <v>20.093520999999999</v>
      </c>
      <c r="C228">
        <v>10.960691000000001</v>
      </c>
      <c r="D228">
        <f t="shared" si="11"/>
        <v>1.1811330000000009</v>
      </c>
      <c r="E228">
        <f t="shared" si="12"/>
        <v>11.346269000000007</v>
      </c>
      <c r="F228">
        <f t="shared" si="13"/>
        <v>1.7111333381233038E-2</v>
      </c>
    </row>
    <row r="229" spans="1:6" x14ac:dyDescent="0.2">
      <c r="A229">
        <v>560.31885599999998</v>
      </c>
      <c r="B229">
        <v>20.112126</v>
      </c>
      <c r="C229">
        <v>10.965695999999999</v>
      </c>
      <c r="D229">
        <f t="shared" si="11"/>
        <v>1.1861379999999997</v>
      </c>
      <c r="E229">
        <f t="shared" si="12"/>
        <v>10.267696000000001</v>
      </c>
      <c r="F229">
        <f t="shared" si="13"/>
        <v>1.5449077244614565E-2</v>
      </c>
    </row>
    <row r="230" spans="1:6" x14ac:dyDescent="0.2">
      <c r="A230">
        <v>559.96164099999999</v>
      </c>
      <c r="B230">
        <v>20.022798000000002</v>
      </c>
      <c r="C230">
        <v>10.970701</v>
      </c>
      <c r="D230">
        <f t="shared" si="11"/>
        <v>1.1911430000000003</v>
      </c>
      <c r="E230">
        <f t="shared" si="12"/>
        <v>9.9104810000000043</v>
      </c>
      <c r="F230">
        <f t="shared" si="13"/>
        <v>1.4858417348406457E-2</v>
      </c>
    </row>
    <row r="231" spans="1:6" x14ac:dyDescent="0.2">
      <c r="A231">
        <v>560.074116</v>
      </c>
      <c r="B231">
        <v>19.995177000000002</v>
      </c>
      <c r="C231">
        <v>10.975706000000001</v>
      </c>
      <c r="D231">
        <f t="shared" si="11"/>
        <v>1.1961480000000009</v>
      </c>
      <c r="E231">
        <f t="shared" si="12"/>
        <v>10.022956000000022</v>
      </c>
      <c r="F231">
        <f t="shared" si="13"/>
        <v>1.4961164679868683E-2</v>
      </c>
    </row>
    <row r="232" spans="1:6" x14ac:dyDescent="0.2">
      <c r="A232">
        <v>559.12892799999997</v>
      </c>
      <c r="B232">
        <v>20.117713999999999</v>
      </c>
      <c r="C232">
        <v>10.98071</v>
      </c>
      <c r="D232">
        <f t="shared" si="11"/>
        <v>1.2011520000000004</v>
      </c>
      <c r="E232">
        <f t="shared" si="12"/>
        <v>9.0777679999999918</v>
      </c>
      <c r="F232">
        <f t="shared" si="13"/>
        <v>1.3516652490757989E-2</v>
      </c>
    </row>
    <row r="233" spans="1:6" x14ac:dyDescent="0.2">
      <c r="A233">
        <v>557.77627500000006</v>
      </c>
      <c r="B233">
        <v>20.136073</v>
      </c>
      <c r="C233">
        <v>10.985715000000001</v>
      </c>
      <c r="D233">
        <f t="shared" si="11"/>
        <v>1.206157000000001</v>
      </c>
      <c r="E233">
        <f t="shared" si="12"/>
        <v>7.7251150000000735</v>
      </c>
      <c r="F233">
        <f t="shared" si="13"/>
        <v>1.1482622149104206E-2</v>
      </c>
    </row>
    <row r="234" spans="1:6" x14ac:dyDescent="0.2">
      <c r="A234">
        <v>557.06216800000004</v>
      </c>
      <c r="B234">
        <v>20.052721999999999</v>
      </c>
      <c r="C234">
        <v>10.99072</v>
      </c>
      <c r="D234">
        <f t="shared" si="11"/>
        <v>1.2111619999999998</v>
      </c>
      <c r="E234">
        <f t="shared" si="12"/>
        <v>7.0110080000000607</v>
      </c>
      <c r="F234">
        <f t="shared" si="13"/>
        <v>1.0391411929514153E-2</v>
      </c>
    </row>
    <row r="235" spans="1:6" x14ac:dyDescent="0.2">
      <c r="A235">
        <v>557.05623200000002</v>
      </c>
      <c r="B235">
        <v>19.996538000000001</v>
      </c>
      <c r="C235">
        <v>10.995725</v>
      </c>
      <c r="D235">
        <f t="shared" si="11"/>
        <v>1.2161670000000004</v>
      </c>
      <c r="E235">
        <f t="shared" si="12"/>
        <v>7.005072000000041</v>
      </c>
      <c r="F235">
        <f t="shared" si="13"/>
        <v>1.0339995537480429E-2</v>
      </c>
    </row>
    <row r="236" spans="1:6" x14ac:dyDescent="0.2">
      <c r="A236">
        <v>556.70844399999999</v>
      </c>
      <c r="B236">
        <v>20.054399</v>
      </c>
      <c r="C236">
        <v>11.000730000000001</v>
      </c>
      <c r="D236">
        <f t="shared" si="11"/>
        <v>1.221172000000001</v>
      </c>
      <c r="E236">
        <f t="shared" si="12"/>
        <v>6.6572840000000042</v>
      </c>
      <c r="F236">
        <f t="shared" si="13"/>
        <v>9.7924742419952648E-3</v>
      </c>
    </row>
    <row r="237" spans="1:6" x14ac:dyDescent="0.2">
      <c r="A237">
        <v>555.857572</v>
      </c>
      <c r="B237">
        <v>20.096814999999999</v>
      </c>
      <c r="C237">
        <v>11.005734</v>
      </c>
      <c r="D237">
        <f t="shared" si="11"/>
        <v>1.2261760000000006</v>
      </c>
      <c r="E237">
        <f t="shared" si="12"/>
        <v>5.806412000000023</v>
      </c>
      <c r="F237">
        <f t="shared" si="13"/>
        <v>8.5190567420332271E-3</v>
      </c>
    </row>
    <row r="238" spans="1:6" x14ac:dyDescent="0.2">
      <c r="A238">
        <v>555.64438600000005</v>
      </c>
      <c r="B238">
        <v>20.007553999999999</v>
      </c>
      <c r="C238">
        <v>11.010738999999999</v>
      </c>
      <c r="D238">
        <f t="shared" si="11"/>
        <v>1.2311809999999994</v>
      </c>
      <c r="E238">
        <f t="shared" si="12"/>
        <v>5.5932260000000724</v>
      </c>
      <c r="F238">
        <f t="shared" si="13"/>
        <v>8.1760498800755553E-3</v>
      </c>
    </row>
    <row r="239" spans="1:6" x14ac:dyDescent="0.2">
      <c r="A239">
        <v>556.059888</v>
      </c>
      <c r="B239">
        <v>19.940291999999999</v>
      </c>
      <c r="C239">
        <v>11.015744</v>
      </c>
      <c r="D239">
        <f t="shared" si="11"/>
        <v>1.236186</v>
      </c>
      <c r="E239">
        <f t="shared" si="12"/>
        <v>6.0087280000000192</v>
      </c>
      <c r="F239">
        <f t="shared" si="13"/>
        <v>8.7413227625329874E-3</v>
      </c>
    </row>
    <row r="240" spans="1:6" x14ac:dyDescent="0.2">
      <c r="A240">
        <v>556.32179299999996</v>
      </c>
      <c r="B240">
        <v>19.977882000000001</v>
      </c>
      <c r="C240">
        <v>11.020749</v>
      </c>
      <c r="D240">
        <f t="shared" si="11"/>
        <v>1.2411910000000006</v>
      </c>
      <c r="E240">
        <f t="shared" si="12"/>
        <v>6.2706329999999753</v>
      </c>
      <c r="F240">
        <f t="shared" si="13"/>
        <v>9.0812721891035328E-3</v>
      </c>
    </row>
    <row r="241" spans="1:6" x14ac:dyDescent="0.2">
      <c r="A241">
        <v>556.47351200000003</v>
      </c>
      <c r="B241">
        <v>19.985309999999998</v>
      </c>
      <c r="C241">
        <v>11.025753999999999</v>
      </c>
      <c r="D241">
        <f t="shared" si="11"/>
        <v>1.2461959999999994</v>
      </c>
      <c r="E241">
        <f t="shared" si="12"/>
        <v>6.4223520000000462</v>
      </c>
      <c r="F241">
        <f t="shared" si="13"/>
        <v>9.2611145322427091E-3</v>
      </c>
    </row>
    <row r="242" spans="1:6" x14ac:dyDescent="0.2">
      <c r="A242">
        <v>556.08200999999997</v>
      </c>
      <c r="B242">
        <v>20.044263999999998</v>
      </c>
      <c r="C242">
        <v>11.030758000000001</v>
      </c>
      <c r="D242">
        <f t="shared" si="11"/>
        <v>1.2512000000000008</v>
      </c>
      <c r="E242">
        <f t="shared" si="12"/>
        <v>6.0308499999999867</v>
      </c>
      <c r="F242">
        <f t="shared" si="13"/>
        <v>8.6678811086886281E-3</v>
      </c>
    </row>
    <row r="243" spans="1:6" x14ac:dyDescent="0.2">
      <c r="A243">
        <v>556.75652500000001</v>
      </c>
      <c r="B243">
        <v>19.880329</v>
      </c>
      <c r="C243">
        <v>11.035762999999999</v>
      </c>
      <c r="D243">
        <f t="shared" si="11"/>
        <v>1.2562049999999996</v>
      </c>
      <c r="E243">
        <f t="shared" si="12"/>
        <v>6.7053650000000289</v>
      </c>
      <c r="F243">
        <f t="shared" si="13"/>
        <v>9.5873060216100005E-3</v>
      </c>
    </row>
    <row r="244" spans="1:6" x14ac:dyDescent="0.2">
      <c r="A244">
        <v>558.01725999999996</v>
      </c>
      <c r="B244">
        <v>19.870775999999999</v>
      </c>
      <c r="C244">
        <v>11.040768</v>
      </c>
      <c r="D244">
        <f t="shared" si="11"/>
        <v>1.2612100000000002</v>
      </c>
      <c r="E244">
        <f t="shared" si="12"/>
        <v>7.9660999999999831</v>
      </c>
      <c r="F244">
        <f t="shared" si="13"/>
        <v>1.1319069226624855E-2</v>
      </c>
    </row>
    <row r="245" spans="1:6" x14ac:dyDescent="0.2">
      <c r="A245">
        <v>558.64553899999999</v>
      </c>
      <c r="B245">
        <v>19.968776999999999</v>
      </c>
      <c r="C245">
        <v>11.045773000000001</v>
      </c>
      <c r="D245">
        <f t="shared" si="11"/>
        <v>1.2662150000000008</v>
      </c>
      <c r="E245">
        <f t="shared" si="12"/>
        <v>8.5943790000000035</v>
      </c>
      <c r="F245">
        <f t="shared" si="13"/>
        <v>1.2149844298068015E-2</v>
      </c>
    </row>
    <row r="246" spans="1:6" x14ac:dyDescent="0.2">
      <c r="A246">
        <v>559.00568699999997</v>
      </c>
      <c r="B246">
        <v>19.951098999999999</v>
      </c>
      <c r="C246">
        <v>11.050777999999999</v>
      </c>
      <c r="D246">
        <f t="shared" si="11"/>
        <v>1.2712199999999996</v>
      </c>
      <c r="E246">
        <f t="shared" si="12"/>
        <v>8.9545269999999846</v>
      </c>
      <c r="F246">
        <f t="shared" si="13"/>
        <v>1.2601020182392772E-2</v>
      </c>
    </row>
    <row r="247" spans="1:6" x14ac:dyDescent="0.2">
      <c r="A247">
        <v>560.11622399999999</v>
      </c>
      <c r="B247">
        <v>19.849256</v>
      </c>
      <c r="C247">
        <v>11.055782000000001</v>
      </c>
      <c r="D247">
        <f t="shared" si="11"/>
        <v>1.2762240000000009</v>
      </c>
      <c r="E247">
        <f t="shared" si="12"/>
        <v>10.065064000000007</v>
      </c>
      <c r="F247">
        <f t="shared" si="13"/>
        <v>1.4080286148425101E-2</v>
      </c>
    </row>
    <row r="248" spans="1:6" x14ac:dyDescent="0.2">
      <c r="A248">
        <v>561.35139500000002</v>
      </c>
      <c r="B248">
        <v>19.885584000000001</v>
      </c>
      <c r="C248">
        <v>11.060786999999999</v>
      </c>
      <c r="D248">
        <f t="shared" si="11"/>
        <v>1.2812289999999997</v>
      </c>
      <c r="E248">
        <f t="shared" si="12"/>
        <v>11.300235000000043</v>
      </c>
      <c r="F248">
        <f t="shared" si="13"/>
        <v>1.5711798790644646E-2</v>
      </c>
    </row>
    <row r="249" spans="1:6" x14ac:dyDescent="0.2">
      <c r="A249">
        <v>561.83449399999995</v>
      </c>
      <c r="B249">
        <v>19.970945</v>
      </c>
      <c r="C249">
        <v>11.065792</v>
      </c>
      <c r="D249">
        <f t="shared" si="11"/>
        <v>1.2862340000000003</v>
      </c>
      <c r="E249">
        <f t="shared" si="12"/>
        <v>11.783333999999968</v>
      </c>
      <c r="F249">
        <f t="shared" si="13"/>
        <v>1.6305713348028224E-2</v>
      </c>
    </row>
    <row r="250" spans="1:6" x14ac:dyDescent="0.2">
      <c r="A250">
        <v>561.72115099999996</v>
      </c>
      <c r="B250">
        <v>20.013321000000001</v>
      </c>
      <c r="C250">
        <v>11.070797000000001</v>
      </c>
      <c r="D250">
        <f t="shared" si="11"/>
        <v>1.2912390000000009</v>
      </c>
      <c r="E250">
        <f t="shared" si="12"/>
        <v>11.669990999999982</v>
      </c>
      <c r="F250">
        <f t="shared" si="13"/>
        <v>1.6089520788496601E-2</v>
      </c>
    </row>
    <row r="251" spans="1:6" x14ac:dyDescent="0.2">
      <c r="A251">
        <v>562.17145800000003</v>
      </c>
      <c r="B251">
        <v>19.924759999999999</v>
      </c>
      <c r="C251">
        <v>11.075801999999999</v>
      </c>
      <c r="D251">
        <f t="shared" si="11"/>
        <v>1.2962439999999997</v>
      </c>
      <c r="E251">
        <f t="shared" si="12"/>
        <v>12.120298000000048</v>
      </c>
      <c r="F251">
        <f t="shared" si="13"/>
        <v>1.6632508209103513E-2</v>
      </c>
    </row>
    <row r="252" spans="1:6" x14ac:dyDescent="0.2">
      <c r="A252">
        <v>562.59111499999995</v>
      </c>
      <c r="B252">
        <v>19.967169999999999</v>
      </c>
      <c r="C252">
        <v>11.080806000000001</v>
      </c>
      <c r="D252">
        <f t="shared" si="11"/>
        <v>1.3012480000000011</v>
      </c>
      <c r="E252">
        <f t="shared" si="12"/>
        <v>12.539954999999964</v>
      </c>
      <c r="F252">
        <f t="shared" si="13"/>
        <v>1.7129434825228367E-2</v>
      </c>
    </row>
    <row r="253" spans="1:6" x14ac:dyDescent="0.2">
      <c r="A253">
        <v>562.35546999999997</v>
      </c>
      <c r="B253">
        <v>20.040619</v>
      </c>
      <c r="C253">
        <v>11.085811</v>
      </c>
      <c r="D253">
        <f t="shared" ref="D253:D316" si="14">C253-$C$2</f>
        <v>1.3062529999999999</v>
      </c>
      <c r="E253">
        <f t="shared" ref="E253:E316" si="15">A253-$A$2</f>
        <v>12.304309999999987</v>
      </c>
      <c r="F253">
        <f t="shared" si="13"/>
        <v>1.6750163078716261E-2</v>
      </c>
    </row>
    <row r="254" spans="1:6" x14ac:dyDescent="0.2">
      <c r="A254">
        <v>561.90973799999995</v>
      </c>
      <c r="B254">
        <v>20.05396</v>
      </c>
      <c r="C254">
        <v>11.090816</v>
      </c>
      <c r="D254">
        <f t="shared" si="14"/>
        <v>1.3112580000000005</v>
      </c>
      <c r="E254">
        <f t="shared" si="15"/>
        <v>11.858577999999966</v>
      </c>
      <c r="F254">
        <f t="shared" si="13"/>
        <v>1.6094515412287021E-2</v>
      </c>
    </row>
    <row r="255" spans="1:6" x14ac:dyDescent="0.2">
      <c r="A255">
        <v>561.58941200000004</v>
      </c>
      <c r="B255">
        <v>20.035257999999999</v>
      </c>
      <c r="C255">
        <v>11.095821000000001</v>
      </c>
      <c r="D255">
        <f t="shared" si="14"/>
        <v>1.3162630000000011</v>
      </c>
      <c r="E255">
        <f t="shared" si="15"/>
        <v>11.538252000000057</v>
      </c>
      <c r="F255">
        <f t="shared" si="13"/>
        <v>1.5609120568403793E-2</v>
      </c>
    </row>
    <row r="256" spans="1:6" x14ac:dyDescent="0.2">
      <c r="A256">
        <v>561.22012500000005</v>
      </c>
      <c r="B256">
        <v>20.028949000000001</v>
      </c>
      <c r="C256">
        <v>11.100826</v>
      </c>
      <c r="D256">
        <f t="shared" si="14"/>
        <v>1.3212679999999999</v>
      </c>
      <c r="E256">
        <f t="shared" si="15"/>
        <v>11.168965000000071</v>
      </c>
      <c r="F256">
        <f t="shared" si="13"/>
        <v>1.5062212727701071E-2</v>
      </c>
    </row>
    <row r="257" spans="1:6" x14ac:dyDescent="0.2">
      <c r="A257">
        <v>560.94581400000004</v>
      </c>
      <c r="B257">
        <v>20.033632000000001</v>
      </c>
      <c r="C257">
        <v>11.105829999999999</v>
      </c>
      <c r="D257">
        <f t="shared" si="14"/>
        <v>1.3262719999999995</v>
      </c>
      <c r="E257">
        <f t="shared" si="15"/>
        <v>10.89465400000006</v>
      </c>
      <c r="F257">
        <f t="shared" si="13"/>
        <v>1.4644007063887941E-2</v>
      </c>
    </row>
    <row r="258" spans="1:6" x14ac:dyDescent="0.2">
      <c r="A258">
        <v>560.16038200000003</v>
      </c>
      <c r="B258">
        <v>20.107499000000001</v>
      </c>
      <c r="C258">
        <v>11.110835</v>
      </c>
      <c r="D258">
        <f t="shared" si="14"/>
        <v>1.331277</v>
      </c>
      <c r="E258">
        <f t="shared" si="15"/>
        <v>10.109222000000045</v>
      </c>
      <c r="F258">
        <f t="shared" si="13"/>
        <v>1.355616715577016E-2</v>
      </c>
    </row>
    <row r="259" spans="1:6" x14ac:dyDescent="0.2">
      <c r="A259">
        <v>559.15360799999996</v>
      </c>
      <c r="B259">
        <v>20.114152000000001</v>
      </c>
      <c r="C259">
        <v>11.11584</v>
      </c>
      <c r="D259">
        <f t="shared" si="14"/>
        <v>1.3362820000000006</v>
      </c>
      <c r="E259">
        <f t="shared" si="15"/>
        <v>9.1024479999999812</v>
      </c>
      <c r="F259">
        <f t="shared" ref="F259:F322" si="16">(1/A259)*(E259/D259)</f>
        <v>1.2182290642999558E-2</v>
      </c>
    </row>
    <row r="260" spans="1:6" x14ac:dyDescent="0.2">
      <c r="A260">
        <v>558.29385000000002</v>
      </c>
      <c r="B260">
        <v>20.068697</v>
      </c>
      <c r="C260">
        <v>11.120844999999999</v>
      </c>
      <c r="D260">
        <f t="shared" si="14"/>
        <v>1.3412869999999995</v>
      </c>
      <c r="E260">
        <f t="shared" si="15"/>
        <v>8.2426900000000387</v>
      </c>
      <c r="F260">
        <f t="shared" si="16"/>
        <v>1.100739135463291E-2</v>
      </c>
    </row>
    <row r="261" spans="1:6" x14ac:dyDescent="0.2">
      <c r="A261">
        <v>558.00885400000004</v>
      </c>
      <c r="B261">
        <v>20.015277000000001</v>
      </c>
      <c r="C261">
        <v>11.12585</v>
      </c>
      <c r="D261">
        <f t="shared" si="14"/>
        <v>1.346292</v>
      </c>
      <c r="E261">
        <f t="shared" si="15"/>
        <v>7.9576940000000604</v>
      </c>
      <c r="F261">
        <f t="shared" si="16"/>
        <v>1.0592705056306407E-2</v>
      </c>
    </row>
    <row r="262" spans="1:6" x14ac:dyDescent="0.2">
      <c r="A262">
        <v>558.02805499999999</v>
      </c>
      <c r="B262">
        <v>20.005413999999998</v>
      </c>
      <c r="C262">
        <v>11.130853999999999</v>
      </c>
      <c r="D262">
        <f t="shared" si="14"/>
        <v>1.3512959999999996</v>
      </c>
      <c r="E262">
        <f t="shared" si="15"/>
        <v>7.9768950000000132</v>
      </c>
      <c r="F262">
        <f t="shared" si="16"/>
        <v>1.0578579409922413E-2</v>
      </c>
    </row>
    <row r="263" spans="1:6" x14ac:dyDescent="0.2">
      <c r="A263">
        <v>557.89141500000005</v>
      </c>
      <c r="B263">
        <v>20.033353999999999</v>
      </c>
      <c r="C263">
        <v>11.135859</v>
      </c>
      <c r="D263">
        <f t="shared" si="14"/>
        <v>1.3563010000000002</v>
      </c>
      <c r="E263">
        <f t="shared" si="15"/>
        <v>7.8402550000000701</v>
      </c>
      <c r="F263">
        <f t="shared" si="16"/>
        <v>1.0361542859121024E-2</v>
      </c>
    </row>
    <row r="264" spans="1:6" x14ac:dyDescent="0.2">
      <c r="A264">
        <v>557.363069</v>
      </c>
      <c r="B264">
        <v>20.053252000000001</v>
      </c>
      <c r="C264">
        <v>11.140864000000001</v>
      </c>
      <c r="D264">
        <f t="shared" si="14"/>
        <v>1.3613060000000008</v>
      </c>
      <c r="E264">
        <f t="shared" si="15"/>
        <v>7.3119090000000142</v>
      </c>
      <c r="F264">
        <f t="shared" si="16"/>
        <v>9.636888411814851E-3</v>
      </c>
    </row>
    <row r="265" spans="1:6" x14ac:dyDescent="0.2">
      <c r="A265">
        <v>557.14114900000004</v>
      </c>
      <c r="B265">
        <v>20.011883000000001</v>
      </c>
      <c r="C265">
        <v>11.145868999999999</v>
      </c>
      <c r="D265">
        <f t="shared" si="14"/>
        <v>1.3663109999999996</v>
      </c>
      <c r="E265">
        <f t="shared" si="15"/>
        <v>7.0899890000000596</v>
      </c>
      <c r="F265">
        <f t="shared" si="16"/>
        <v>9.3138826355205137E-3</v>
      </c>
    </row>
    <row r="266" spans="1:6" x14ac:dyDescent="0.2">
      <c r="A266">
        <v>556.88431700000001</v>
      </c>
      <c r="B266">
        <v>20.014574</v>
      </c>
      <c r="C266">
        <v>11.150874</v>
      </c>
      <c r="D266">
        <f t="shared" si="14"/>
        <v>1.3713160000000002</v>
      </c>
      <c r="E266">
        <f t="shared" si="15"/>
        <v>6.8331570000000283</v>
      </c>
      <c r="F266">
        <f t="shared" si="16"/>
        <v>8.9478535757151183E-3</v>
      </c>
    </row>
    <row r="267" spans="1:6" x14ac:dyDescent="0.2">
      <c r="A267">
        <v>556.79291799999999</v>
      </c>
      <c r="B267">
        <v>20.001753999999998</v>
      </c>
      <c r="C267">
        <v>11.155878</v>
      </c>
      <c r="D267">
        <f t="shared" si="14"/>
        <v>1.3763199999999998</v>
      </c>
      <c r="E267">
        <f t="shared" si="15"/>
        <v>6.7417580000000044</v>
      </c>
      <c r="F267">
        <f t="shared" si="16"/>
        <v>8.7975153965135534E-3</v>
      </c>
    </row>
    <row r="268" spans="1:6" x14ac:dyDescent="0.2">
      <c r="A268">
        <v>556.622342</v>
      </c>
      <c r="B268">
        <v>20.038177000000001</v>
      </c>
      <c r="C268">
        <v>11.160883</v>
      </c>
      <c r="D268">
        <f t="shared" si="14"/>
        <v>1.3813250000000004</v>
      </c>
      <c r="E268">
        <f t="shared" si="15"/>
        <v>6.5711820000000216</v>
      </c>
      <c r="F268">
        <f t="shared" si="16"/>
        <v>8.5464742723693182E-3</v>
      </c>
    </row>
    <row r="269" spans="1:6" x14ac:dyDescent="0.2">
      <c r="A269">
        <v>556.56348700000001</v>
      </c>
      <c r="B269">
        <v>20.002825000000001</v>
      </c>
      <c r="C269">
        <v>11.165888000000001</v>
      </c>
      <c r="D269">
        <f t="shared" si="14"/>
        <v>1.386330000000001</v>
      </c>
      <c r="E269">
        <f t="shared" si="15"/>
        <v>6.5123270000000275</v>
      </c>
      <c r="F269">
        <f t="shared" si="16"/>
        <v>8.4402413728309478E-3</v>
      </c>
    </row>
    <row r="270" spans="1:6" x14ac:dyDescent="0.2">
      <c r="A270">
        <v>557.01240600000006</v>
      </c>
      <c r="B270">
        <v>19.937954999999999</v>
      </c>
      <c r="C270">
        <v>11.170893</v>
      </c>
      <c r="D270">
        <f t="shared" si="14"/>
        <v>1.3913349999999998</v>
      </c>
      <c r="E270">
        <f t="shared" si="15"/>
        <v>6.9612460000000738</v>
      </c>
      <c r="F270">
        <f t="shared" si="16"/>
        <v>8.9823588846063181E-3</v>
      </c>
    </row>
    <row r="271" spans="1:6" x14ac:dyDescent="0.2">
      <c r="A271">
        <v>557.62205100000006</v>
      </c>
      <c r="B271">
        <v>19.928498999999999</v>
      </c>
      <c r="C271">
        <v>11.175898</v>
      </c>
      <c r="D271">
        <f t="shared" si="14"/>
        <v>1.3963400000000004</v>
      </c>
      <c r="E271">
        <f t="shared" si="15"/>
        <v>7.5708910000000742</v>
      </c>
      <c r="F271">
        <f t="shared" si="16"/>
        <v>9.7233490182314555E-3</v>
      </c>
    </row>
    <row r="272" spans="1:6" x14ac:dyDescent="0.2">
      <c r="A272">
        <v>558.02500099999997</v>
      </c>
      <c r="B272">
        <v>19.959719</v>
      </c>
      <c r="C272">
        <v>11.180902</v>
      </c>
      <c r="D272">
        <f t="shared" si="14"/>
        <v>1.4013439999999999</v>
      </c>
      <c r="E272">
        <f t="shared" si="15"/>
        <v>7.9738409999999931</v>
      </c>
      <c r="F272">
        <f t="shared" si="16"/>
        <v>1.0196923384139458E-2</v>
      </c>
    </row>
    <row r="273" spans="1:6" x14ac:dyDescent="0.2">
      <c r="A273">
        <v>558.51326500000005</v>
      </c>
      <c r="B273">
        <v>19.927993000000001</v>
      </c>
      <c r="C273">
        <v>11.185907</v>
      </c>
      <c r="D273">
        <f t="shared" si="14"/>
        <v>1.4063490000000005</v>
      </c>
      <c r="E273">
        <f t="shared" si="15"/>
        <v>8.462105000000065</v>
      </c>
      <c r="F273">
        <f t="shared" si="16"/>
        <v>1.0773375788898287E-2</v>
      </c>
    </row>
    <row r="274" spans="1:6" x14ac:dyDescent="0.2">
      <c r="A274">
        <v>559.774854</v>
      </c>
      <c r="B274">
        <v>19.852872000000001</v>
      </c>
      <c r="C274">
        <v>11.190912000000001</v>
      </c>
      <c r="D274">
        <f t="shared" si="14"/>
        <v>1.4113540000000011</v>
      </c>
      <c r="E274">
        <f t="shared" si="15"/>
        <v>9.7236940000000232</v>
      </c>
      <c r="F274">
        <f t="shared" si="16"/>
        <v>1.230784276865165E-2</v>
      </c>
    </row>
    <row r="275" spans="1:6" x14ac:dyDescent="0.2">
      <c r="A275">
        <v>560.84519499999999</v>
      </c>
      <c r="B275">
        <v>19.900005</v>
      </c>
      <c r="C275">
        <v>11.195917</v>
      </c>
      <c r="D275">
        <f t="shared" si="14"/>
        <v>1.4163589999999999</v>
      </c>
      <c r="E275">
        <f t="shared" si="15"/>
        <v>10.794035000000008</v>
      </c>
      <c r="F275">
        <f t="shared" si="16"/>
        <v>1.3588373383046909E-2</v>
      </c>
    </row>
    <row r="276" spans="1:6" x14ac:dyDescent="0.2">
      <c r="A276">
        <v>561.68258100000003</v>
      </c>
      <c r="B276">
        <v>19.918600999999999</v>
      </c>
      <c r="C276">
        <v>11.200922</v>
      </c>
      <c r="D276">
        <f t="shared" si="14"/>
        <v>1.4213640000000005</v>
      </c>
      <c r="E276">
        <f t="shared" si="15"/>
        <v>11.631421000000046</v>
      </c>
      <c r="F276">
        <f t="shared" si="16"/>
        <v>1.4569226937174641E-2</v>
      </c>
    </row>
    <row r="277" spans="1:6" x14ac:dyDescent="0.2">
      <c r="A277">
        <v>561.73133700000005</v>
      </c>
      <c r="B277">
        <v>19.998683</v>
      </c>
      <c r="C277">
        <v>11.205926</v>
      </c>
      <c r="D277">
        <f t="shared" si="14"/>
        <v>1.4263680000000001</v>
      </c>
      <c r="E277">
        <f t="shared" si="15"/>
        <v>11.680177000000072</v>
      </c>
      <c r="F277">
        <f t="shared" si="16"/>
        <v>1.457770591590013E-2</v>
      </c>
    </row>
    <row r="278" spans="1:6" x14ac:dyDescent="0.2">
      <c r="A278">
        <v>562.02580699999999</v>
      </c>
      <c r="B278">
        <v>19.946497000000001</v>
      </c>
      <c r="C278">
        <v>11.210931</v>
      </c>
      <c r="D278">
        <f t="shared" si="14"/>
        <v>1.4313730000000007</v>
      </c>
      <c r="E278">
        <f t="shared" si="15"/>
        <v>11.974647000000004</v>
      </c>
      <c r="F278">
        <f t="shared" si="16"/>
        <v>1.4885164584902966E-2</v>
      </c>
    </row>
    <row r="279" spans="1:6" x14ac:dyDescent="0.2">
      <c r="A279">
        <v>562.79699900000003</v>
      </c>
      <c r="B279">
        <v>19.920667999999999</v>
      </c>
      <c r="C279">
        <v>11.215935999999999</v>
      </c>
      <c r="D279">
        <f t="shared" si="14"/>
        <v>1.4363779999999995</v>
      </c>
      <c r="E279">
        <f t="shared" si="15"/>
        <v>12.745839000000046</v>
      </c>
      <c r="F279">
        <f t="shared" si="16"/>
        <v>1.5766957996484327E-2</v>
      </c>
    </row>
    <row r="280" spans="1:6" x14ac:dyDescent="0.2">
      <c r="A280">
        <v>562.90951600000005</v>
      </c>
      <c r="B280">
        <v>20.014244999999999</v>
      </c>
      <c r="C280">
        <v>11.220941</v>
      </c>
      <c r="D280">
        <f t="shared" si="14"/>
        <v>1.4413830000000001</v>
      </c>
      <c r="E280">
        <f t="shared" si="15"/>
        <v>12.858356000000072</v>
      </c>
      <c r="F280">
        <f t="shared" si="16"/>
        <v>1.5847744452691985E-2</v>
      </c>
    </row>
    <row r="281" spans="1:6" x14ac:dyDescent="0.2">
      <c r="A281">
        <v>562.23615099999995</v>
      </c>
      <c r="B281">
        <v>20.094723999999999</v>
      </c>
      <c r="C281">
        <v>11.225946</v>
      </c>
      <c r="D281">
        <f t="shared" si="14"/>
        <v>1.4463880000000007</v>
      </c>
      <c r="E281">
        <f t="shared" si="15"/>
        <v>12.184990999999968</v>
      </c>
      <c r="F281">
        <f t="shared" si="16"/>
        <v>1.4983788562247946E-2</v>
      </c>
    </row>
    <row r="282" spans="1:6" x14ac:dyDescent="0.2">
      <c r="A282">
        <v>561.56718999999998</v>
      </c>
      <c r="B282">
        <v>20.047744000000002</v>
      </c>
      <c r="C282">
        <v>11.23095</v>
      </c>
      <c r="D282">
        <f t="shared" si="14"/>
        <v>1.4513920000000002</v>
      </c>
      <c r="E282">
        <f t="shared" si="15"/>
        <v>11.516030000000001</v>
      </c>
      <c r="F282">
        <f t="shared" si="16"/>
        <v>1.4129159792104948E-2</v>
      </c>
    </row>
    <row r="283" spans="1:6" x14ac:dyDescent="0.2">
      <c r="A283">
        <v>561.43252700000005</v>
      </c>
      <c r="B283">
        <v>20.013535999999998</v>
      </c>
      <c r="C283">
        <v>11.235955000000001</v>
      </c>
      <c r="D283">
        <f t="shared" si="14"/>
        <v>1.4563970000000008</v>
      </c>
      <c r="E283">
        <f t="shared" si="15"/>
        <v>11.381367000000068</v>
      </c>
      <c r="F283">
        <f t="shared" si="16"/>
        <v>1.3919289956252585E-2</v>
      </c>
    </row>
    <row r="284" spans="1:6" x14ac:dyDescent="0.2">
      <c r="A284">
        <v>560.64665300000001</v>
      </c>
      <c r="B284">
        <v>20.106348000000001</v>
      </c>
      <c r="C284">
        <v>11.240959999999999</v>
      </c>
      <c r="D284">
        <f t="shared" si="14"/>
        <v>1.4614019999999996</v>
      </c>
      <c r="E284">
        <f t="shared" si="15"/>
        <v>10.595493000000033</v>
      </c>
      <c r="F284">
        <f t="shared" si="16"/>
        <v>1.2931897025247486E-2</v>
      </c>
    </row>
    <row r="285" spans="1:6" x14ac:dyDescent="0.2">
      <c r="A285">
        <v>559.91972199999998</v>
      </c>
      <c r="B285">
        <v>20.072628000000002</v>
      </c>
      <c r="C285">
        <v>11.245965</v>
      </c>
      <c r="D285">
        <f t="shared" si="14"/>
        <v>1.4664070000000002</v>
      </c>
      <c r="E285">
        <f t="shared" si="15"/>
        <v>9.8685619999999972</v>
      </c>
      <c r="F285">
        <f t="shared" si="16"/>
        <v>1.2019145260244474E-2</v>
      </c>
    </row>
    <row r="286" spans="1:6" x14ac:dyDescent="0.2">
      <c r="A286">
        <v>559.02218300000004</v>
      </c>
      <c r="B286">
        <v>20.096544000000002</v>
      </c>
      <c r="C286">
        <v>11.250970000000001</v>
      </c>
      <c r="D286">
        <f t="shared" si="14"/>
        <v>1.4714120000000008</v>
      </c>
      <c r="E286">
        <f t="shared" si="15"/>
        <v>8.9710230000000593</v>
      </c>
      <c r="F286">
        <f t="shared" si="16"/>
        <v>1.0906330011359761E-2</v>
      </c>
    </row>
    <row r="287" spans="1:6" x14ac:dyDescent="0.2">
      <c r="A287">
        <v>558.57720600000005</v>
      </c>
      <c r="B287">
        <v>20.024774000000001</v>
      </c>
      <c r="C287">
        <v>11.255974</v>
      </c>
      <c r="D287">
        <f t="shared" si="14"/>
        <v>1.4764160000000004</v>
      </c>
      <c r="E287">
        <f t="shared" si="15"/>
        <v>8.5260460000000649</v>
      </c>
      <c r="F287">
        <f t="shared" si="16"/>
        <v>1.0338456840304376E-2</v>
      </c>
    </row>
    <row r="288" spans="1:6" x14ac:dyDescent="0.2">
      <c r="A288">
        <v>558.61138000000005</v>
      </c>
      <c r="B288">
        <v>19.991382000000002</v>
      </c>
      <c r="C288">
        <v>11.260979000000001</v>
      </c>
      <c r="D288">
        <f t="shared" si="14"/>
        <v>1.481421000000001</v>
      </c>
      <c r="E288">
        <f t="shared" si="15"/>
        <v>8.5602200000000721</v>
      </c>
      <c r="F288">
        <f t="shared" si="16"/>
        <v>1.0344193851803159E-2</v>
      </c>
    </row>
    <row r="289" spans="1:6" x14ac:dyDescent="0.2">
      <c r="A289">
        <v>558.64510399999995</v>
      </c>
      <c r="B289">
        <v>20.000305999999998</v>
      </c>
      <c r="C289">
        <v>11.265984</v>
      </c>
      <c r="D289">
        <f t="shared" si="14"/>
        <v>1.4864259999999998</v>
      </c>
      <c r="E289">
        <f t="shared" si="15"/>
        <v>8.5939439999999649</v>
      </c>
      <c r="F289">
        <f t="shared" si="16"/>
        <v>1.0349353689659318E-2</v>
      </c>
    </row>
    <row r="290" spans="1:6" x14ac:dyDescent="0.2">
      <c r="A290">
        <v>558.40740200000005</v>
      </c>
      <c r="B290">
        <v>20.030063999999999</v>
      </c>
      <c r="C290">
        <v>11.270989</v>
      </c>
      <c r="D290">
        <f t="shared" si="14"/>
        <v>1.4914310000000004</v>
      </c>
      <c r="E290">
        <f t="shared" si="15"/>
        <v>8.3562420000000657</v>
      </c>
      <c r="F290">
        <f t="shared" si="16"/>
        <v>1.0033597530075485E-2</v>
      </c>
    </row>
    <row r="291" spans="1:6" x14ac:dyDescent="0.2">
      <c r="A291">
        <v>558.86028599999997</v>
      </c>
      <c r="B291">
        <v>19.934750999999999</v>
      </c>
      <c r="C291">
        <v>11.275994000000001</v>
      </c>
      <c r="D291">
        <f t="shared" si="14"/>
        <v>1.496436000000001</v>
      </c>
      <c r="E291">
        <f t="shared" si="15"/>
        <v>8.809125999999992</v>
      </c>
      <c r="F291">
        <f t="shared" si="16"/>
        <v>1.05334691023251E-2</v>
      </c>
    </row>
    <row r="292" spans="1:6" x14ac:dyDescent="0.2">
      <c r="A292">
        <v>559.57439499999998</v>
      </c>
      <c r="B292">
        <v>19.921565000000001</v>
      </c>
      <c r="C292">
        <v>11.280998</v>
      </c>
      <c r="D292">
        <f t="shared" si="14"/>
        <v>1.5014400000000006</v>
      </c>
      <c r="E292">
        <f t="shared" si="15"/>
        <v>9.5232349999999997</v>
      </c>
      <c r="F292">
        <f t="shared" si="16"/>
        <v>1.1334925909891337E-2</v>
      </c>
    </row>
    <row r="293" spans="1:6" x14ac:dyDescent="0.2">
      <c r="A293">
        <v>560.38992399999995</v>
      </c>
      <c r="B293">
        <v>19.920394000000002</v>
      </c>
      <c r="C293">
        <v>11.286002999999999</v>
      </c>
      <c r="D293">
        <f t="shared" si="14"/>
        <v>1.5064449999999994</v>
      </c>
      <c r="E293">
        <f t="shared" si="15"/>
        <v>10.338763999999969</v>
      </c>
      <c r="F293">
        <f t="shared" si="16"/>
        <v>1.2246867627173367E-2</v>
      </c>
    </row>
    <row r="294" spans="1:6" x14ac:dyDescent="0.2">
      <c r="A294">
        <v>560.43638699999997</v>
      </c>
      <c r="B294">
        <v>20.012376</v>
      </c>
      <c r="C294">
        <v>11.291008</v>
      </c>
      <c r="D294">
        <f t="shared" si="14"/>
        <v>1.51145</v>
      </c>
      <c r="E294">
        <f t="shared" si="15"/>
        <v>10.385226999999986</v>
      </c>
      <c r="F294">
        <f t="shared" si="16"/>
        <v>1.2260152837582541E-2</v>
      </c>
    </row>
    <row r="295" spans="1:6" x14ac:dyDescent="0.2">
      <c r="A295">
        <v>560.53748199999995</v>
      </c>
      <c r="B295">
        <v>19.968995</v>
      </c>
      <c r="C295">
        <v>11.296013</v>
      </c>
      <c r="D295">
        <f t="shared" si="14"/>
        <v>1.5164550000000006</v>
      </c>
      <c r="E295">
        <f t="shared" si="15"/>
        <v>10.486321999999973</v>
      </c>
      <c r="F295">
        <f t="shared" si="16"/>
        <v>1.2336415935270493E-2</v>
      </c>
    </row>
    <row r="296" spans="1:6" x14ac:dyDescent="0.2">
      <c r="A296">
        <v>560.54132400000003</v>
      </c>
      <c r="B296">
        <v>19.998805999999998</v>
      </c>
      <c r="C296">
        <v>11.301017999999999</v>
      </c>
      <c r="D296">
        <f t="shared" si="14"/>
        <v>1.5214599999999994</v>
      </c>
      <c r="E296">
        <f t="shared" si="15"/>
        <v>10.49016400000005</v>
      </c>
      <c r="F296">
        <f t="shared" si="16"/>
        <v>1.230025468445819E-2</v>
      </c>
    </row>
    <row r="297" spans="1:6" x14ac:dyDescent="0.2">
      <c r="A297">
        <v>560.87231599999996</v>
      </c>
      <c r="B297">
        <v>19.967413000000001</v>
      </c>
      <c r="C297">
        <v>11.306022</v>
      </c>
      <c r="D297">
        <f t="shared" si="14"/>
        <v>1.5264640000000007</v>
      </c>
      <c r="E297">
        <f t="shared" si="15"/>
        <v>10.821155999999974</v>
      </c>
      <c r="F297">
        <f t="shared" si="16"/>
        <v>1.2639301895681725E-2</v>
      </c>
    </row>
    <row r="298" spans="1:6" x14ac:dyDescent="0.2">
      <c r="A298">
        <v>560.78781200000003</v>
      </c>
      <c r="B298">
        <v>20.031779</v>
      </c>
      <c r="C298">
        <v>11.311026999999999</v>
      </c>
      <c r="D298">
        <f t="shared" si="14"/>
        <v>1.5314689999999995</v>
      </c>
      <c r="E298">
        <f t="shared" si="15"/>
        <v>10.736652000000049</v>
      </c>
      <c r="F298">
        <f t="shared" si="16"/>
        <v>1.2501499284581477E-2</v>
      </c>
    </row>
    <row r="299" spans="1:6" x14ac:dyDescent="0.2">
      <c r="A299">
        <v>560.579612</v>
      </c>
      <c r="B299">
        <v>20.015785999999999</v>
      </c>
      <c r="C299">
        <v>11.316032</v>
      </c>
      <c r="D299">
        <f t="shared" si="14"/>
        <v>1.5364740000000001</v>
      </c>
      <c r="E299">
        <f t="shared" si="15"/>
        <v>10.528452000000016</v>
      </c>
      <c r="F299">
        <f t="shared" si="16"/>
        <v>1.222368098939125E-2</v>
      </c>
    </row>
    <row r="300" spans="1:6" x14ac:dyDescent="0.2">
      <c r="A300">
        <v>560.60754199999997</v>
      </c>
      <c r="B300">
        <v>19.959927</v>
      </c>
      <c r="C300">
        <v>11.321037</v>
      </c>
      <c r="D300">
        <f t="shared" si="14"/>
        <v>1.5414790000000007</v>
      </c>
      <c r="E300">
        <f t="shared" si="15"/>
        <v>10.556381999999985</v>
      </c>
      <c r="F300">
        <f t="shared" si="16"/>
        <v>1.2215705350729522E-2</v>
      </c>
    </row>
    <row r="301" spans="1:6" x14ac:dyDescent="0.2">
      <c r="A301">
        <v>561.08394099999998</v>
      </c>
      <c r="B301">
        <v>19.948822</v>
      </c>
      <c r="C301">
        <v>11.326041999999999</v>
      </c>
      <c r="D301">
        <f t="shared" si="14"/>
        <v>1.5464839999999995</v>
      </c>
      <c r="E301">
        <f t="shared" si="15"/>
        <v>11.032781</v>
      </c>
      <c r="F301">
        <f t="shared" si="16"/>
        <v>1.271486424545828E-2</v>
      </c>
    </row>
    <row r="302" spans="1:6" x14ac:dyDescent="0.2">
      <c r="A302">
        <v>560.92213900000002</v>
      </c>
      <c r="B302">
        <v>20.039245999999999</v>
      </c>
      <c r="C302">
        <v>11.331046000000001</v>
      </c>
      <c r="D302">
        <f t="shared" si="14"/>
        <v>1.5514880000000009</v>
      </c>
      <c r="E302">
        <f t="shared" si="15"/>
        <v>10.870979000000034</v>
      </c>
      <c r="F302">
        <f t="shared" si="16"/>
        <v>1.2491588075362214E-2</v>
      </c>
    </row>
    <row r="303" spans="1:6" x14ac:dyDescent="0.2">
      <c r="A303">
        <v>560.95221900000001</v>
      </c>
      <c r="B303">
        <v>19.969908</v>
      </c>
      <c r="C303">
        <v>11.336050999999999</v>
      </c>
      <c r="D303">
        <f t="shared" si="14"/>
        <v>1.5564929999999997</v>
      </c>
      <c r="E303">
        <f t="shared" si="15"/>
        <v>10.901059000000032</v>
      </c>
      <c r="F303">
        <f t="shared" si="16"/>
        <v>1.2485204148113183E-2</v>
      </c>
    </row>
    <row r="304" spans="1:6" x14ac:dyDescent="0.2">
      <c r="A304">
        <v>561.10339099999999</v>
      </c>
      <c r="B304">
        <v>19.998967</v>
      </c>
      <c r="C304">
        <v>11.341056</v>
      </c>
      <c r="D304">
        <f t="shared" si="14"/>
        <v>1.5614980000000003</v>
      </c>
      <c r="E304">
        <f t="shared" si="15"/>
        <v>11.052231000000006</v>
      </c>
      <c r="F304">
        <f t="shared" si="16"/>
        <v>1.2614371811109899E-2</v>
      </c>
    </row>
    <row r="305" spans="1:6" x14ac:dyDescent="0.2">
      <c r="A305">
        <v>561.38607100000002</v>
      </c>
      <c r="B305">
        <v>19.957177000000001</v>
      </c>
      <c r="C305">
        <v>11.346061000000001</v>
      </c>
      <c r="D305">
        <f t="shared" si="14"/>
        <v>1.5665030000000009</v>
      </c>
      <c r="E305">
        <f t="shared" si="15"/>
        <v>11.334911000000034</v>
      </c>
      <c r="F305">
        <f t="shared" si="16"/>
        <v>1.2889178871720428E-2</v>
      </c>
    </row>
    <row r="306" spans="1:6" x14ac:dyDescent="0.2">
      <c r="A306">
        <v>561.48453900000004</v>
      </c>
      <c r="B306">
        <v>20.019598999999999</v>
      </c>
      <c r="C306">
        <v>11.351065999999999</v>
      </c>
      <c r="D306">
        <f t="shared" si="14"/>
        <v>1.5715079999999997</v>
      </c>
      <c r="E306">
        <f t="shared" si="15"/>
        <v>11.433379000000059</v>
      </c>
      <c r="F306">
        <f t="shared" si="16"/>
        <v>1.2957469692693563E-2</v>
      </c>
    </row>
    <row r="307" spans="1:6" x14ac:dyDescent="0.2">
      <c r="A307">
        <v>560.76604599999996</v>
      </c>
      <c r="B307">
        <v>20.075963000000002</v>
      </c>
      <c r="C307">
        <v>11.356070000000001</v>
      </c>
      <c r="D307">
        <f t="shared" si="14"/>
        <v>1.576512000000001</v>
      </c>
      <c r="E307">
        <f t="shared" si="15"/>
        <v>10.714885999999979</v>
      </c>
      <c r="F307">
        <f t="shared" si="16"/>
        <v>1.2120165898587059E-2</v>
      </c>
    </row>
    <row r="308" spans="1:6" x14ac:dyDescent="0.2">
      <c r="A308">
        <v>560.27358800000002</v>
      </c>
      <c r="B308">
        <v>20.054839000000001</v>
      </c>
      <c r="C308">
        <v>11.361075</v>
      </c>
      <c r="D308">
        <f t="shared" si="14"/>
        <v>1.5815169999999998</v>
      </c>
      <c r="E308">
        <f t="shared" si="15"/>
        <v>10.222428000000036</v>
      </c>
      <c r="F308">
        <f t="shared" si="16"/>
        <v>1.1536658735511528E-2</v>
      </c>
    </row>
    <row r="309" spans="1:6" x14ac:dyDescent="0.2">
      <c r="A309">
        <v>559.86282300000005</v>
      </c>
      <c r="B309">
        <v>20.041571000000001</v>
      </c>
      <c r="C309">
        <v>11.36608</v>
      </c>
      <c r="D309">
        <f t="shared" si="14"/>
        <v>1.5865220000000004</v>
      </c>
      <c r="E309">
        <f t="shared" si="15"/>
        <v>9.8116630000000669</v>
      </c>
      <c r="F309">
        <f t="shared" si="16"/>
        <v>1.1046250679325064E-2</v>
      </c>
    </row>
    <row r="310" spans="1:6" x14ac:dyDescent="0.2">
      <c r="A310">
        <v>559.74880099999996</v>
      </c>
      <c r="B310">
        <v>20.020664</v>
      </c>
      <c r="C310">
        <v>11.371085000000001</v>
      </c>
      <c r="D310">
        <f t="shared" si="14"/>
        <v>1.591527000000001</v>
      </c>
      <c r="E310">
        <f t="shared" si="15"/>
        <v>9.697640999999976</v>
      </c>
      <c r="F310">
        <f t="shared" si="16"/>
        <v>1.0885764134004357E-2</v>
      </c>
    </row>
    <row r="311" spans="1:6" x14ac:dyDescent="0.2">
      <c r="A311">
        <v>559.10555699999998</v>
      </c>
      <c r="B311">
        <v>20.083064</v>
      </c>
      <c r="C311">
        <v>11.37609</v>
      </c>
      <c r="D311">
        <f t="shared" si="14"/>
        <v>1.5965319999999998</v>
      </c>
      <c r="E311">
        <f t="shared" si="15"/>
        <v>9.0543969999999945</v>
      </c>
      <c r="F311">
        <f t="shared" si="16"/>
        <v>1.0143506134886094E-2</v>
      </c>
    </row>
    <row r="312" spans="1:6" x14ac:dyDescent="0.2">
      <c r="A312">
        <v>558.137653</v>
      </c>
      <c r="B312">
        <v>20.096726</v>
      </c>
      <c r="C312">
        <v>11.381093999999999</v>
      </c>
      <c r="D312">
        <f t="shared" si="14"/>
        <v>1.6015359999999994</v>
      </c>
      <c r="E312">
        <f t="shared" si="15"/>
        <v>8.0864930000000186</v>
      </c>
      <c r="F312">
        <f t="shared" si="16"/>
        <v>9.0465333335121943E-3</v>
      </c>
    </row>
    <row r="313" spans="1:6" x14ac:dyDescent="0.2">
      <c r="A313">
        <v>557.53454399999998</v>
      </c>
      <c r="B313">
        <v>20.053626999999999</v>
      </c>
      <c r="C313">
        <v>11.386099</v>
      </c>
      <c r="D313">
        <f t="shared" si="14"/>
        <v>1.606541</v>
      </c>
      <c r="E313">
        <f t="shared" si="15"/>
        <v>7.4833840000000009</v>
      </c>
      <c r="F313">
        <f t="shared" si="16"/>
        <v>8.3547688096465237E-3</v>
      </c>
    </row>
    <row r="314" spans="1:6" x14ac:dyDescent="0.2">
      <c r="A314">
        <v>557.19977700000004</v>
      </c>
      <c r="B314">
        <v>20.022365000000001</v>
      </c>
      <c r="C314">
        <v>11.391104</v>
      </c>
      <c r="D314">
        <f t="shared" si="14"/>
        <v>1.6115460000000006</v>
      </c>
      <c r="E314">
        <f t="shared" si="15"/>
        <v>7.1486170000000584</v>
      </c>
      <c r="F314">
        <f t="shared" si="16"/>
        <v>7.9610140265674225E-3</v>
      </c>
    </row>
    <row r="315" spans="1:6" x14ac:dyDescent="0.2">
      <c r="A315">
        <v>557.01019599999995</v>
      </c>
      <c r="B315">
        <v>20.040686999999998</v>
      </c>
      <c r="C315">
        <v>11.396108999999999</v>
      </c>
      <c r="D315">
        <f t="shared" si="14"/>
        <v>1.6165509999999994</v>
      </c>
      <c r="E315">
        <f t="shared" si="15"/>
        <v>6.9590359999999691</v>
      </c>
      <c r="F315">
        <f t="shared" si="16"/>
        <v>7.7285234257536565E-3</v>
      </c>
    </row>
    <row r="316" spans="1:6" x14ac:dyDescent="0.2">
      <c r="A316">
        <v>556.66955299999995</v>
      </c>
      <c r="B316">
        <v>20.017004</v>
      </c>
      <c r="C316">
        <v>11.401114</v>
      </c>
      <c r="D316">
        <f t="shared" si="14"/>
        <v>1.621556</v>
      </c>
      <c r="E316">
        <f t="shared" si="15"/>
        <v>6.6183929999999691</v>
      </c>
      <c r="F316">
        <f t="shared" si="16"/>
        <v>7.3320114114523681E-3</v>
      </c>
    </row>
    <row r="317" spans="1:6" x14ac:dyDescent="0.2">
      <c r="A317">
        <v>556.99977699999999</v>
      </c>
      <c r="B317">
        <v>19.938058999999999</v>
      </c>
      <c r="C317">
        <v>11.406117999999999</v>
      </c>
      <c r="D317">
        <f t="shared" ref="D317:D380" si="17">C317-$C$2</f>
        <v>1.6265599999999996</v>
      </c>
      <c r="E317">
        <f t="shared" ref="E317:E380" si="18">A317-$A$2</f>
        <v>6.9486170000000129</v>
      </c>
      <c r="F317">
        <f t="shared" si="16"/>
        <v>7.6696097275608024E-3</v>
      </c>
    </row>
    <row r="318" spans="1:6" x14ac:dyDescent="0.2">
      <c r="A318">
        <v>557.88778200000002</v>
      </c>
      <c r="B318">
        <v>19.910637999999999</v>
      </c>
      <c r="C318">
        <v>11.411123</v>
      </c>
      <c r="D318">
        <f t="shared" si="17"/>
        <v>1.6315650000000002</v>
      </c>
      <c r="E318">
        <f t="shared" si="18"/>
        <v>7.8366220000000339</v>
      </c>
      <c r="F318">
        <f t="shared" si="16"/>
        <v>8.6094948074290634E-3</v>
      </c>
    </row>
    <row r="319" spans="1:6" x14ac:dyDescent="0.2">
      <c r="A319">
        <v>558.999819</v>
      </c>
      <c r="B319">
        <v>19.858518</v>
      </c>
      <c r="C319">
        <v>11.416128</v>
      </c>
      <c r="D319">
        <f t="shared" si="17"/>
        <v>1.6365700000000007</v>
      </c>
      <c r="E319">
        <f t="shared" si="18"/>
        <v>8.9486590000000206</v>
      </c>
      <c r="F319">
        <f t="shared" si="16"/>
        <v>9.7816406932299434E-3</v>
      </c>
    </row>
    <row r="320" spans="1:6" x14ac:dyDescent="0.2">
      <c r="A320">
        <v>560.31338100000005</v>
      </c>
      <c r="B320">
        <v>19.884851000000001</v>
      </c>
      <c r="C320">
        <v>11.421132999999999</v>
      </c>
      <c r="D320">
        <f t="shared" si="17"/>
        <v>1.6415749999999996</v>
      </c>
      <c r="E320">
        <f t="shared" si="18"/>
        <v>10.262221000000068</v>
      </c>
      <c r="F320">
        <f t="shared" si="16"/>
        <v>1.1157056682762512E-2</v>
      </c>
    </row>
    <row r="321" spans="1:6" x14ac:dyDescent="0.2">
      <c r="A321">
        <v>560.96952099999999</v>
      </c>
      <c r="B321">
        <v>19.923318999999999</v>
      </c>
      <c r="C321">
        <v>11.426138</v>
      </c>
      <c r="D321">
        <f t="shared" si="17"/>
        <v>1.6465800000000002</v>
      </c>
      <c r="E321">
        <f t="shared" si="18"/>
        <v>10.918361000000004</v>
      </c>
      <c r="F321">
        <f t="shared" si="16"/>
        <v>1.1820486410511212E-2</v>
      </c>
    </row>
    <row r="322" spans="1:6" x14ac:dyDescent="0.2">
      <c r="A322">
        <v>561.60878100000002</v>
      </c>
      <c r="B322">
        <v>19.921247999999999</v>
      </c>
      <c r="C322">
        <v>11.431141999999999</v>
      </c>
      <c r="D322">
        <f t="shared" si="17"/>
        <v>1.6515839999999997</v>
      </c>
      <c r="E322">
        <f t="shared" si="18"/>
        <v>11.55762100000004</v>
      </c>
      <c r="F322">
        <f t="shared" si="16"/>
        <v>1.2460454750453464E-2</v>
      </c>
    </row>
    <row r="323" spans="1:6" x14ac:dyDescent="0.2">
      <c r="A323">
        <v>562.52937699999995</v>
      </c>
      <c r="B323">
        <v>19.911626999999999</v>
      </c>
      <c r="C323">
        <v>11.436147</v>
      </c>
      <c r="D323">
        <f t="shared" si="17"/>
        <v>1.6565890000000003</v>
      </c>
      <c r="E323">
        <f t="shared" si="18"/>
        <v>12.478216999999972</v>
      </c>
      <c r="F323">
        <f t="shared" ref="F323:F386" si="19">(1/A323)*(E323/D323)</f>
        <v>1.3390369246091226E-2</v>
      </c>
    </row>
    <row r="324" spans="1:6" x14ac:dyDescent="0.2">
      <c r="A324">
        <v>562.91689399999996</v>
      </c>
      <c r="B324">
        <v>19.952594999999999</v>
      </c>
      <c r="C324">
        <v>11.441152000000001</v>
      </c>
      <c r="D324">
        <f t="shared" si="17"/>
        <v>1.6615940000000009</v>
      </c>
      <c r="E324">
        <f t="shared" si="18"/>
        <v>12.865733999999975</v>
      </c>
      <c r="F324">
        <f t="shared" si="19"/>
        <v>1.3755151246454418E-2</v>
      </c>
    </row>
    <row r="325" spans="1:6" x14ac:dyDescent="0.2">
      <c r="A325">
        <v>563.48115199999995</v>
      </c>
      <c r="B325">
        <v>19.944127999999999</v>
      </c>
      <c r="C325">
        <v>11.446156999999999</v>
      </c>
      <c r="D325">
        <f t="shared" si="17"/>
        <v>1.6665989999999997</v>
      </c>
      <c r="E325">
        <f t="shared" si="18"/>
        <v>13.42999199999997</v>
      </c>
      <c r="F325">
        <f t="shared" si="19"/>
        <v>1.4300961690175789E-2</v>
      </c>
    </row>
    <row r="326" spans="1:6" x14ac:dyDescent="0.2">
      <c r="A326">
        <v>563.78258400000004</v>
      </c>
      <c r="B326">
        <v>19.981967999999998</v>
      </c>
      <c r="C326">
        <v>11.451162</v>
      </c>
      <c r="D326">
        <f t="shared" si="17"/>
        <v>1.6716040000000003</v>
      </c>
      <c r="E326">
        <f t="shared" si="18"/>
        <v>13.731424000000061</v>
      </c>
      <c r="F326">
        <f t="shared" si="19"/>
        <v>1.4570367975078402E-2</v>
      </c>
    </row>
    <row r="327" spans="1:6" x14ac:dyDescent="0.2">
      <c r="A327">
        <v>563.892697</v>
      </c>
      <c r="B327">
        <v>19.974222000000001</v>
      </c>
      <c r="C327">
        <v>11.456166</v>
      </c>
      <c r="D327">
        <f t="shared" si="17"/>
        <v>1.6766079999999999</v>
      </c>
      <c r="E327">
        <f t="shared" si="18"/>
        <v>13.841537000000017</v>
      </c>
      <c r="F327">
        <f t="shared" si="19"/>
        <v>1.4640513649933054E-2</v>
      </c>
    </row>
    <row r="328" spans="1:6" x14ac:dyDescent="0.2">
      <c r="A328">
        <v>563.96724300000005</v>
      </c>
      <c r="B328">
        <v>19.996888999999999</v>
      </c>
      <c r="C328">
        <v>11.461171</v>
      </c>
      <c r="D328">
        <f t="shared" si="17"/>
        <v>1.6816130000000005</v>
      </c>
      <c r="E328">
        <f t="shared" si="18"/>
        <v>13.916083000000071</v>
      </c>
      <c r="F328">
        <f t="shared" si="19"/>
        <v>1.4673613469221306E-2</v>
      </c>
    </row>
    <row r="329" spans="1:6" x14ac:dyDescent="0.2">
      <c r="A329">
        <v>563.63982299999998</v>
      </c>
      <c r="B329">
        <v>20.059168</v>
      </c>
      <c r="C329">
        <v>11.466176000000001</v>
      </c>
      <c r="D329">
        <f t="shared" si="17"/>
        <v>1.6866180000000011</v>
      </c>
      <c r="E329">
        <f t="shared" si="18"/>
        <v>13.588662999999997</v>
      </c>
      <c r="F329">
        <f t="shared" si="19"/>
        <v>1.4294149745991519E-2</v>
      </c>
    </row>
    <row r="330" spans="1:6" x14ac:dyDescent="0.2">
      <c r="A330">
        <v>562.86536799999999</v>
      </c>
      <c r="B330">
        <v>20.093278000000002</v>
      </c>
      <c r="C330">
        <v>11.471181</v>
      </c>
      <c r="D330">
        <f t="shared" si="17"/>
        <v>1.6916229999999999</v>
      </c>
      <c r="E330">
        <f t="shared" si="18"/>
        <v>12.814208000000008</v>
      </c>
      <c r="F330">
        <f t="shared" si="19"/>
        <v>1.3458097168463492E-2</v>
      </c>
    </row>
    <row r="331" spans="1:6" x14ac:dyDescent="0.2">
      <c r="A331">
        <v>561.83955700000001</v>
      </c>
      <c r="B331">
        <v>20.095046</v>
      </c>
      <c r="C331">
        <v>11.476186</v>
      </c>
      <c r="D331">
        <f t="shared" si="17"/>
        <v>1.6966280000000005</v>
      </c>
      <c r="E331">
        <f t="shared" si="18"/>
        <v>11.788397000000032</v>
      </c>
      <c r="F331">
        <f t="shared" si="19"/>
        <v>1.2366756516288139E-2</v>
      </c>
    </row>
    <row r="332" spans="1:6" x14ac:dyDescent="0.2">
      <c r="A332">
        <v>561.27824099999998</v>
      </c>
      <c r="B332">
        <v>20.070902</v>
      </c>
      <c r="C332">
        <v>11.48119</v>
      </c>
      <c r="D332">
        <f t="shared" si="17"/>
        <v>1.701632</v>
      </c>
      <c r="E332">
        <f t="shared" si="18"/>
        <v>11.227080999999998</v>
      </c>
      <c r="F332">
        <f t="shared" si="19"/>
        <v>1.1755010071727846E-2</v>
      </c>
    </row>
    <row r="333" spans="1:6" x14ac:dyDescent="0.2">
      <c r="A333">
        <v>560.86456599999997</v>
      </c>
      <c r="B333">
        <v>20.040403000000001</v>
      </c>
      <c r="C333">
        <v>11.486195</v>
      </c>
      <c r="D333">
        <f t="shared" si="17"/>
        <v>1.7066370000000006</v>
      </c>
      <c r="E333">
        <f t="shared" si="18"/>
        <v>10.813405999999986</v>
      </c>
      <c r="F333">
        <f t="shared" si="19"/>
        <v>1.1297005732384275E-2</v>
      </c>
    </row>
    <row r="334" spans="1:6" x14ac:dyDescent="0.2">
      <c r="A334">
        <v>560.00745800000004</v>
      </c>
      <c r="B334">
        <v>20.116313000000002</v>
      </c>
      <c r="C334">
        <v>11.491199999999999</v>
      </c>
      <c r="D334">
        <f t="shared" si="17"/>
        <v>1.7116419999999994</v>
      </c>
      <c r="E334">
        <f t="shared" si="18"/>
        <v>9.9562980000000607</v>
      </c>
      <c r="F334">
        <f t="shared" si="19"/>
        <v>1.0387024152843028E-2</v>
      </c>
    </row>
    <row r="335" spans="1:6" x14ac:dyDescent="0.2">
      <c r="A335">
        <v>559.08474999999999</v>
      </c>
      <c r="B335">
        <v>20.087271999999999</v>
      </c>
      <c r="C335">
        <v>11.496205</v>
      </c>
      <c r="D335">
        <f t="shared" si="17"/>
        <v>1.716647</v>
      </c>
      <c r="E335">
        <f t="shared" si="18"/>
        <v>9.0335900000000038</v>
      </c>
      <c r="F335">
        <f t="shared" si="19"/>
        <v>9.4124293749037573E-3</v>
      </c>
    </row>
    <row r="336" spans="1:6" x14ac:dyDescent="0.2">
      <c r="A336">
        <v>558.23486600000001</v>
      </c>
      <c r="B336">
        <v>20.088844000000002</v>
      </c>
      <c r="C336">
        <v>11.50121</v>
      </c>
      <c r="D336">
        <f t="shared" si="17"/>
        <v>1.7216520000000006</v>
      </c>
      <c r="E336">
        <f t="shared" si="18"/>
        <v>8.1837060000000292</v>
      </c>
      <c r="F336">
        <f t="shared" si="19"/>
        <v>8.515059549799437E-3</v>
      </c>
    </row>
    <row r="337" spans="1:6" x14ac:dyDescent="0.2">
      <c r="A337">
        <v>557.69748100000004</v>
      </c>
      <c r="B337">
        <v>20.042306</v>
      </c>
      <c r="C337">
        <v>11.506214</v>
      </c>
      <c r="D337">
        <f t="shared" si="17"/>
        <v>1.7266560000000002</v>
      </c>
      <c r="E337">
        <f t="shared" si="18"/>
        <v>7.6463210000000572</v>
      </c>
      <c r="F337">
        <f t="shared" si="19"/>
        <v>7.9405031281175337E-3</v>
      </c>
    </row>
    <row r="338" spans="1:6" x14ac:dyDescent="0.2">
      <c r="A338">
        <v>557.34019999999998</v>
      </c>
      <c r="B338">
        <v>20.057943000000002</v>
      </c>
      <c r="C338">
        <v>11.511219000000001</v>
      </c>
      <c r="D338">
        <f t="shared" si="17"/>
        <v>1.7316610000000008</v>
      </c>
      <c r="E338">
        <f t="shared" si="18"/>
        <v>7.28904</v>
      </c>
      <c r="F338">
        <f t="shared" si="19"/>
        <v>7.5524366033307309E-3</v>
      </c>
    </row>
    <row r="339" spans="1:6" x14ac:dyDescent="0.2">
      <c r="A339">
        <v>556.82751800000005</v>
      </c>
      <c r="B339">
        <v>20.033878999999999</v>
      </c>
      <c r="C339">
        <v>11.516223999999999</v>
      </c>
      <c r="D339">
        <f t="shared" si="17"/>
        <v>1.7366659999999996</v>
      </c>
      <c r="E339">
        <f t="shared" si="18"/>
        <v>6.7763580000000729</v>
      </c>
      <c r="F339">
        <f t="shared" si="19"/>
        <v>7.0074393972663525E-3</v>
      </c>
    </row>
    <row r="340" spans="1:6" x14ac:dyDescent="0.2">
      <c r="A340">
        <v>556.60719700000004</v>
      </c>
      <c r="B340">
        <v>20.002842000000001</v>
      </c>
      <c r="C340">
        <v>11.521229</v>
      </c>
      <c r="D340">
        <f t="shared" si="17"/>
        <v>1.7416710000000002</v>
      </c>
      <c r="E340">
        <f t="shared" si="18"/>
        <v>6.5560370000000603</v>
      </c>
      <c r="F340">
        <f t="shared" si="19"/>
        <v>6.7627986578217636E-3</v>
      </c>
    </row>
    <row r="341" spans="1:6" x14ac:dyDescent="0.2">
      <c r="A341">
        <v>556.81976399999996</v>
      </c>
      <c r="B341">
        <v>19.967922999999999</v>
      </c>
      <c r="C341">
        <v>11.526234000000001</v>
      </c>
      <c r="D341">
        <f t="shared" si="17"/>
        <v>1.7466760000000008</v>
      </c>
      <c r="E341">
        <f t="shared" si="18"/>
        <v>6.7686039999999821</v>
      </c>
      <c r="F341">
        <f t="shared" si="19"/>
        <v>6.9594050095674867E-3</v>
      </c>
    </row>
    <row r="342" spans="1:6" x14ac:dyDescent="0.2">
      <c r="A342">
        <v>557.64803500000005</v>
      </c>
      <c r="B342">
        <v>19.910609000000001</v>
      </c>
      <c r="C342">
        <v>11.531238</v>
      </c>
      <c r="D342">
        <f t="shared" si="17"/>
        <v>1.7516800000000003</v>
      </c>
      <c r="E342">
        <f t="shared" si="18"/>
        <v>7.5968750000000682</v>
      </c>
      <c r="F342">
        <f t="shared" si="19"/>
        <v>7.7771420765330012E-3</v>
      </c>
    </row>
    <row r="343" spans="1:6" x14ac:dyDescent="0.2">
      <c r="A343">
        <v>557.92471799999998</v>
      </c>
      <c r="B343">
        <v>19.983675999999999</v>
      </c>
      <c r="C343">
        <v>11.536243000000001</v>
      </c>
      <c r="D343">
        <f t="shared" si="17"/>
        <v>1.7566850000000009</v>
      </c>
      <c r="E343">
        <f t="shared" si="18"/>
        <v>7.8735580000000027</v>
      </c>
      <c r="F343">
        <f t="shared" si="19"/>
        <v>8.0334396505674054E-3</v>
      </c>
    </row>
    <row r="344" spans="1:6" x14ac:dyDescent="0.2">
      <c r="A344">
        <v>558.474602</v>
      </c>
      <c r="B344">
        <v>19.916194000000001</v>
      </c>
      <c r="C344">
        <v>11.541248</v>
      </c>
      <c r="D344">
        <f t="shared" si="17"/>
        <v>1.7616899999999998</v>
      </c>
      <c r="E344">
        <f t="shared" si="18"/>
        <v>8.4234420000000227</v>
      </c>
      <c r="F344">
        <f t="shared" si="19"/>
        <v>8.561634298133905E-3</v>
      </c>
    </row>
    <row r="345" spans="1:6" x14ac:dyDescent="0.2">
      <c r="A345">
        <v>559.87466400000005</v>
      </c>
      <c r="B345">
        <v>19.838844999999999</v>
      </c>
      <c r="C345">
        <v>11.546253</v>
      </c>
      <c r="D345">
        <f t="shared" si="17"/>
        <v>1.7666950000000003</v>
      </c>
      <c r="E345">
        <f t="shared" si="18"/>
        <v>9.8235040000000708</v>
      </c>
      <c r="F345">
        <f t="shared" si="19"/>
        <v>9.931481354337135E-3</v>
      </c>
    </row>
    <row r="346" spans="1:6" x14ac:dyDescent="0.2">
      <c r="A346">
        <v>561.53009099999997</v>
      </c>
      <c r="B346">
        <v>19.824907</v>
      </c>
      <c r="C346">
        <v>11.551258000000001</v>
      </c>
      <c r="D346">
        <f t="shared" si="17"/>
        <v>1.7717000000000009</v>
      </c>
      <c r="E346">
        <f t="shared" si="18"/>
        <v>11.478930999999989</v>
      </c>
      <c r="F346">
        <f t="shared" si="19"/>
        <v>1.1538204345401879E-2</v>
      </c>
    </row>
    <row r="347" spans="1:6" x14ac:dyDescent="0.2">
      <c r="A347">
        <v>562.29512599999998</v>
      </c>
      <c r="B347">
        <v>19.938244999999998</v>
      </c>
      <c r="C347">
        <v>11.556262</v>
      </c>
      <c r="D347">
        <f t="shared" si="17"/>
        <v>1.7767040000000005</v>
      </c>
      <c r="E347">
        <f t="shared" si="18"/>
        <v>12.243966</v>
      </c>
      <c r="F347">
        <f t="shared" si="19"/>
        <v>1.2255829648679951E-2</v>
      </c>
    </row>
    <row r="348" spans="1:6" x14ac:dyDescent="0.2">
      <c r="A348">
        <v>563.04214300000001</v>
      </c>
      <c r="B348">
        <v>19.894919000000002</v>
      </c>
      <c r="C348">
        <v>11.561267000000001</v>
      </c>
      <c r="D348">
        <f t="shared" si="17"/>
        <v>1.7817090000000011</v>
      </c>
      <c r="E348">
        <f t="shared" si="18"/>
        <v>12.990983000000028</v>
      </c>
      <c r="F348">
        <f t="shared" si="19"/>
        <v>1.2949838080825383E-2</v>
      </c>
    </row>
    <row r="349" spans="1:6" x14ac:dyDescent="0.2">
      <c r="A349">
        <v>564.28562799999997</v>
      </c>
      <c r="B349">
        <v>19.874126</v>
      </c>
      <c r="C349">
        <v>11.566272</v>
      </c>
      <c r="D349">
        <f t="shared" si="17"/>
        <v>1.7867139999999999</v>
      </c>
      <c r="E349">
        <f t="shared" si="18"/>
        <v>14.234467999999993</v>
      </c>
      <c r="F349">
        <f t="shared" si="19"/>
        <v>1.4118456200018092E-2</v>
      </c>
    </row>
    <row r="350" spans="1:6" x14ac:dyDescent="0.2">
      <c r="A350">
        <v>565.284446</v>
      </c>
      <c r="B350">
        <v>19.902059000000001</v>
      </c>
      <c r="C350">
        <v>11.571277</v>
      </c>
      <c r="D350">
        <f t="shared" si="17"/>
        <v>1.7917190000000005</v>
      </c>
      <c r="E350">
        <f t="shared" si="18"/>
        <v>15.233286000000021</v>
      </c>
      <c r="F350">
        <f t="shared" si="19"/>
        <v>1.5040305608935519E-2</v>
      </c>
    </row>
    <row r="351" spans="1:6" x14ac:dyDescent="0.2">
      <c r="A351">
        <v>565.42555600000003</v>
      </c>
      <c r="B351">
        <v>20.018021000000001</v>
      </c>
      <c r="C351">
        <v>11.576282000000001</v>
      </c>
      <c r="D351">
        <f t="shared" si="17"/>
        <v>1.7967240000000011</v>
      </c>
      <c r="E351">
        <f t="shared" si="18"/>
        <v>15.374396000000047</v>
      </c>
      <c r="F351">
        <f t="shared" si="19"/>
        <v>1.5133565483241809E-2</v>
      </c>
    </row>
    <row r="352" spans="1:6" x14ac:dyDescent="0.2">
      <c r="A352">
        <v>564.58729000000005</v>
      </c>
      <c r="B352">
        <v>20.098372000000001</v>
      </c>
      <c r="C352">
        <v>11.581286</v>
      </c>
      <c r="D352">
        <f t="shared" si="17"/>
        <v>1.8017280000000007</v>
      </c>
      <c r="E352">
        <f t="shared" si="18"/>
        <v>14.536130000000071</v>
      </c>
      <c r="F352">
        <f t="shared" si="19"/>
        <v>1.428987643429196E-2</v>
      </c>
    </row>
    <row r="353" spans="1:6" x14ac:dyDescent="0.2">
      <c r="A353">
        <v>563.64728700000001</v>
      </c>
      <c r="B353">
        <v>20.095953999999999</v>
      </c>
      <c r="C353">
        <v>11.586290999999999</v>
      </c>
      <c r="D353">
        <f t="shared" si="17"/>
        <v>1.8067329999999995</v>
      </c>
      <c r="E353">
        <f t="shared" si="18"/>
        <v>13.596127000000024</v>
      </c>
      <c r="F353">
        <f t="shared" si="19"/>
        <v>1.3351000576258055E-2</v>
      </c>
    </row>
    <row r="354" spans="1:6" x14ac:dyDescent="0.2">
      <c r="A354">
        <v>563.00768900000003</v>
      </c>
      <c r="B354">
        <v>20.058620999999999</v>
      </c>
      <c r="C354">
        <v>11.591296</v>
      </c>
      <c r="D354">
        <f t="shared" si="17"/>
        <v>1.8117380000000001</v>
      </c>
      <c r="E354">
        <f t="shared" si="18"/>
        <v>12.956529000000046</v>
      </c>
      <c r="F354">
        <f t="shared" si="19"/>
        <v>1.2702200156964221E-2</v>
      </c>
    </row>
    <row r="355" spans="1:6" x14ac:dyDescent="0.2">
      <c r="A355">
        <v>562.27765599999998</v>
      </c>
      <c r="B355">
        <v>20.084336</v>
      </c>
      <c r="C355">
        <v>11.596301</v>
      </c>
      <c r="D355">
        <f t="shared" si="17"/>
        <v>1.8167430000000007</v>
      </c>
      <c r="E355">
        <f t="shared" si="18"/>
        <v>12.226495999999997</v>
      </c>
      <c r="F355">
        <f t="shared" si="19"/>
        <v>1.1968995092314449E-2</v>
      </c>
    </row>
    <row r="356" spans="1:6" x14ac:dyDescent="0.2">
      <c r="A356">
        <v>561.18844100000001</v>
      </c>
      <c r="B356">
        <v>20.145956000000002</v>
      </c>
      <c r="C356">
        <v>11.601305999999999</v>
      </c>
      <c r="D356">
        <f t="shared" si="17"/>
        <v>1.8217479999999995</v>
      </c>
      <c r="E356">
        <f t="shared" si="18"/>
        <v>11.13728100000003</v>
      </c>
      <c r="F356">
        <f t="shared" si="19"/>
        <v>1.0893869256676425E-2</v>
      </c>
    </row>
    <row r="357" spans="1:6" x14ac:dyDescent="0.2">
      <c r="A357">
        <v>559.85777199999995</v>
      </c>
      <c r="B357">
        <v>20.132660000000001</v>
      </c>
      <c r="C357">
        <v>11.606310000000001</v>
      </c>
      <c r="D357">
        <f t="shared" si="17"/>
        <v>1.8267520000000008</v>
      </c>
      <c r="E357">
        <f t="shared" si="18"/>
        <v>9.8066119999999728</v>
      </c>
      <c r="F357">
        <f t="shared" si="19"/>
        <v>9.5887432429286844E-3</v>
      </c>
    </row>
    <row r="358" spans="1:6" x14ac:dyDescent="0.2">
      <c r="A358">
        <v>559.26422400000001</v>
      </c>
      <c r="B358">
        <v>20.045926000000001</v>
      </c>
      <c r="C358">
        <v>11.611314999999999</v>
      </c>
      <c r="D358">
        <f t="shared" si="17"/>
        <v>1.8317569999999996</v>
      </c>
      <c r="E358">
        <f t="shared" si="18"/>
        <v>9.2130640000000312</v>
      </c>
      <c r="F358">
        <f t="shared" si="19"/>
        <v>8.9933022527503414E-3</v>
      </c>
    </row>
    <row r="359" spans="1:6" x14ac:dyDescent="0.2">
      <c r="A359">
        <v>558.57990700000005</v>
      </c>
      <c r="B359">
        <v>20.076899999999998</v>
      </c>
      <c r="C359">
        <v>11.61632</v>
      </c>
      <c r="D359">
        <f t="shared" si="17"/>
        <v>1.8367620000000002</v>
      </c>
      <c r="E359">
        <f t="shared" si="18"/>
        <v>8.5287470000000667</v>
      </c>
      <c r="F359">
        <f t="shared" si="19"/>
        <v>8.312794342848687E-3</v>
      </c>
    </row>
    <row r="360" spans="1:6" x14ac:dyDescent="0.2">
      <c r="A360">
        <v>557.91361600000005</v>
      </c>
      <c r="B360">
        <v>20.064378999999999</v>
      </c>
      <c r="C360">
        <v>11.621325000000001</v>
      </c>
      <c r="D360">
        <f t="shared" si="17"/>
        <v>1.8417670000000008</v>
      </c>
      <c r="E360">
        <f t="shared" si="18"/>
        <v>7.8624560000000656</v>
      </c>
      <c r="F360">
        <f t="shared" si="19"/>
        <v>7.6516761434502175E-3</v>
      </c>
    </row>
    <row r="361" spans="1:6" x14ac:dyDescent="0.2">
      <c r="A361">
        <v>557.47160199999996</v>
      </c>
      <c r="B361">
        <v>20.047604</v>
      </c>
      <c r="C361">
        <v>11.626329999999999</v>
      </c>
      <c r="D361">
        <f t="shared" si="17"/>
        <v>1.8467719999999996</v>
      </c>
      <c r="E361">
        <f t="shared" si="18"/>
        <v>7.42044199999998</v>
      </c>
      <c r="F361">
        <f t="shared" si="19"/>
        <v>7.2076509157765331E-3</v>
      </c>
    </row>
    <row r="362" spans="1:6" x14ac:dyDescent="0.2">
      <c r="A362">
        <v>557.45681400000001</v>
      </c>
      <c r="B362">
        <v>20.008216000000001</v>
      </c>
      <c r="C362">
        <v>11.631334000000001</v>
      </c>
      <c r="D362">
        <f t="shared" si="17"/>
        <v>1.851776000000001</v>
      </c>
      <c r="E362">
        <f t="shared" si="18"/>
        <v>7.4056540000000268</v>
      </c>
      <c r="F362">
        <f t="shared" si="19"/>
        <v>7.1740390779885931E-3</v>
      </c>
    </row>
    <row r="363" spans="1:6" x14ac:dyDescent="0.2">
      <c r="A363">
        <v>557.33398399999999</v>
      </c>
      <c r="B363">
        <v>20.005628000000002</v>
      </c>
      <c r="C363">
        <v>11.636339</v>
      </c>
      <c r="D363">
        <f t="shared" si="17"/>
        <v>1.8567809999999998</v>
      </c>
      <c r="E363">
        <f t="shared" si="18"/>
        <v>7.2828240000000051</v>
      </c>
      <c r="F363">
        <f t="shared" si="19"/>
        <v>7.0375842315465054E-3</v>
      </c>
    </row>
    <row r="364" spans="1:6" x14ac:dyDescent="0.2">
      <c r="A364">
        <v>557.51687900000002</v>
      </c>
      <c r="B364">
        <v>19.966455</v>
      </c>
      <c r="C364">
        <v>11.641344</v>
      </c>
      <c r="D364">
        <f t="shared" si="17"/>
        <v>1.8617860000000004</v>
      </c>
      <c r="E364">
        <f t="shared" si="18"/>
        <v>7.4657190000000355</v>
      </c>
      <c r="F364">
        <f t="shared" si="19"/>
        <v>7.1925660551961255E-3</v>
      </c>
    </row>
    <row r="365" spans="1:6" x14ac:dyDescent="0.2">
      <c r="A365">
        <v>557.66834100000005</v>
      </c>
      <c r="B365">
        <v>19.978355000000001</v>
      </c>
      <c r="C365">
        <v>11.646349000000001</v>
      </c>
      <c r="D365">
        <f t="shared" si="17"/>
        <v>1.866791000000001</v>
      </c>
      <c r="E365">
        <f t="shared" si="18"/>
        <v>7.6171810000000733</v>
      </c>
      <c r="F365">
        <f t="shared" si="19"/>
        <v>7.3168236340500166E-3</v>
      </c>
    </row>
    <row r="366" spans="1:6" x14ac:dyDescent="0.2">
      <c r="A366">
        <v>557.85579399999995</v>
      </c>
      <c r="B366">
        <v>19.966894</v>
      </c>
      <c r="C366">
        <v>11.651354</v>
      </c>
      <c r="D366">
        <f t="shared" si="17"/>
        <v>1.8717959999999998</v>
      </c>
      <c r="E366">
        <f t="shared" si="18"/>
        <v>7.8046339999999645</v>
      </c>
      <c r="F366">
        <f t="shared" si="19"/>
        <v>7.474326730968605E-3</v>
      </c>
    </row>
    <row r="367" spans="1:6" x14ac:dyDescent="0.2">
      <c r="A367">
        <v>558.53166699999997</v>
      </c>
      <c r="B367">
        <v>19.929335999999999</v>
      </c>
      <c r="C367">
        <v>11.656358000000001</v>
      </c>
      <c r="D367">
        <f t="shared" si="17"/>
        <v>1.8768000000000011</v>
      </c>
      <c r="E367">
        <f t="shared" si="18"/>
        <v>8.4805069999999887</v>
      </c>
      <c r="F367">
        <f t="shared" si="19"/>
        <v>8.0901396973498581E-3</v>
      </c>
    </row>
    <row r="368" spans="1:6" x14ac:dyDescent="0.2">
      <c r="A368">
        <v>559.24021800000003</v>
      </c>
      <c r="B368">
        <v>19.933789999999998</v>
      </c>
      <c r="C368">
        <v>11.661363</v>
      </c>
      <c r="D368">
        <f t="shared" si="17"/>
        <v>1.8818049999999999</v>
      </c>
      <c r="E368">
        <f t="shared" si="18"/>
        <v>9.1890580000000455</v>
      </c>
      <c r="F368">
        <f t="shared" si="19"/>
        <v>8.7316833584139015E-3</v>
      </c>
    </row>
    <row r="369" spans="1:6" x14ac:dyDescent="0.2">
      <c r="A369">
        <v>560.12138500000003</v>
      </c>
      <c r="B369">
        <v>19.884996999999998</v>
      </c>
      <c r="C369">
        <v>11.666368</v>
      </c>
      <c r="D369">
        <f t="shared" si="17"/>
        <v>1.8868100000000005</v>
      </c>
      <c r="E369">
        <f t="shared" si="18"/>
        <v>10.07022500000005</v>
      </c>
      <c r="F369">
        <f t="shared" si="19"/>
        <v>9.5285946176159857E-3</v>
      </c>
    </row>
    <row r="370" spans="1:6" x14ac:dyDescent="0.2">
      <c r="A370">
        <v>561.292779</v>
      </c>
      <c r="B370">
        <v>19.855201000000001</v>
      </c>
      <c r="C370">
        <v>11.671373000000001</v>
      </c>
      <c r="D370">
        <f t="shared" si="17"/>
        <v>1.8918150000000011</v>
      </c>
      <c r="E370">
        <f t="shared" si="18"/>
        <v>11.241619000000014</v>
      </c>
      <c r="F370">
        <f t="shared" si="19"/>
        <v>1.0586703314603273E-2</v>
      </c>
    </row>
    <row r="371" spans="1:6" x14ac:dyDescent="0.2">
      <c r="A371">
        <v>562.33947899999998</v>
      </c>
      <c r="B371">
        <v>19.888625999999999</v>
      </c>
      <c r="C371">
        <v>11.676378</v>
      </c>
      <c r="D371">
        <f t="shared" si="17"/>
        <v>1.89682</v>
      </c>
      <c r="E371">
        <f t="shared" si="18"/>
        <v>12.288319000000001</v>
      </c>
      <c r="F371">
        <f t="shared" si="19"/>
        <v>1.1520405944252967E-2</v>
      </c>
    </row>
    <row r="372" spans="1:6" x14ac:dyDescent="0.2">
      <c r="A372">
        <v>563.028819</v>
      </c>
      <c r="B372">
        <v>19.957568999999999</v>
      </c>
      <c r="C372">
        <v>11.681381999999999</v>
      </c>
      <c r="D372">
        <f t="shared" si="17"/>
        <v>1.9018239999999995</v>
      </c>
      <c r="E372">
        <f t="shared" si="18"/>
        <v>12.977659000000017</v>
      </c>
      <c r="F372">
        <f t="shared" si="19"/>
        <v>1.2119798787683805E-2</v>
      </c>
    </row>
    <row r="373" spans="1:6" x14ac:dyDescent="0.2">
      <c r="A373">
        <v>563.51617499999998</v>
      </c>
      <c r="B373">
        <v>19.934906999999999</v>
      </c>
      <c r="C373">
        <v>11.686387</v>
      </c>
      <c r="D373">
        <f t="shared" si="17"/>
        <v>1.9068290000000001</v>
      </c>
      <c r="E373">
        <f t="shared" si="18"/>
        <v>13.465014999999994</v>
      </c>
      <c r="F373">
        <f t="shared" si="19"/>
        <v>1.2531085894140278E-2</v>
      </c>
    </row>
    <row r="374" spans="1:6" x14ac:dyDescent="0.2">
      <c r="A374">
        <v>564.14197899999999</v>
      </c>
      <c r="B374">
        <v>19.939643</v>
      </c>
      <c r="C374">
        <v>11.691392</v>
      </c>
      <c r="D374">
        <f t="shared" si="17"/>
        <v>1.9118340000000007</v>
      </c>
      <c r="E374">
        <f t="shared" si="18"/>
        <v>14.09081900000001</v>
      </c>
      <c r="F374">
        <f t="shared" si="19"/>
        <v>1.3064645736244383E-2</v>
      </c>
    </row>
    <row r="375" spans="1:6" x14ac:dyDescent="0.2">
      <c r="A375">
        <v>564.80319899999995</v>
      </c>
      <c r="B375">
        <v>19.935376000000002</v>
      </c>
      <c r="C375">
        <v>11.696396999999999</v>
      </c>
      <c r="D375">
        <f t="shared" si="17"/>
        <v>1.9168389999999995</v>
      </c>
      <c r="E375">
        <f t="shared" si="18"/>
        <v>14.752038999999968</v>
      </c>
      <c r="F375">
        <f t="shared" si="19"/>
        <v>1.3626027686604926E-2</v>
      </c>
    </row>
    <row r="376" spans="1:6" x14ac:dyDescent="0.2">
      <c r="A376">
        <v>564.781205</v>
      </c>
      <c r="B376">
        <v>20.021363999999998</v>
      </c>
      <c r="C376">
        <v>11.701402</v>
      </c>
      <c r="D376">
        <f t="shared" si="17"/>
        <v>1.9218440000000001</v>
      </c>
      <c r="E376">
        <f t="shared" si="18"/>
        <v>14.730045000000018</v>
      </c>
      <c r="F376">
        <f t="shared" si="19"/>
        <v>1.3570807987751975E-2</v>
      </c>
    </row>
    <row r="377" spans="1:6" x14ac:dyDescent="0.2">
      <c r="A377">
        <v>564.42964300000006</v>
      </c>
      <c r="B377">
        <v>20.033384000000002</v>
      </c>
      <c r="C377">
        <v>11.706405999999999</v>
      </c>
      <c r="D377">
        <f t="shared" si="17"/>
        <v>1.9268479999999997</v>
      </c>
      <c r="E377">
        <f t="shared" si="18"/>
        <v>14.378483000000074</v>
      </c>
      <c r="F377">
        <f t="shared" si="19"/>
        <v>1.3220741007714516E-2</v>
      </c>
    </row>
    <row r="378" spans="1:6" x14ac:dyDescent="0.2">
      <c r="A378">
        <v>563.74108899999999</v>
      </c>
      <c r="B378">
        <v>20.065791000000001</v>
      </c>
      <c r="C378">
        <v>11.711411</v>
      </c>
      <c r="D378">
        <f t="shared" si="17"/>
        <v>1.9318530000000003</v>
      </c>
      <c r="E378">
        <f t="shared" si="18"/>
        <v>13.689929000000006</v>
      </c>
      <c r="F378">
        <f t="shared" si="19"/>
        <v>1.2570351706234918E-2</v>
      </c>
    </row>
    <row r="379" spans="1:6" x14ac:dyDescent="0.2">
      <c r="A379">
        <v>562.85928799999999</v>
      </c>
      <c r="B379">
        <v>20.114898</v>
      </c>
      <c r="C379">
        <v>11.716416000000001</v>
      </c>
      <c r="D379">
        <f t="shared" si="17"/>
        <v>1.9368580000000009</v>
      </c>
      <c r="E379">
        <f t="shared" si="18"/>
        <v>12.808128000000011</v>
      </c>
      <c r="F379">
        <f t="shared" si="19"/>
        <v>1.1748652010367141E-2</v>
      </c>
    </row>
    <row r="380" spans="1:6" x14ac:dyDescent="0.2">
      <c r="A380">
        <v>561.84806100000003</v>
      </c>
      <c r="B380">
        <v>20.130541999999998</v>
      </c>
      <c r="C380">
        <v>11.721420999999999</v>
      </c>
      <c r="D380">
        <f t="shared" si="17"/>
        <v>1.9418629999999997</v>
      </c>
      <c r="E380">
        <f t="shared" si="18"/>
        <v>11.796901000000048</v>
      </c>
      <c r="F380">
        <f t="shared" si="19"/>
        <v>1.0812608079955235E-2</v>
      </c>
    </row>
    <row r="381" spans="1:6" x14ac:dyDescent="0.2">
      <c r="A381">
        <v>560.50348599999995</v>
      </c>
      <c r="B381">
        <v>20.127351999999998</v>
      </c>
      <c r="C381">
        <v>11.726426</v>
      </c>
      <c r="D381">
        <f t="shared" ref="D381:D391" si="20">C381-$C$2</f>
        <v>1.9468680000000003</v>
      </c>
      <c r="E381">
        <f t="shared" ref="E381:E391" si="21">A381-$A$2</f>
        <v>10.452325999999971</v>
      </c>
      <c r="F381">
        <f t="shared" si="19"/>
        <v>9.5785136341664679E-3</v>
      </c>
    </row>
    <row r="382" spans="1:6" x14ac:dyDescent="0.2">
      <c r="A382">
        <v>559.37342000000001</v>
      </c>
      <c r="B382">
        <v>20.127973000000001</v>
      </c>
      <c r="C382">
        <v>11.73143</v>
      </c>
      <c r="D382">
        <f t="shared" si="20"/>
        <v>1.9518719999999998</v>
      </c>
      <c r="E382">
        <f t="shared" si="21"/>
        <v>9.3222600000000284</v>
      </c>
      <c r="F382">
        <f t="shared" si="19"/>
        <v>8.5382339674924465E-3</v>
      </c>
    </row>
    <row r="383" spans="1:6" x14ac:dyDescent="0.2">
      <c r="A383">
        <v>558.01940999999999</v>
      </c>
      <c r="B383">
        <v>20.137851999999999</v>
      </c>
      <c r="C383">
        <v>11.736435</v>
      </c>
      <c r="D383">
        <f t="shared" si="20"/>
        <v>1.9568770000000004</v>
      </c>
      <c r="E383">
        <f t="shared" si="21"/>
        <v>7.9682500000000118</v>
      </c>
      <c r="F383">
        <f t="shared" si="19"/>
        <v>7.2970969604985083E-3</v>
      </c>
    </row>
    <row r="384" spans="1:6" x14ac:dyDescent="0.2">
      <c r="A384">
        <v>556.78482499999996</v>
      </c>
      <c r="B384">
        <v>20.144689</v>
      </c>
      <c r="C384">
        <v>11.741440000000001</v>
      </c>
      <c r="D384">
        <f t="shared" si="20"/>
        <v>1.961882000000001</v>
      </c>
      <c r="E384">
        <f t="shared" si="21"/>
        <v>6.7336649999999736</v>
      </c>
      <c r="F384">
        <f t="shared" si="19"/>
        <v>6.164405987694588E-3</v>
      </c>
    </row>
    <row r="385" spans="1:7" x14ac:dyDescent="0.2">
      <c r="A385">
        <v>556.02728200000001</v>
      </c>
      <c r="B385">
        <v>20.069365000000001</v>
      </c>
      <c r="C385">
        <v>11.746445</v>
      </c>
      <c r="D385">
        <f t="shared" si="20"/>
        <v>1.9668869999999998</v>
      </c>
      <c r="E385">
        <f t="shared" si="21"/>
        <v>5.9761220000000321</v>
      </c>
      <c r="F385">
        <f t="shared" si="19"/>
        <v>5.4644183839542048E-3</v>
      </c>
    </row>
    <row r="386" spans="1:7" x14ac:dyDescent="0.2">
      <c r="A386">
        <v>556.10482100000002</v>
      </c>
      <c r="B386">
        <v>19.977851000000001</v>
      </c>
      <c r="C386">
        <v>11.75145</v>
      </c>
      <c r="D386">
        <f t="shared" si="20"/>
        <v>1.9718920000000004</v>
      </c>
      <c r="E386">
        <f t="shared" si="21"/>
        <v>6.0536610000000337</v>
      </c>
      <c r="F386">
        <f t="shared" si="19"/>
        <v>5.5204987008866451E-3</v>
      </c>
    </row>
    <row r="387" spans="1:7" x14ac:dyDescent="0.2">
      <c r="A387">
        <v>556.30614700000001</v>
      </c>
      <c r="B387">
        <v>19.950302000000001</v>
      </c>
      <c r="C387">
        <v>11.756454</v>
      </c>
      <c r="D387">
        <f t="shared" si="20"/>
        <v>1.976896</v>
      </c>
      <c r="E387">
        <f t="shared" si="21"/>
        <v>6.2549870000000283</v>
      </c>
      <c r="F387">
        <f t="shared" ref="F387:F391" si="22">(1/A387)*(E387/D387)</f>
        <v>5.6875958671648765E-3</v>
      </c>
    </row>
    <row r="388" spans="1:7" x14ac:dyDescent="0.2">
      <c r="A388">
        <v>556.59377900000004</v>
      </c>
      <c r="B388">
        <v>19.975272</v>
      </c>
      <c r="C388">
        <v>11.761459</v>
      </c>
      <c r="D388">
        <f t="shared" si="20"/>
        <v>1.9819010000000006</v>
      </c>
      <c r="E388">
        <f t="shared" si="21"/>
        <v>6.5426190000000588</v>
      </c>
      <c r="F388">
        <f t="shared" si="22"/>
        <v>5.9310464564713856E-3</v>
      </c>
    </row>
    <row r="389" spans="1:7" x14ac:dyDescent="0.2">
      <c r="A389">
        <v>556.95211700000004</v>
      </c>
      <c r="B389">
        <v>19.952867999999999</v>
      </c>
      <c r="C389">
        <v>11.766463999999999</v>
      </c>
      <c r="D389">
        <f t="shared" si="20"/>
        <v>1.9869059999999994</v>
      </c>
      <c r="E389">
        <f t="shared" si="21"/>
        <v>6.9009570000000622</v>
      </c>
      <c r="F389">
        <f t="shared" si="22"/>
        <v>6.2361153678742965E-3</v>
      </c>
    </row>
    <row r="390" spans="1:7" x14ac:dyDescent="0.2">
      <c r="A390">
        <v>557.71829100000002</v>
      </c>
      <c r="B390">
        <v>19.905908</v>
      </c>
      <c r="C390">
        <v>11.771469</v>
      </c>
      <c r="D390">
        <f t="shared" si="20"/>
        <v>1.991911</v>
      </c>
      <c r="E390">
        <f t="shared" si="21"/>
        <v>7.6671310000000403</v>
      </c>
      <c r="F390">
        <f t="shared" si="22"/>
        <v>6.9015726789415878E-3</v>
      </c>
    </row>
    <row r="391" spans="1:7" x14ac:dyDescent="0.2">
      <c r="A391">
        <v>558.85135200000002</v>
      </c>
      <c r="B391">
        <v>19.871317999999999</v>
      </c>
      <c r="C391">
        <v>11.776474</v>
      </c>
      <c r="D391">
        <f t="shared" si="20"/>
        <v>1.9969160000000006</v>
      </c>
      <c r="E391">
        <f t="shared" si="21"/>
        <v>8.8001920000000382</v>
      </c>
      <c r="F391">
        <f t="shared" si="22"/>
        <v>7.8856236292684217E-3</v>
      </c>
    </row>
    <row r="392" spans="1:7" ht="15" x14ac:dyDescent="0.25">
      <c r="A392">
        <f>MAX(A2:A391)</f>
        <v>565.42555600000003</v>
      </c>
      <c r="B392" s="3" t="s">
        <v>16</v>
      </c>
    </row>
    <row r="393" spans="1:7" ht="15" x14ac:dyDescent="0.25">
      <c r="A393">
        <f>MIN(A2:A391)</f>
        <v>550.05115999999998</v>
      </c>
      <c r="B393" s="3" t="s">
        <v>17</v>
      </c>
    </row>
    <row r="395" spans="1:7" x14ac:dyDescent="0.2">
      <c r="A395" t="s">
        <v>20</v>
      </c>
      <c r="C395" s="14">
        <f>E391/A393</f>
        <v>1.5998860905956525E-2</v>
      </c>
    </row>
    <row r="397" spans="1:7" s="1" customFormat="1" x14ac:dyDescent="0.2">
      <c r="A397"/>
      <c r="B397"/>
      <c r="C397"/>
      <c r="D397"/>
      <c r="E397"/>
      <c r="F397"/>
      <c r="G397"/>
    </row>
    <row r="398" spans="1:7" s="1" customFormat="1" x14ac:dyDescent="0.2">
      <c r="A398"/>
      <c r="B398"/>
      <c r="C398"/>
      <c r="D398"/>
      <c r="E398"/>
      <c r="F398"/>
      <c r="G398"/>
    </row>
    <row r="399" spans="1:7" s="1" customFormat="1" x14ac:dyDescent="0.2">
      <c r="A399"/>
      <c r="B399"/>
      <c r="C399"/>
      <c r="D399"/>
      <c r="E399"/>
      <c r="F399"/>
      <c r="G399"/>
    </row>
    <row r="402" spans="1:7" s="1" customFormat="1" x14ac:dyDescent="0.2">
      <c r="D402"/>
      <c r="E402"/>
      <c r="F402"/>
      <c r="G402"/>
    </row>
    <row r="403" spans="1:7" s="1" customFormat="1" x14ac:dyDescent="0.2">
      <c r="D403"/>
      <c r="E403"/>
      <c r="F403"/>
      <c r="G403"/>
    </row>
    <row r="404" spans="1:7" x14ac:dyDescent="0.2">
      <c r="A404" s="1"/>
      <c r="B404" s="1"/>
      <c r="C404" s="1"/>
    </row>
  </sheetData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13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  <col min="5" max="5" width="12.25" bestFit="1" customWidth="1"/>
    <col min="6" max="6" width="13.25" bestFit="1" customWidth="1"/>
  </cols>
  <sheetData>
    <row r="1" spans="1:8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8" ht="15" x14ac:dyDescent="0.25">
      <c r="A2" s="1">
        <v>2085.2216039999998</v>
      </c>
      <c r="B2">
        <v>19.95016</v>
      </c>
      <c r="C2">
        <v>6.08073</v>
      </c>
      <c r="D2">
        <f>C2-$C$2</f>
        <v>0</v>
      </c>
      <c r="E2">
        <f>A2-$A$2</f>
        <v>0</v>
      </c>
      <c r="G2" s="3">
        <f>(A410-A411)/A410</f>
        <v>5.3217341345594305E-2</v>
      </c>
    </row>
    <row r="3" spans="1:8" x14ac:dyDescent="0.2">
      <c r="A3">
        <v>2087.0826780000002</v>
      </c>
      <c r="B3">
        <v>19.926082999999998</v>
      </c>
      <c r="C3">
        <v>6.0857340000000004</v>
      </c>
      <c r="D3">
        <f t="shared" ref="D3:D6" si="0">C3-$C$2</f>
        <v>5.0040000000004525E-3</v>
      </c>
      <c r="E3">
        <f t="shared" ref="E3:E66" si="1">A3-$A$2</f>
        <v>1.8610740000003716</v>
      </c>
      <c r="F3">
        <f t="shared" ref="F3:F66" si="2">(1/A3)*(E3/D3)</f>
        <v>0.17819958457203533</v>
      </c>
      <c r="G3" s="4">
        <f>G2*100</f>
        <v>5.3217341345594305</v>
      </c>
      <c r="H3" s="13"/>
    </row>
    <row r="4" spans="1:8" x14ac:dyDescent="0.2">
      <c r="A4">
        <v>2089.0661519999999</v>
      </c>
      <c r="B4">
        <v>19.929829999999999</v>
      </c>
      <c r="C4">
        <v>6.0907390000000001</v>
      </c>
      <c r="D4">
        <f t="shared" si="0"/>
        <v>1.0009000000000157E-2</v>
      </c>
      <c r="E4">
        <f t="shared" si="1"/>
        <v>3.8445480000000316</v>
      </c>
      <c r="F4">
        <f t="shared" si="2"/>
        <v>0.18386641391927047</v>
      </c>
    </row>
    <row r="5" spans="1:8" x14ac:dyDescent="0.2">
      <c r="A5">
        <v>2090.8210039999999</v>
      </c>
      <c r="B5">
        <v>19.943193000000001</v>
      </c>
      <c r="C5">
        <v>6.0957439999999998</v>
      </c>
      <c r="D5">
        <f t="shared" si="0"/>
        <v>1.5013999999999861E-2</v>
      </c>
      <c r="E5">
        <f t="shared" si="1"/>
        <v>5.5994000000000597</v>
      </c>
      <c r="F5">
        <f t="shared" si="2"/>
        <v>0.17837263466623457</v>
      </c>
    </row>
    <row r="6" spans="1:8" x14ac:dyDescent="0.2">
      <c r="A6">
        <v>2092.7921270000002</v>
      </c>
      <c r="B6">
        <v>19.925667000000001</v>
      </c>
      <c r="C6">
        <v>6.1007490000000004</v>
      </c>
      <c r="D6">
        <f t="shared" si="0"/>
        <v>2.0019000000000453E-2</v>
      </c>
      <c r="E6">
        <f t="shared" si="1"/>
        <v>7.5705230000003212</v>
      </c>
      <c r="F6">
        <f t="shared" si="2"/>
        <v>0.18069969137127156</v>
      </c>
    </row>
    <row r="7" spans="1:8" x14ac:dyDescent="0.2">
      <c r="A7">
        <v>2094.9240359999999</v>
      </c>
      <c r="B7">
        <v>19.939615</v>
      </c>
      <c r="C7">
        <v>6.1057540000000001</v>
      </c>
      <c r="D7">
        <f t="shared" ref="D7:D70" si="3">C7-$C$2</f>
        <v>2.5024000000000157E-2</v>
      </c>
      <c r="E7">
        <f t="shared" si="1"/>
        <v>9.7024320000000444</v>
      </c>
      <c r="F7">
        <f t="shared" si="2"/>
        <v>0.18507834044375737</v>
      </c>
    </row>
    <row r="8" spans="1:8" x14ac:dyDescent="0.2">
      <c r="A8">
        <v>2096.4365299999999</v>
      </c>
      <c r="B8">
        <v>19.943818</v>
      </c>
      <c r="C8">
        <v>6.1107579999999997</v>
      </c>
      <c r="D8">
        <f t="shared" si="3"/>
        <v>3.0027999999999722E-2</v>
      </c>
      <c r="E8">
        <f t="shared" si="1"/>
        <v>11.214926000000105</v>
      </c>
      <c r="F8">
        <f t="shared" si="2"/>
        <v>0.17815100903739331</v>
      </c>
    </row>
    <row r="9" spans="1:8" x14ac:dyDescent="0.2">
      <c r="A9">
        <v>2097.9593159999999</v>
      </c>
      <c r="B9">
        <v>19.927039000000001</v>
      </c>
      <c r="C9">
        <v>6.1157630000000003</v>
      </c>
      <c r="D9">
        <f t="shared" si="3"/>
        <v>3.5033000000000314E-2</v>
      </c>
      <c r="E9">
        <f t="shared" si="1"/>
        <v>12.737712000000101</v>
      </c>
      <c r="F9">
        <f t="shared" si="2"/>
        <v>0.17330737095811655</v>
      </c>
    </row>
    <row r="10" spans="1:8" x14ac:dyDescent="0.2">
      <c r="A10">
        <v>2100.338182</v>
      </c>
      <c r="B10">
        <v>19.922059000000001</v>
      </c>
      <c r="C10">
        <v>6.120768</v>
      </c>
      <c r="D10">
        <f t="shared" si="3"/>
        <v>4.0038000000000018E-2</v>
      </c>
      <c r="E10">
        <f t="shared" si="1"/>
        <v>15.116578000000118</v>
      </c>
      <c r="F10">
        <f t="shared" si="2"/>
        <v>0.17975951456401557</v>
      </c>
    </row>
    <row r="11" spans="1:8" x14ac:dyDescent="0.2">
      <c r="A11">
        <v>2102.551813</v>
      </c>
      <c r="B11">
        <v>19.931979999999999</v>
      </c>
      <c r="C11">
        <v>6.1257729999999997</v>
      </c>
      <c r="D11">
        <f t="shared" si="3"/>
        <v>4.5042999999999722E-2</v>
      </c>
      <c r="E11">
        <f t="shared" si="1"/>
        <v>17.330209000000195</v>
      </c>
      <c r="F11">
        <f t="shared" si="2"/>
        <v>0.18299102309165352</v>
      </c>
    </row>
    <row r="12" spans="1:8" x14ac:dyDescent="0.2">
      <c r="A12">
        <v>2104.3157700000002</v>
      </c>
      <c r="B12">
        <v>19.926293000000001</v>
      </c>
      <c r="C12">
        <v>6.1307780000000003</v>
      </c>
      <c r="D12">
        <f t="shared" si="3"/>
        <v>5.0048000000000314E-2</v>
      </c>
      <c r="E12">
        <f t="shared" si="1"/>
        <v>19.094166000000314</v>
      </c>
      <c r="F12">
        <f t="shared" si="2"/>
        <v>0.18130219288283414</v>
      </c>
    </row>
    <row r="13" spans="1:8" x14ac:dyDescent="0.2">
      <c r="A13">
        <v>2105.5773170000002</v>
      </c>
      <c r="B13">
        <v>19.970728999999999</v>
      </c>
      <c r="C13">
        <v>6.1357819999999998</v>
      </c>
      <c r="D13">
        <f t="shared" si="3"/>
        <v>5.5051999999999879E-2</v>
      </c>
      <c r="E13">
        <f t="shared" si="1"/>
        <v>20.355713000000378</v>
      </c>
      <c r="F13">
        <f t="shared" si="2"/>
        <v>0.1756070811889692</v>
      </c>
    </row>
    <row r="14" spans="1:8" x14ac:dyDescent="0.2">
      <c r="A14">
        <v>2106.8000499999998</v>
      </c>
      <c r="B14">
        <v>19.946764999999999</v>
      </c>
      <c r="C14">
        <v>6.1407870000000004</v>
      </c>
      <c r="D14">
        <f t="shared" si="3"/>
        <v>6.0057000000000471E-2</v>
      </c>
      <c r="E14">
        <f t="shared" si="1"/>
        <v>21.578445999999985</v>
      </c>
      <c r="F14">
        <f t="shared" si="2"/>
        <v>0.17054273005455256</v>
      </c>
    </row>
    <row r="15" spans="1:8" x14ac:dyDescent="0.2">
      <c r="A15">
        <v>2107.8669159999999</v>
      </c>
      <c r="B15">
        <v>19.970997000000001</v>
      </c>
      <c r="C15">
        <v>6.1457920000000001</v>
      </c>
      <c r="D15">
        <f t="shared" si="3"/>
        <v>6.5062000000000175E-2</v>
      </c>
      <c r="E15">
        <f t="shared" si="1"/>
        <v>22.645312000000104</v>
      </c>
      <c r="F15">
        <f t="shared" si="2"/>
        <v>0.16512305378921727</v>
      </c>
    </row>
    <row r="16" spans="1:8" x14ac:dyDescent="0.2">
      <c r="A16">
        <v>2109.1423920000002</v>
      </c>
      <c r="B16">
        <v>19.956847</v>
      </c>
      <c r="C16">
        <v>6.1507969999999998</v>
      </c>
      <c r="D16">
        <f t="shared" si="3"/>
        <v>7.0066999999999879E-2</v>
      </c>
      <c r="E16">
        <f t="shared" si="1"/>
        <v>23.920788000000357</v>
      </c>
      <c r="F16">
        <f t="shared" si="2"/>
        <v>0.16186615790034425</v>
      </c>
    </row>
    <row r="17" spans="1:6" x14ac:dyDescent="0.2">
      <c r="A17">
        <v>2110.6758089999998</v>
      </c>
      <c r="B17">
        <v>19.940563999999998</v>
      </c>
      <c r="C17">
        <v>6.1558020000000004</v>
      </c>
      <c r="D17">
        <f t="shared" si="3"/>
        <v>7.5072000000000472E-2</v>
      </c>
      <c r="E17">
        <f t="shared" si="1"/>
        <v>25.454205000000002</v>
      </c>
      <c r="F17">
        <f t="shared" si="2"/>
        <v>0.16064233891889312</v>
      </c>
    </row>
    <row r="18" spans="1:6" x14ac:dyDescent="0.2">
      <c r="A18">
        <v>2111.6398359999998</v>
      </c>
      <c r="B18">
        <v>19.988194</v>
      </c>
      <c r="C18">
        <v>6.160806</v>
      </c>
      <c r="D18">
        <f t="shared" si="3"/>
        <v>8.0076000000000036E-2</v>
      </c>
      <c r="E18">
        <f t="shared" si="1"/>
        <v>26.418231999999989</v>
      </c>
      <c r="F18">
        <f t="shared" si="2"/>
        <v>0.15623615145836786</v>
      </c>
    </row>
    <row r="19" spans="1:6" x14ac:dyDescent="0.2">
      <c r="A19">
        <v>2111.6819</v>
      </c>
      <c r="B19">
        <v>19.993137000000001</v>
      </c>
      <c r="C19">
        <v>6.1658109999999997</v>
      </c>
      <c r="D19">
        <f t="shared" si="3"/>
        <v>8.508099999999974E-2</v>
      </c>
      <c r="E19">
        <f t="shared" si="1"/>
        <v>26.460296000000199</v>
      </c>
      <c r="F19">
        <f t="shared" si="2"/>
        <v>0.14727655435133435</v>
      </c>
    </row>
    <row r="20" spans="1:6" x14ac:dyDescent="0.2">
      <c r="A20">
        <v>2111.235173</v>
      </c>
      <c r="B20">
        <v>20.034980999999998</v>
      </c>
      <c r="C20">
        <v>6.1708160000000003</v>
      </c>
      <c r="D20">
        <f t="shared" si="3"/>
        <v>9.0086000000000332E-2</v>
      </c>
      <c r="E20">
        <f t="shared" si="1"/>
        <v>26.013569000000189</v>
      </c>
      <c r="F20">
        <f t="shared" si="2"/>
        <v>0.13677477974319022</v>
      </c>
    </row>
    <row r="21" spans="1:6" x14ac:dyDescent="0.2">
      <c r="A21">
        <v>2111.0353530000002</v>
      </c>
      <c r="B21">
        <v>19.999009999999998</v>
      </c>
      <c r="C21">
        <v>6.175821</v>
      </c>
      <c r="D21">
        <f t="shared" si="3"/>
        <v>9.5091000000000037E-2</v>
      </c>
      <c r="E21">
        <f t="shared" si="1"/>
        <v>25.813749000000371</v>
      </c>
      <c r="F21">
        <f t="shared" si="2"/>
        <v>0.12859265464519487</v>
      </c>
    </row>
    <row r="22" spans="1:6" x14ac:dyDescent="0.2">
      <c r="A22">
        <v>2110.8465080000001</v>
      </c>
      <c r="B22">
        <v>19.983104000000001</v>
      </c>
      <c r="C22">
        <v>6.1808259999999997</v>
      </c>
      <c r="D22">
        <f t="shared" si="3"/>
        <v>0.10009599999999974</v>
      </c>
      <c r="E22">
        <f t="shared" si="1"/>
        <v>25.624904000000242</v>
      </c>
      <c r="F22">
        <f t="shared" si="2"/>
        <v>0.12127991110863993</v>
      </c>
    </row>
    <row r="23" spans="1:6" x14ac:dyDescent="0.2">
      <c r="A23">
        <v>2111.2516609999998</v>
      </c>
      <c r="B23">
        <v>19.984120999999998</v>
      </c>
      <c r="C23">
        <v>6.1858300000000002</v>
      </c>
      <c r="D23">
        <f t="shared" si="3"/>
        <v>0.10510000000000019</v>
      </c>
      <c r="E23">
        <f t="shared" si="1"/>
        <v>26.030056999999942</v>
      </c>
      <c r="F23">
        <f t="shared" si="2"/>
        <v>0.11730928798787454</v>
      </c>
    </row>
    <row r="24" spans="1:6" x14ac:dyDescent="0.2">
      <c r="A24">
        <v>2111.596974</v>
      </c>
      <c r="B24">
        <v>19.978192</v>
      </c>
      <c r="C24">
        <v>6.1908349999999999</v>
      </c>
      <c r="D24">
        <f t="shared" si="3"/>
        <v>0.1101049999999999</v>
      </c>
      <c r="E24">
        <f t="shared" si="1"/>
        <v>26.375370000000203</v>
      </c>
      <c r="F24">
        <f t="shared" si="2"/>
        <v>0.11344372763660367</v>
      </c>
    </row>
    <row r="25" spans="1:6" x14ac:dyDescent="0.2">
      <c r="A25">
        <v>2112.0475529999999</v>
      </c>
      <c r="B25">
        <v>20.001714</v>
      </c>
      <c r="C25">
        <v>6.1958399999999996</v>
      </c>
      <c r="D25">
        <f t="shared" si="3"/>
        <v>0.1151099999999996</v>
      </c>
      <c r="E25">
        <f t="shared" si="1"/>
        <v>26.825949000000037</v>
      </c>
      <c r="F25">
        <f t="shared" si="2"/>
        <v>0.1103413640682273</v>
      </c>
    </row>
    <row r="26" spans="1:6" x14ac:dyDescent="0.2">
      <c r="A26">
        <v>2112.3980700000002</v>
      </c>
      <c r="B26">
        <v>19.962001000000001</v>
      </c>
      <c r="C26">
        <v>6.2008450000000002</v>
      </c>
      <c r="D26">
        <f t="shared" si="3"/>
        <v>0.12011500000000019</v>
      </c>
      <c r="E26">
        <f t="shared" si="1"/>
        <v>27.176466000000346</v>
      </c>
      <c r="F26">
        <f t="shared" si="2"/>
        <v>0.10710752235963145</v>
      </c>
    </row>
    <row r="27" spans="1:6" x14ac:dyDescent="0.2">
      <c r="A27">
        <v>2113.225171</v>
      </c>
      <c r="B27">
        <v>19.963906999999999</v>
      </c>
      <c r="C27">
        <v>6.2058499999999999</v>
      </c>
      <c r="D27">
        <f t="shared" si="3"/>
        <v>0.1251199999999999</v>
      </c>
      <c r="E27">
        <f t="shared" si="1"/>
        <v>28.003567000000203</v>
      </c>
      <c r="F27">
        <f t="shared" si="2"/>
        <v>0.10591094500649623</v>
      </c>
    </row>
    <row r="28" spans="1:6" x14ac:dyDescent="0.2">
      <c r="A28">
        <v>2114.8125490000002</v>
      </c>
      <c r="B28">
        <v>19.943373999999999</v>
      </c>
      <c r="C28">
        <v>6.2108540000000003</v>
      </c>
      <c r="D28">
        <f t="shared" si="3"/>
        <v>0.13012400000000035</v>
      </c>
      <c r="E28">
        <f t="shared" si="1"/>
        <v>29.590945000000374</v>
      </c>
      <c r="F28">
        <f t="shared" si="2"/>
        <v>0.10752997652659362</v>
      </c>
    </row>
    <row r="29" spans="1:6" x14ac:dyDescent="0.2">
      <c r="A29">
        <v>2116.5832190000001</v>
      </c>
      <c r="B29">
        <v>19.930046999999998</v>
      </c>
      <c r="C29">
        <v>6.215859</v>
      </c>
      <c r="D29">
        <f t="shared" si="3"/>
        <v>0.13512900000000005</v>
      </c>
      <c r="E29">
        <f t="shared" si="1"/>
        <v>31.361615000000256</v>
      </c>
      <c r="F29">
        <f t="shared" si="2"/>
        <v>0.10965148246625335</v>
      </c>
    </row>
    <row r="30" spans="1:6" x14ac:dyDescent="0.2">
      <c r="A30">
        <v>2117.99854</v>
      </c>
      <c r="B30">
        <v>19.975829000000001</v>
      </c>
      <c r="C30">
        <v>6.2208639999999997</v>
      </c>
      <c r="D30">
        <f t="shared" si="3"/>
        <v>0.14013399999999976</v>
      </c>
      <c r="E30">
        <f t="shared" si="1"/>
        <v>32.776936000000205</v>
      </c>
      <c r="F30">
        <f t="shared" si="2"/>
        <v>0.11043307824539188</v>
      </c>
    </row>
    <row r="31" spans="1:6" x14ac:dyDescent="0.2">
      <c r="A31">
        <v>2119.010178</v>
      </c>
      <c r="B31">
        <v>19.959821999999999</v>
      </c>
      <c r="C31">
        <v>6.2258690000000003</v>
      </c>
      <c r="D31">
        <f t="shared" si="3"/>
        <v>0.14513900000000035</v>
      </c>
      <c r="E31">
        <f t="shared" si="1"/>
        <v>33.788574000000153</v>
      </c>
      <c r="F31">
        <f t="shared" si="2"/>
        <v>0.10986331371957667</v>
      </c>
    </row>
    <row r="32" spans="1:6" x14ac:dyDescent="0.2">
      <c r="A32">
        <v>2120.0447960000001</v>
      </c>
      <c r="B32">
        <v>19.966794</v>
      </c>
      <c r="C32">
        <v>6.230874</v>
      </c>
      <c r="D32">
        <f t="shared" si="3"/>
        <v>0.15014400000000006</v>
      </c>
      <c r="E32">
        <f t="shared" si="1"/>
        <v>34.82319200000029</v>
      </c>
      <c r="F32">
        <f t="shared" si="2"/>
        <v>0.10939955565591185</v>
      </c>
    </row>
    <row r="33" spans="1:6" x14ac:dyDescent="0.2">
      <c r="A33">
        <v>2120.6496000000002</v>
      </c>
      <c r="B33">
        <v>19.968933</v>
      </c>
      <c r="C33">
        <v>6.2358779999999996</v>
      </c>
      <c r="D33">
        <f t="shared" si="3"/>
        <v>0.15514799999999962</v>
      </c>
      <c r="E33">
        <f t="shared" si="1"/>
        <v>35.427996000000348</v>
      </c>
      <c r="F33">
        <f t="shared" si="2"/>
        <v>0.10767911823630268</v>
      </c>
    </row>
    <row r="34" spans="1:6" x14ac:dyDescent="0.2">
      <c r="A34">
        <v>2121.1358310000001</v>
      </c>
      <c r="B34">
        <v>19.987127999999998</v>
      </c>
      <c r="C34">
        <v>6.2408830000000002</v>
      </c>
      <c r="D34">
        <f t="shared" si="3"/>
        <v>0.16015300000000021</v>
      </c>
      <c r="E34">
        <f t="shared" si="1"/>
        <v>35.91422700000021</v>
      </c>
      <c r="F34">
        <f t="shared" si="2"/>
        <v>0.10572141439846079</v>
      </c>
    </row>
    <row r="35" spans="1:6" x14ac:dyDescent="0.2">
      <c r="A35">
        <v>2122.1142150000001</v>
      </c>
      <c r="B35">
        <v>19.962710000000001</v>
      </c>
      <c r="C35">
        <v>6.2458879999999999</v>
      </c>
      <c r="D35">
        <f t="shared" si="3"/>
        <v>0.16515799999999992</v>
      </c>
      <c r="E35">
        <f t="shared" si="1"/>
        <v>36.892611000000215</v>
      </c>
      <c r="F35">
        <f t="shared" si="2"/>
        <v>0.10526185592998251</v>
      </c>
    </row>
    <row r="36" spans="1:6" x14ac:dyDescent="0.2">
      <c r="A36">
        <v>2123.0718660000002</v>
      </c>
      <c r="B36">
        <v>19.961801999999999</v>
      </c>
      <c r="C36">
        <v>6.2508929999999996</v>
      </c>
      <c r="D36">
        <f t="shared" si="3"/>
        <v>0.17016299999999962</v>
      </c>
      <c r="E36">
        <f t="shared" si="1"/>
        <v>37.850262000000384</v>
      </c>
      <c r="F36">
        <f t="shared" si="2"/>
        <v>0.10477051075848615</v>
      </c>
    </row>
    <row r="37" spans="1:6" x14ac:dyDescent="0.2">
      <c r="A37">
        <v>2123.5537210000002</v>
      </c>
      <c r="B37">
        <v>19.997716</v>
      </c>
      <c r="C37">
        <v>6.2558980000000002</v>
      </c>
      <c r="D37">
        <f t="shared" si="3"/>
        <v>0.17516800000000021</v>
      </c>
      <c r="E37">
        <f t="shared" si="1"/>
        <v>38.33211700000038</v>
      </c>
      <c r="F37">
        <f t="shared" si="2"/>
        <v>0.10304923724784579</v>
      </c>
    </row>
    <row r="38" spans="1:6" x14ac:dyDescent="0.2">
      <c r="A38">
        <v>2123.718046</v>
      </c>
      <c r="B38">
        <v>20.007453000000002</v>
      </c>
      <c r="C38">
        <v>6.2609019999999997</v>
      </c>
      <c r="D38">
        <f t="shared" si="3"/>
        <v>0.18017199999999978</v>
      </c>
      <c r="E38">
        <f t="shared" si="1"/>
        <v>38.496442000000116</v>
      </c>
      <c r="F38">
        <f t="shared" si="2"/>
        <v>0.10060890799102307</v>
      </c>
    </row>
    <row r="39" spans="1:6" x14ac:dyDescent="0.2">
      <c r="A39">
        <v>2123.2062810000002</v>
      </c>
      <c r="B39">
        <v>19.995533000000002</v>
      </c>
      <c r="C39">
        <v>6.2659070000000003</v>
      </c>
      <c r="D39">
        <f t="shared" si="3"/>
        <v>0.18517700000000037</v>
      </c>
      <c r="E39">
        <f t="shared" si="1"/>
        <v>37.984677000000374</v>
      </c>
      <c r="F39">
        <f t="shared" si="2"/>
        <v>9.6611584196538522E-2</v>
      </c>
    </row>
    <row r="40" spans="1:6" x14ac:dyDescent="0.2">
      <c r="A40">
        <v>2122.8474759999999</v>
      </c>
      <c r="B40">
        <v>19.994762000000001</v>
      </c>
      <c r="C40">
        <v>6.270912</v>
      </c>
      <c r="D40">
        <f t="shared" si="3"/>
        <v>0.19018200000000007</v>
      </c>
      <c r="E40">
        <f t="shared" si="1"/>
        <v>37.625872000000072</v>
      </c>
      <c r="F40">
        <f t="shared" si="2"/>
        <v>9.3196235843504574E-2</v>
      </c>
    </row>
    <row r="41" spans="1:6" x14ac:dyDescent="0.2">
      <c r="A41">
        <v>2123.1984539999999</v>
      </c>
      <c r="B41">
        <v>20.006737000000001</v>
      </c>
      <c r="C41">
        <v>6.2759169999999997</v>
      </c>
      <c r="D41">
        <f t="shared" si="3"/>
        <v>0.19518699999999978</v>
      </c>
      <c r="E41">
        <f t="shared" si="1"/>
        <v>37.976850000000013</v>
      </c>
      <c r="F41">
        <f t="shared" si="2"/>
        <v>9.163839219973105E-2</v>
      </c>
    </row>
    <row r="42" spans="1:6" x14ac:dyDescent="0.2">
      <c r="A42">
        <v>2123.2129920000002</v>
      </c>
      <c r="B42">
        <v>19.996165000000001</v>
      </c>
      <c r="C42">
        <v>6.2809220000000003</v>
      </c>
      <c r="D42">
        <f t="shared" si="3"/>
        <v>0.20019200000000037</v>
      </c>
      <c r="E42">
        <f t="shared" si="1"/>
        <v>37.99138800000037</v>
      </c>
      <c r="F42">
        <f t="shared" si="2"/>
        <v>8.9380932082209499E-2</v>
      </c>
    </row>
    <row r="43" spans="1:6" x14ac:dyDescent="0.2">
      <c r="A43">
        <v>2123.0264849999999</v>
      </c>
      <c r="B43">
        <v>19.990387999999999</v>
      </c>
      <c r="C43">
        <v>6.2859259999999999</v>
      </c>
      <c r="D43">
        <f t="shared" si="3"/>
        <v>0.20519599999999993</v>
      </c>
      <c r="E43">
        <f t="shared" si="1"/>
        <v>37.804881000000023</v>
      </c>
      <c r="F43">
        <f t="shared" si="2"/>
        <v>8.6780784671956809E-2</v>
      </c>
    </row>
    <row r="44" spans="1:6" x14ac:dyDescent="0.2">
      <c r="A44">
        <v>2123.4076460000001</v>
      </c>
      <c r="B44">
        <v>19.979299999999999</v>
      </c>
      <c r="C44">
        <v>6.2909309999999996</v>
      </c>
      <c r="D44">
        <f t="shared" si="3"/>
        <v>0.21020099999999964</v>
      </c>
      <c r="E44">
        <f t="shared" si="1"/>
        <v>38.18604200000027</v>
      </c>
      <c r="F44">
        <f t="shared" si="2"/>
        <v>8.5553245878961459E-2</v>
      </c>
    </row>
    <row r="45" spans="1:6" x14ac:dyDescent="0.2">
      <c r="A45">
        <v>2124.558736</v>
      </c>
      <c r="B45">
        <v>19.944175000000001</v>
      </c>
      <c r="C45">
        <v>6.2959360000000002</v>
      </c>
      <c r="D45">
        <f t="shared" si="3"/>
        <v>0.21520600000000023</v>
      </c>
      <c r="E45">
        <f t="shared" si="1"/>
        <v>39.337132000000111</v>
      </c>
      <c r="F45">
        <f t="shared" si="2"/>
        <v>8.6035874126613787E-2</v>
      </c>
    </row>
    <row r="46" spans="1:6" x14ac:dyDescent="0.2">
      <c r="A46">
        <v>2125.48101</v>
      </c>
      <c r="B46">
        <v>19.996131999999999</v>
      </c>
      <c r="C46">
        <v>6.3009409999999999</v>
      </c>
      <c r="D46">
        <f t="shared" si="3"/>
        <v>0.22021099999999993</v>
      </c>
      <c r="E46">
        <f t="shared" si="1"/>
        <v>40.259406000000126</v>
      </c>
      <c r="F46">
        <f t="shared" si="2"/>
        <v>8.6014392160079473E-2</v>
      </c>
    </row>
    <row r="47" spans="1:6" x14ac:dyDescent="0.2">
      <c r="A47">
        <v>2126.1471409999999</v>
      </c>
      <c r="B47">
        <v>19.961055000000002</v>
      </c>
      <c r="C47">
        <v>6.3059459999999996</v>
      </c>
      <c r="D47">
        <f t="shared" si="3"/>
        <v>0.22521599999999964</v>
      </c>
      <c r="E47">
        <f t="shared" si="1"/>
        <v>40.925537000000077</v>
      </c>
      <c r="F47">
        <f t="shared" si="2"/>
        <v>8.546766303097128E-2</v>
      </c>
    </row>
    <row r="48" spans="1:6" x14ac:dyDescent="0.2">
      <c r="A48">
        <v>2127.3361839999998</v>
      </c>
      <c r="B48">
        <v>19.945253999999998</v>
      </c>
      <c r="C48">
        <v>6.3109500000000001</v>
      </c>
      <c r="D48">
        <f t="shared" si="3"/>
        <v>0.23022000000000009</v>
      </c>
      <c r="E48">
        <f t="shared" si="1"/>
        <v>42.114579999999933</v>
      </c>
      <c r="F48">
        <f t="shared" si="2"/>
        <v>8.5991058963941838E-2</v>
      </c>
    </row>
    <row r="49" spans="1:6" x14ac:dyDescent="0.2">
      <c r="A49">
        <v>2128.9309960000001</v>
      </c>
      <c r="B49">
        <v>19.943483000000001</v>
      </c>
      <c r="C49">
        <v>6.3159549999999998</v>
      </c>
      <c r="D49">
        <f t="shared" si="3"/>
        <v>0.2352249999999998</v>
      </c>
      <c r="E49">
        <f t="shared" si="1"/>
        <v>43.709392000000207</v>
      </c>
      <c r="F49">
        <f t="shared" si="2"/>
        <v>8.7283007681976804E-2</v>
      </c>
    </row>
    <row r="50" spans="1:6" x14ac:dyDescent="0.2">
      <c r="A50">
        <v>2130.9574419999999</v>
      </c>
      <c r="B50">
        <v>19.928115999999999</v>
      </c>
      <c r="C50">
        <v>6.3209600000000004</v>
      </c>
      <c r="D50">
        <f t="shared" si="3"/>
        <v>0.24023000000000039</v>
      </c>
      <c r="E50">
        <f t="shared" si="1"/>
        <v>45.735838000000058</v>
      </c>
      <c r="F50">
        <f t="shared" si="2"/>
        <v>8.9341784599293483E-2</v>
      </c>
    </row>
    <row r="51" spans="1:6" x14ac:dyDescent="0.2">
      <c r="A51">
        <v>2133.2095599999998</v>
      </c>
      <c r="B51">
        <v>19.901446</v>
      </c>
      <c r="C51">
        <v>6.3259650000000001</v>
      </c>
      <c r="D51">
        <f t="shared" si="3"/>
        <v>0.24523500000000009</v>
      </c>
      <c r="E51">
        <f t="shared" si="1"/>
        <v>47.98795599999994</v>
      </c>
      <c r="F51">
        <f t="shared" si="2"/>
        <v>9.1731031643310271E-2</v>
      </c>
    </row>
    <row r="52" spans="1:6" x14ac:dyDescent="0.2">
      <c r="A52">
        <v>2135.1956850000001</v>
      </c>
      <c r="B52">
        <v>19.947308</v>
      </c>
      <c r="C52">
        <v>6.3309699999999998</v>
      </c>
      <c r="D52">
        <f t="shared" si="3"/>
        <v>0.2502399999999998</v>
      </c>
      <c r="E52">
        <f t="shared" si="1"/>
        <v>49.974081000000297</v>
      </c>
      <c r="F52">
        <f t="shared" si="2"/>
        <v>9.3529885330733836E-2</v>
      </c>
    </row>
    <row r="53" spans="1:6" x14ac:dyDescent="0.2">
      <c r="A53">
        <v>2137.0576700000001</v>
      </c>
      <c r="B53">
        <v>19.952309</v>
      </c>
      <c r="C53">
        <v>6.3359740000000002</v>
      </c>
      <c r="D53">
        <f t="shared" si="3"/>
        <v>0.25524400000000025</v>
      </c>
      <c r="E53">
        <f t="shared" si="1"/>
        <v>51.836066000000301</v>
      </c>
      <c r="F53">
        <f t="shared" si="2"/>
        <v>9.5029895160398087E-2</v>
      </c>
    </row>
    <row r="54" spans="1:6" x14ac:dyDescent="0.2">
      <c r="A54">
        <v>2138.3835260000001</v>
      </c>
      <c r="B54">
        <v>19.948826</v>
      </c>
      <c r="C54">
        <v>6.3409789999999999</v>
      </c>
      <c r="D54">
        <f t="shared" si="3"/>
        <v>0.26024899999999995</v>
      </c>
      <c r="E54">
        <f t="shared" si="1"/>
        <v>53.161922000000231</v>
      </c>
      <c r="F54">
        <f t="shared" si="2"/>
        <v>9.552697040434692E-2</v>
      </c>
    </row>
    <row r="55" spans="1:6" x14ac:dyDescent="0.2">
      <c r="A55">
        <v>2139.2903249999999</v>
      </c>
      <c r="B55">
        <v>19.968662999999999</v>
      </c>
      <c r="C55">
        <v>6.3459839999999996</v>
      </c>
      <c r="D55">
        <f t="shared" si="3"/>
        <v>0.26525399999999966</v>
      </c>
      <c r="E55">
        <f t="shared" si="1"/>
        <v>54.068721000000096</v>
      </c>
      <c r="F55">
        <f t="shared" si="2"/>
        <v>9.5282781724121468E-2</v>
      </c>
    </row>
    <row r="56" spans="1:6" x14ac:dyDescent="0.2">
      <c r="A56">
        <v>2139.9776160000001</v>
      </c>
      <c r="B56">
        <v>19.975712000000001</v>
      </c>
      <c r="C56">
        <v>6.3509890000000002</v>
      </c>
      <c r="D56">
        <f t="shared" si="3"/>
        <v>0.27025900000000025</v>
      </c>
      <c r="E56">
        <f t="shared" si="1"/>
        <v>54.756012000000283</v>
      </c>
      <c r="F56">
        <f t="shared" si="2"/>
        <v>9.4676547802452021E-2</v>
      </c>
    </row>
    <row r="57" spans="1:6" x14ac:dyDescent="0.2">
      <c r="A57">
        <v>2140.6308650000001</v>
      </c>
      <c r="B57">
        <v>19.974336000000001</v>
      </c>
      <c r="C57">
        <v>6.3559939999999999</v>
      </c>
      <c r="D57">
        <f t="shared" si="3"/>
        <v>0.27526399999999995</v>
      </c>
      <c r="E57">
        <f t="shared" si="1"/>
        <v>55.409261000000242</v>
      </c>
      <c r="F57">
        <f t="shared" si="2"/>
        <v>9.4035352815810949E-2</v>
      </c>
    </row>
    <row r="58" spans="1:6" x14ac:dyDescent="0.2">
      <c r="A58">
        <v>2140.683458</v>
      </c>
      <c r="B58">
        <v>20.020864</v>
      </c>
      <c r="C58">
        <v>6.3609980000000004</v>
      </c>
      <c r="D58">
        <f t="shared" si="3"/>
        <v>0.28026800000000041</v>
      </c>
      <c r="E58">
        <f t="shared" si="1"/>
        <v>55.46185400000013</v>
      </c>
      <c r="F58">
        <f t="shared" si="2"/>
        <v>9.2441804770331204E-2</v>
      </c>
    </row>
    <row r="59" spans="1:6" x14ac:dyDescent="0.2">
      <c r="A59">
        <v>2139.7829959999999</v>
      </c>
      <c r="B59">
        <v>20.017298</v>
      </c>
      <c r="C59">
        <v>6.3660030000000001</v>
      </c>
      <c r="D59">
        <f t="shared" si="3"/>
        <v>0.28527300000000011</v>
      </c>
      <c r="E59">
        <f t="shared" si="1"/>
        <v>54.561392000000069</v>
      </c>
      <c r="F59">
        <f t="shared" si="2"/>
        <v>8.9383023348601848E-2</v>
      </c>
    </row>
    <row r="60" spans="1:6" x14ac:dyDescent="0.2">
      <c r="A60">
        <v>2138.739075</v>
      </c>
      <c r="B60">
        <v>20.061008000000001</v>
      </c>
      <c r="C60">
        <v>6.3710079999999998</v>
      </c>
      <c r="D60">
        <f t="shared" si="3"/>
        <v>0.29027799999999981</v>
      </c>
      <c r="E60">
        <f t="shared" si="1"/>
        <v>53.517471000000114</v>
      </c>
      <c r="F60">
        <f t="shared" si="2"/>
        <v>8.6203253256168538E-2</v>
      </c>
    </row>
    <row r="61" spans="1:6" x14ac:dyDescent="0.2">
      <c r="A61">
        <v>2137.892683</v>
      </c>
      <c r="B61">
        <v>20.009550000000001</v>
      </c>
      <c r="C61">
        <v>6.3760130000000004</v>
      </c>
      <c r="D61">
        <f t="shared" si="3"/>
        <v>0.29528300000000041</v>
      </c>
      <c r="E61">
        <f t="shared" si="1"/>
        <v>52.671079000000191</v>
      </c>
      <c r="F61">
        <f t="shared" si="2"/>
        <v>8.3434923064168526E-2</v>
      </c>
    </row>
    <row r="62" spans="1:6" x14ac:dyDescent="0.2">
      <c r="A62">
        <v>2137.780808</v>
      </c>
      <c r="B62">
        <v>20.000668999999998</v>
      </c>
      <c r="C62">
        <v>6.3810180000000001</v>
      </c>
      <c r="D62">
        <f t="shared" si="3"/>
        <v>0.30028800000000011</v>
      </c>
      <c r="E62">
        <f t="shared" si="1"/>
        <v>52.559204000000136</v>
      </c>
      <c r="F62">
        <f t="shared" si="2"/>
        <v>8.1874305291680313E-2</v>
      </c>
    </row>
    <row r="63" spans="1:6" x14ac:dyDescent="0.2">
      <c r="A63">
        <v>2137.2189629999998</v>
      </c>
      <c r="B63">
        <v>20.015322000000001</v>
      </c>
      <c r="C63">
        <v>6.3860219999999996</v>
      </c>
      <c r="D63">
        <f t="shared" si="3"/>
        <v>0.30529199999999967</v>
      </c>
      <c r="E63">
        <f t="shared" si="1"/>
        <v>51.99735899999996</v>
      </c>
      <c r="F63">
        <f t="shared" si="2"/>
        <v>7.9692388413046364E-2</v>
      </c>
    </row>
    <row r="64" spans="1:6" x14ac:dyDescent="0.2">
      <c r="A64">
        <v>2136.5675759999999</v>
      </c>
      <c r="B64">
        <v>20.012066000000001</v>
      </c>
      <c r="C64">
        <v>6.3910270000000002</v>
      </c>
      <c r="D64">
        <f t="shared" si="3"/>
        <v>0.31029700000000027</v>
      </c>
      <c r="E64">
        <f t="shared" si="1"/>
        <v>51.345972000000074</v>
      </c>
      <c r="F64">
        <f t="shared" si="2"/>
        <v>7.74483499535666E-2</v>
      </c>
    </row>
    <row r="65" spans="1:6" x14ac:dyDescent="0.2">
      <c r="A65">
        <v>2136.354511</v>
      </c>
      <c r="B65">
        <v>19.997115999999998</v>
      </c>
      <c r="C65">
        <v>6.3960319999999999</v>
      </c>
      <c r="D65">
        <f t="shared" si="3"/>
        <v>0.31530199999999997</v>
      </c>
      <c r="E65">
        <f t="shared" si="1"/>
        <v>51.132907000000159</v>
      </c>
      <c r="F65">
        <f t="shared" si="2"/>
        <v>7.5910252546350462E-2</v>
      </c>
    </row>
    <row r="66" spans="1:6" x14ac:dyDescent="0.2">
      <c r="A66">
        <v>2136.4509159999998</v>
      </c>
      <c r="B66">
        <v>20.003043999999999</v>
      </c>
      <c r="C66">
        <v>6.4010369999999996</v>
      </c>
      <c r="D66">
        <f t="shared" si="3"/>
        <v>0.32030699999999968</v>
      </c>
      <c r="E66">
        <f t="shared" si="1"/>
        <v>51.229311999999936</v>
      </c>
      <c r="F66">
        <f t="shared" si="2"/>
        <v>7.4861611905337258E-2</v>
      </c>
    </row>
    <row r="67" spans="1:6" x14ac:dyDescent="0.2">
      <c r="A67">
        <v>2136.720264</v>
      </c>
      <c r="B67">
        <v>19.982087</v>
      </c>
      <c r="C67">
        <v>6.4060420000000002</v>
      </c>
      <c r="D67">
        <f t="shared" si="3"/>
        <v>0.32531200000000027</v>
      </c>
      <c r="E67">
        <f t="shared" ref="E67:E130" si="4">A67-$A$2</f>
        <v>51.4986600000002</v>
      </c>
      <c r="F67">
        <f t="shared" ref="F67:F130" si="5">(1/A67)*(E67/D67)</f>
        <v>7.4088052061522511E-2</v>
      </c>
    </row>
    <row r="68" spans="1:6" x14ac:dyDescent="0.2">
      <c r="A68">
        <v>2137.0606400000001</v>
      </c>
      <c r="B68">
        <v>19.982061000000002</v>
      </c>
      <c r="C68">
        <v>6.4110459999999998</v>
      </c>
      <c r="D68">
        <f t="shared" si="3"/>
        <v>0.33031599999999983</v>
      </c>
      <c r="E68">
        <f t="shared" si="4"/>
        <v>51.839036000000306</v>
      </c>
      <c r="F68">
        <f t="shared" si="5"/>
        <v>7.3436244716963306E-2</v>
      </c>
    </row>
    <row r="69" spans="1:6" x14ac:dyDescent="0.2">
      <c r="A69">
        <v>2137.1619489999998</v>
      </c>
      <c r="B69">
        <v>19.995643999999999</v>
      </c>
      <c r="C69">
        <v>6.4160510000000004</v>
      </c>
      <c r="D69">
        <f t="shared" si="3"/>
        <v>0.33532100000000042</v>
      </c>
      <c r="E69">
        <f t="shared" si="4"/>
        <v>51.940344999999979</v>
      </c>
      <c r="F69">
        <f t="shared" si="5"/>
        <v>7.2478074010319429E-2</v>
      </c>
    </row>
    <row r="70" spans="1:6" x14ac:dyDescent="0.2">
      <c r="A70">
        <v>2137.3393209999999</v>
      </c>
      <c r="B70">
        <v>19.984613</v>
      </c>
      <c r="C70">
        <v>6.4210560000000001</v>
      </c>
      <c r="D70">
        <f t="shared" si="3"/>
        <v>0.34032600000000013</v>
      </c>
      <c r="E70">
        <f t="shared" si="4"/>
        <v>52.117717000000084</v>
      </c>
      <c r="F70">
        <f t="shared" si="5"/>
        <v>7.1650096293304627E-2</v>
      </c>
    </row>
    <row r="71" spans="1:6" x14ac:dyDescent="0.2">
      <c r="A71">
        <v>2137.6659140000002</v>
      </c>
      <c r="B71">
        <v>19.984639999999999</v>
      </c>
      <c r="C71">
        <v>6.4260609999999998</v>
      </c>
      <c r="D71">
        <f t="shared" ref="D71:D134" si="6">C71-$C$2</f>
        <v>0.34533099999999983</v>
      </c>
      <c r="E71">
        <f t="shared" si="4"/>
        <v>52.444310000000314</v>
      </c>
      <c r="F71">
        <f t="shared" si="5"/>
        <v>7.1043275602893877E-2</v>
      </c>
    </row>
    <row r="72" spans="1:6" x14ac:dyDescent="0.2">
      <c r="A72">
        <v>2138.3859630000002</v>
      </c>
      <c r="B72">
        <v>19.962769999999999</v>
      </c>
      <c r="C72">
        <v>6.4310660000000004</v>
      </c>
      <c r="D72">
        <f t="shared" si="6"/>
        <v>0.35033600000000042</v>
      </c>
      <c r="E72">
        <f t="shared" si="4"/>
        <v>53.164359000000331</v>
      </c>
      <c r="F72">
        <f t="shared" si="5"/>
        <v>7.0965900829144196E-2</v>
      </c>
    </row>
    <row r="73" spans="1:6" x14ac:dyDescent="0.2">
      <c r="A73">
        <v>2139.1137880000001</v>
      </c>
      <c r="B73">
        <v>19.980286</v>
      </c>
      <c r="C73">
        <v>6.43607</v>
      </c>
      <c r="D73">
        <f t="shared" si="6"/>
        <v>0.35533999999999999</v>
      </c>
      <c r="E73">
        <f t="shared" si="4"/>
        <v>53.89218400000027</v>
      </c>
      <c r="F73">
        <f t="shared" si="5"/>
        <v>7.0900255272622628E-2</v>
      </c>
    </row>
    <row r="74" spans="1:6" x14ac:dyDescent="0.2">
      <c r="A74">
        <v>2139.7666549999999</v>
      </c>
      <c r="B74">
        <v>19.97448</v>
      </c>
      <c r="C74">
        <v>6.4410749999999997</v>
      </c>
      <c r="D74">
        <f t="shared" si="6"/>
        <v>0.36034499999999969</v>
      </c>
      <c r="E74">
        <f t="shared" si="4"/>
        <v>54.545051000000058</v>
      </c>
      <c r="F74">
        <f t="shared" si="5"/>
        <v>7.0740876475284653E-2</v>
      </c>
    </row>
    <row r="75" spans="1:6" x14ac:dyDescent="0.2">
      <c r="A75">
        <v>2141.1779310000002</v>
      </c>
      <c r="B75">
        <v>19.905270000000002</v>
      </c>
      <c r="C75">
        <v>6.4460800000000003</v>
      </c>
      <c r="D75">
        <f t="shared" si="6"/>
        <v>0.36535000000000029</v>
      </c>
      <c r="E75">
        <f t="shared" si="4"/>
        <v>55.956327000000329</v>
      </c>
      <c r="F75">
        <f t="shared" si="5"/>
        <v>7.152985246612073E-2</v>
      </c>
    </row>
    <row r="76" spans="1:6" x14ac:dyDescent="0.2">
      <c r="A76">
        <v>2143.8338060000001</v>
      </c>
      <c r="B76">
        <v>19.909967999999999</v>
      </c>
      <c r="C76">
        <v>6.451085</v>
      </c>
      <c r="D76">
        <f t="shared" si="6"/>
        <v>0.37035499999999999</v>
      </c>
      <c r="E76">
        <f t="shared" si="4"/>
        <v>58.612202000000252</v>
      </c>
      <c r="F76">
        <f t="shared" si="5"/>
        <v>7.3820793723315889E-2</v>
      </c>
    </row>
    <row r="77" spans="1:6" x14ac:dyDescent="0.2">
      <c r="A77">
        <v>2146.8929520000002</v>
      </c>
      <c r="B77">
        <v>19.904947</v>
      </c>
      <c r="C77">
        <v>6.4560899999999997</v>
      </c>
      <c r="D77">
        <f t="shared" si="6"/>
        <v>0.37535999999999969</v>
      </c>
      <c r="E77">
        <f t="shared" si="4"/>
        <v>61.671348000000307</v>
      </c>
      <c r="F77">
        <f t="shared" si="5"/>
        <v>7.6528827678253225E-2</v>
      </c>
    </row>
    <row r="78" spans="1:6" x14ac:dyDescent="0.2">
      <c r="A78">
        <v>2149.2579139999998</v>
      </c>
      <c r="B78">
        <v>19.948091999999999</v>
      </c>
      <c r="C78">
        <v>6.4610940000000001</v>
      </c>
      <c r="D78">
        <f t="shared" si="6"/>
        <v>0.38036400000000015</v>
      </c>
      <c r="E78">
        <f t="shared" si="4"/>
        <v>64.036309999999958</v>
      </c>
      <c r="F78">
        <f t="shared" si="5"/>
        <v>7.8331845365684605E-2</v>
      </c>
    </row>
    <row r="79" spans="1:6" x14ac:dyDescent="0.2">
      <c r="A79">
        <v>2150.7282519999999</v>
      </c>
      <c r="B79">
        <v>19.960775999999999</v>
      </c>
      <c r="C79">
        <v>6.4660989999999998</v>
      </c>
      <c r="D79">
        <f t="shared" si="6"/>
        <v>0.38536899999999985</v>
      </c>
      <c r="E79">
        <f t="shared" si="4"/>
        <v>65.506648000000041</v>
      </c>
      <c r="F79">
        <f t="shared" si="5"/>
        <v>7.903565574391877E-2</v>
      </c>
    </row>
    <row r="80" spans="1:6" x14ac:dyDescent="0.2">
      <c r="A80">
        <v>2151.6500649999998</v>
      </c>
      <c r="B80">
        <v>19.960823999999999</v>
      </c>
      <c r="C80">
        <v>6.4711040000000004</v>
      </c>
      <c r="D80">
        <f t="shared" si="6"/>
        <v>0.39037400000000044</v>
      </c>
      <c r="E80">
        <f t="shared" si="4"/>
        <v>66.42846099999997</v>
      </c>
      <c r="F80">
        <f t="shared" si="5"/>
        <v>7.9086374184575578E-2</v>
      </c>
    </row>
    <row r="81" spans="1:6" x14ac:dyDescent="0.2">
      <c r="A81">
        <v>2152.8110839999999</v>
      </c>
      <c r="B81">
        <v>19.970658</v>
      </c>
      <c r="C81">
        <v>6.4761090000000001</v>
      </c>
      <c r="D81">
        <f t="shared" si="6"/>
        <v>0.39537900000000015</v>
      </c>
      <c r="E81">
        <f t="shared" si="4"/>
        <v>67.589480000000094</v>
      </c>
      <c r="F81">
        <f t="shared" si="5"/>
        <v>7.9407145746101665E-2</v>
      </c>
    </row>
    <row r="82" spans="1:6" x14ac:dyDescent="0.2">
      <c r="A82">
        <v>2153.6127499999998</v>
      </c>
      <c r="B82">
        <v>19.986525</v>
      </c>
      <c r="C82">
        <v>6.4811139999999998</v>
      </c>
      <c r="D82">
        <f t="shared" si="6"/>
        <v>0.40038399999999985</v>
      </c>
      <c r="E82">
        <f t="shared" si="4"/>
        <v>68.391145999999935</v>
      </c>
      <c r="F82">
        <f t="shared" si="5"/>
        <v>7.9315041049824356E-2</v>
      </c>
    </row>
    <row r="83" spans="1:6" x14ac:dyDescent="0.2">
      <c r="A83">
        <v>2153.462391</v>
      </c>
      <c r="B83">
        <v>20.013297999999999</v>
      </c>
      <c r="C83">
        <v>6.4861180000000003</v>
      </c>
      <c r="D83">
        <f t="shared" si="6"/>
        <v>0.4053880000000003</v>
      </c>
      <c r="E83">
        <f t="shared" si="4"/>
        <v>68.240787000000182</v>
      </c>
      <c r="F83">
        <f t="shared" si="5"/>
        <v>7.8169232239578001E-2</v>
      </c>
    </row>
    <row r="84" spans="1:6" x14ac:dyDescent="0.2">
      <c r="A84">
        <v>2152.4427599999999</v>
      </c>
      <c r="B84">
        <v>20.028276999999999</v>
      </c>
      <c r="C84">
        <v>6.491123</v>
      </c>
      <c r="D84">
        <f t="shared" si="6"/>
        <v>0.41039300000000001</v>
      </c>
      <c r="E84">
        <f t="shared" si="4"/>
        <v>67.221156000000065</v>
      </c>
      <c r="F84">
        <f t="shared" si="5"/>
        <v>7.6098206474551844E-2</v>
      </c>
    </row>
    <row r="85" spans="1:6" x14ac:dyDescent="0.2">
      <c r="A85">
        <v>2151.174626</v>
      </c>
      <c r="B85">
        <v>20.050689999999999</v>
      </c>
      <c r="C85">
        <v>6.4961279999999997</v>
      </c>
      <c r="D85">
        <f t="shared" si="6"/>
        <v>0.41539799999999971</v>
      </c>
      <c r="E85">
        <f t="shared" si="4"/>
        <v>65.953022000000146</v>
      </c>
      <c r="F85">
        <f t="shared" si="5"/>
        <v>7.3806503591421144E-2</v>
      </c>
    </row>
    <row r="86" spans="1:6" x14ac:dyDescent="0.2">
      <c r="A86">
        <v>2149.7015879999999</v>
      </c>
      <c r="B86">
        <v>20.046894999999999</v>
      </c>
      <c r="C86">
        <v>6.5011330000000003</v>
      </c>
      <c r="D86">
        <f t="shared" si="6"/>
        <v>0.4204030000000003</v>
      </c>
      <c r="E86">
        <f t="shared" si="4"/>
        <v>64.479984000000059</v>
      </c>
      <c r="F86">
        <f t="shared" si="5"/>
        <v>7.1347857666577613E-2</v>
      </c>
    </row>
    <row r="87" spans="1:6" x14ac:dyDescent="0.2">
      <c r="A87">
        <v>2148.6391739999999</v>
      </c>
      <c r="B87">
        <v>20.005521000000002</v>
      </c>
      <c r="C87">
        <v>6.506138</v>
      </c>
      <c r="D87">
        <f t="shared" si="6"/>
        <v>0.42540800000000001</v>
      </c>
      <c r="E87">
        <f t="shared" si="4"/>
        <v>63.417570000000069</v>
      </c>
      <c r="F87">
        <f t="shared" si="5"/>
        <v>6.9380983953267292E-2</v>
      </c>
    </row>
    <row r="88" spans="1:6" x14ac:dyDescent="0.2">
      <c r="A88">
        <v>2147.9973620000001</v>
      </c>
      <c r="B88">
        <v>20.031462000000001</v>
      </c>
      <c r="C88">
        <v>6.5111420000000004</v>
      </c>
      <c r="D88">
        <f t="shared" si="6"/>
        <v>0.43041200000000046</v>
      </c>
      <c r="E88">
        <f t="shared" si="4"/>
        <v>62.775758000000224</v>
      </c>
      <c r="F88">
        <f t="shared" si="5"/>
        <v>6.7900637328165939E-2</v>
      </c>
    </row>
    <row r="89" spans="1:6" x14ac:dyDescent="0.2">
      <c r="A89">
        <v>2147.5114359999998</v>
      </c>
      <c r="B89">
        <v>20.000748000000002</v>
      </c>
      <c r="C89">
        <v>6.5161470000000001</v>
      </c>
      <c r="D89">
        <f t="shared" si="6"/>
        <v>0.43541700000000017</v>
      </c>
      <c r="E89">
        <f t="shared" si="4"/>
        <v>62.289831999999933</v>
      </c>
      <c r="F89">
        <f t="shared" si="5"/>
        <v>6.661565356638606E-2</v>
      </c>
    </row>
    <row r="90" spans="1:6" x14ac:dyDescent="0.2">
      <c r="A90">
        <v>2146.468895</v>
      </c>
      <c r="B90">
        <v>20.043785</v>
      </c>
      <c r="C90">
        <v>6.5211519999999998</v>
      </c>
      <c r="D90">
        <f t="shared" si="6"/>
        <v>0.44042199999999987</v>
      </c>
      <c r="E90">
        <f t="shared" si="4"/>
        <v>61.247291000000132</v>
      </c>
      <c r="F90">
        <f t="shared" si="5"/>
        <v>6.4787807068111117E-2</v>
      </c>
    </row>
    <row r="91" spans="1:6" x14ac:dyDescent="0.2">
      <c r="A91">
        <v>2145.3429930000002</v>
      </c>
      <c r="B91">
        <v>20.03763</v>
      </c>
      <c r="C91">
        <v>6.5261570000000004</v>
      </c>
      <c r="D91">
        <f t="shared" si="6"/>
        <v>0.44542700000000046</v>
      </c>
      <c r="E91">
        <f t="shared" si="4"/>
        <v>60.121389000000363</v>
      </c>
      <c r="F91">
        <f t="shared" si="5"/>
        <v>6.2915221624866555E-2</v>
      </c>
    </row>
    <row r="92" spans="1:6" x14ac:dyDescent="0.2">
      <c r="A92">
        <v>2144.6068140000002</v>
      </c>
      <c r="B92">
        <v>20.005644</v>
      </c>
      <c r="C92">
        <v>6.5311620000000001</v>
      </c>
      <c r="D92">
        <f t="shared" si="6"/>
        <v>0.45043200000000017</v>
      </c>
      <c r="E92">
        <f t="shared" si="4"/>
        <v>59.38521000000037</v>
      </c>
      <c r="F92">
        <f t="shared" si="5"/>
        <v>6.1475402171132003E-2</v>
      </c>
    </row>
    <row r="93" spans="1:6" x14ac:dyDescent="0.2">
      <c r="A93">
        <v>2143.9524630000001</v>
      </c>
      <c r="B93">
        <v>20.006236999999999</v>
      </c>
      <c r="C93">
        <v>6.5361659999999997</v>
      </c>
      <c r="D93">
        <f t="shared" si="6"/>
        <v>0.45543599999999973</v>
      </c>
      <c r="E93">
        <f t="shared" si="4"/>
        <v>58.730859000000237</v>
      </c>
      <c r="F93">
        <f t="shared" si="5"/>
        <v>6.0148367521167367E-2</v>
      </c>
    </row>
    <row r="94" spans="1:6" x14ac:dyDescent="0.2">
      <c r="A94">
        <v>2144.0370910000001</v>
      </c>
      <c r="B94">
        <v>19.997736</v>
      </c>
      <c r="C94">
        <v>6.5411710000000003</v>
      </c>
      <c r="D94">
        <f t="shared" si="6"/>
        <v>0.46044100000000032</v>
      </c>
      <c r="E94">
        <f t="shared" si="4"/>
        <v>58.815487000000303</v>
      </c>
      <c r="F94">
        <f t="shared" si="5"/>
        <v>5.9577930669415573E-2</v>
      </c>
    </row>
    <row r="95" spans="1:6" x14ac:dyDescent="0.2">
      <c r="A95">
        <v>2144.808348</v>
      </c>
      <c r="B95">
        <v>19.969715000000001</v>
      </c>
      <c r="C95">
        <v>6.546176</v>
      </c>
      <c r="D95">
        <f t="shared" si="6"/>
        <v>0.46544600000000003</v>
      </c>
      <c r="E95">
        <f t="shared" si="4"/>
        <v>59.586744000000181</v>
      </c>
      <c r="F95">
        <f t="shared" si="5"/>
        <v>5.9688664403397949E-2</v>
      </c>
    </row>
    <row r="96" spans="1:6" x14ac:dyDescent="0.2">
      <c r="A96">
        <v>2145.8463860000002</v>
      </c>
      <c r="B96">
        <v>19.947669000000001</v>
      </c>
      <c r="C96">
        <v>6.5511809999999997</v>
      </c>
      <c r="D96">
        <f t="shared" si="6"/>
        <v>0.47045099999999973</v>
      </c>
      <c r="E96">
        <f t="shared" si="4"/>
        <v>60.624782000000323</v>
      </c>
      <c r="F96">
        <f t="shared" si="5"/>
        <v>6.005333975300748E-2</v>
      </c>
    </row>
    <row r="97" spans="1:6" x14ac:dyDescent="0.2">
      <c r="A97">
        <v>2146.25065</v>
      </c>
      <c r="B97">
        <v>19.988948000000001</v>
      </c>
      <c r="C97">
        <v>6.5561860000000003</v>
      </c>
      <c r="D97">
        <f t="shared" si="6"/>
        <v>0.47545600000000032</v>
      </c>
      <c r="E97">
        <f t="shared" si="4"/>
        <v>61.029046000000108</v>
      </c>
      <c r="F97">
        <f t="shared" si="5"/>
        <v>5.9806144956496991E-2</v>
      </c>
    </row>
    <row r="98" spans="1:6" x14ac:dyDescent="0.2">
      <c r="A98">
        <v>2147.186326</v>
      </c>
      <c r="B98">
        <v>19.956904000000002</v>
      </c>
      <c r="C98">
        <v>6.5611899999999999</v>
      </c>
      <c r="D98">
        <f t="shared" si="6"/>
        <v>0.48045999999999989</v>
      </c>
      <c r="E98">
        <f t="shared" si="4"/>
        <v>61.964722000000165</v>
      </c>
      <c r="F98">
        <f t="shared" si="5"/>
        <v>6.0064454318173761E-2</v>
      </c>
    </row>
    <row r="99" spans="1:6" x14ac:dyDescent="0.2">
      <c r="A99">
        <v>2148.7143879999999</v>
      </c>
      <c r="B99">
        <v>19.956160000000001</v>
      </c>
      <c r="C99">
        <v>6.5661949999999996</v>
      </c>
      <c r="D99">
        <f t="shared" si="6"/>
        <v>0.48546499999999959</v>
      </c>
      <c r="E99">
        <f t="shared" si="4"/>
        <v>63.492784000000029</v>
      </c>
      <c r="F99">
        <f t="shared" si="5"/>
        <v>6.086782085629841E-2</v>
      </c>
    </row>
    <row r="100" spans="1:6" x14ac:dyDescent="0.2">
      <c r="A100">
        <v>2150.7455970000001</v>
      </c>
      <c r="B100">
        <v>19.925688999999998</v>
      </c>
      <c r="C100">
        <v>6.5712000000000002</v>
      </c>
      <c r="D100">
        <f t="shared" si="6"/>
        <v>0.49047000000000018</v>
      </c>
      <c r="E100">
        <f t="shared" si="4"/>
        <v>65.523993000000246</v>
      </c>
      <c r="F100">
        <f t="shared" si="5"/>
        <v>6.2115339636305722E-2</v>
      </c>
    </row>
    <row r="101" spans="1:6" x14ac:dyDescent="0.2">
      <c r="A101">
        <v>2152.6670509999999</v>
      </c>
      <c r="B101">
        <v>19.928239999999999</v>
      </c>
      <c r="C101">
        <v>6.5762049999999999</v>
      </c>
      <c r="D101">
        <f t="shared" si="6"/>
        <v>0.49547499999999989</v>
      </c>
      <c r="E101">
        <f t="shared" si="4"/>
        <v>67.445447000000058</v>
      </c>
      <c r="F101">
        <f t="shared" si="5"/>
        <v>6.3234491058677206E-2</v>
      </c>
    </row>
    <row r="102" spans="1:6" x14ac:dyDescent="0.2">
      <c r="A102">
        <v>2154.625524</v>
      </c>
      <c r="B102">
        <v>19.930243999999998</v>
      </c>
      <c r="C102">
        <v>6.5812099999999996</v>
      </c>
      <c r="D102">
        <f t="shared" si="6"/>
        <v>0.50047999999999959</v>
      </c>
      <c r="E102">
        <f t="shared" si="4"/>
        <v>69.403920000000198</v>
      </c>
      <c r="F102">
        <f t="shared" si="5"/>
        <v>6.4361398642846165E-2</v>
      </c>
    </row>
    <row r="103" spans="1:6" x14ac:dyDescent="0.2">
      <c r="A103">
        <v>2156.2702899999999</v>
      </c>
      <c r="B103">
        <v>19.951847999999998</v>
      </c>
      <c r="C103">
        <v>6.586214</v>
      </c>
      <c r="D103">
        <f t="shared" si="6"/>
        <v>0.50548400000000004</v>
      </c>
      <c r="E103">
        <f t="shared" si="4"/>
        <v>71.048686000000089</v>
      </c>
      <c r="F103">
        <f t="shared" si="5"/>
        <v>6.5184664981454046E-2</v>
      </c>
    </row>
    <row r="104" spans="1:6" x14ac:dyDescent="0.2">
      <c r="A104">
        <v>2157.7723529999998</v>
      </c>
      <c r="B104">
        <v>19.954559</v>
      </c>
      <c r="C104">
        <v>6.5912189999999997</v>
      </c>
      <c r="D104">
        <f t="shared" si="6"/>
        <v>0.51048899999999975</v>
      </c>
      <c r="E104">
        <f t="shared" si="4"/>
        <v>72.550748999999996</v>
      </c>
      <c r="F104">
        <f t="shared" si="5"/>
        <v>6.586427075700213E-2</v>
      </c>
    </row>
    <row r="105" spans="1:6" x14ac:dyDescent="0.2">
      <c r="A105">
        <v>2159.3585739999999</v>
      </c>
      <c r="B105">
        <v>19.924022999999998</v>
      </c>
      <c r="C105">
        <v>6.5962240000000003</v>
      </c>
      <c r="D105">
        <f t="shared" si="6"/>
        <v>0.51549400000000034</v>
      </c>
      <c r="E105">
        <f t="shared" si="4"/>
        <v>74.136970000000019</v>
      </c>
      <c r="F105">
        <f t="shared" si="5"/>
        <v>6.6601874441952522E-2</v>
      </c>
    </row>
    <row r="106" spans="1:6" x14ac:dyDescent="0.2">
      <c r="A106">
        <v>2160.947181</v>
      </c>
      <c r="B106">
        <v>19.962969999999999</v>
      </c>
      <c r="C106">
        <v>6.601229</v>
      </c>
      <c r="D106">
        <f t="shared" si="6"/>
        <v>0.52049900000000004</v>
      </c>
      <c r="E106">
        <f t="shared" si="4"/>
        <v>75.725577000000158</v>
      </c>
      <c r="F106">
        <f t="shared" si="5"/>
        <v>6.7325337616911743E-2</v>
      </c>
    </row>
    <row r="107" spans="1:6" x14ac:dyDescent="0.2">
      <c r="A107">
        <v>2162.6361430000002</v>
      </c>
      <c r="B107">
        <v>19.948076</v>
      </c>
      <c r="C107">
        <v>6.6062339999999997</v>
      </c>
      <c r="D107">
        <f t="shared" si="6"/>
        <v>0.52550399999999975</v>
      </c>
      <c r="E107">
        <f t="shared" si="4"/>
        <v>77.414539000000332</v>
      </c>
      <c r="F107">
        <f t="shared" si="5"/>
        <v>6.8118182057541277E-2</v>
      </c>
    </row>
    <row r="108" spans="1:6" x14ac:dyDescent="0.2">
      <c r="A108">
        <v>2163.1425570000001</v>
      </c>
      <c r="B108">
        <v>20.005344000000001</v>
      </c>
      <c r="C108">
        <v>6.6112380000000002</v>
      </c>
      <c r="D108">
        <f t="shared" si="6"/>
        <v>0.5305080000000002</v>
      </c>
      <c r="E108">
        <f t="shared" si="4"/>
        <v>77.920953000000281</v>
      </c>
      <c r="F108">
        <f t="shared" si="5"/>
        <v>6.790115731401003E-2</v>
      </c>
    </row>
    <row r="109" spans="1:6" x14ac:dyDescent="0.2">
      <c r="A109">
        <v>2162.2528320000001</v>
      </c>
      <c r="B109">
        <v>20.038616000000001</v>
      </c>
      <c r="C109">
        <v>6.6162429999999999</v>
      </c>
      <c r="D109">
        <f t="shared" si="6"/>
        <v>0.53551299999999991</v>
      </c>
      <c r="E109">
        <f t="shared" si="4"/>
        <v>77.031228000000283</v>
      </c>
      <c r="F109">
        <f t="shared" si="5"/>
        <v>6.6525834114057436E-2</v>
      </c>
    </row>
    <row r="110" spans="1:6" x14ac:dyDescent="0.2">
      <c r="A110">
        <v>2160.6779470000001</v>
      </c>
      <c r="B110">
        <v>20.055212000000001</v>
      </c>
      <c r="C110">
        <v>6.6212479999999996</v>
      </c>
      <c r="D110">
        <f t="shared" si="6"/>
        <v>0.54051799999999961</v>
      </c>
      <c r="E110">
        <f t="shared" si="4"/>
        <v>75.456343000000288</v>
      </c>
      <c r="F110">
        <f t="shared" si="5"/>
        <v>6.4609376916239941E-2</v>
      </c>
    </row>
    <row r="111" spans="1:6" x14ac:dyDescent="0.2">
      <c r="A111">
        <v>2159.3400550000001</v>
      </c>
      <c r="B111">
        <v>20.021514</v>
      </c>
      <c r="C111">
        <v>6.6262530000000002</v>
      </c>
      <c r="D111">
        <f t="shared" si="6"/>
        <v>0.5455230000000002</v>
      </c>
      <c r="E111">
        <f t="shared" si="4"/>
        <v>74.118451000000277</v>
      </c>
      <c r="F111">
        <f t="shared" si="5"/>
        <v>6.2920509087209003E-2</v>
      </c>
    </row>
    <row r="112" spans="1:6" x14ac:dyDescent="0.2">
      <c r="A112">
        <v>2157.7593510000002</v>
      </c>
      <c r="B112">
        <v>20.081724000000001</v>
      </c>
      <c r="C112">
        <v>6.6312579999999999</v>
      </c>
      <c r="D112">
        <f t="shared" si="6"/>
        <v>0.55052799999999991</v>
      </c>
      <c r="E112">
        <f t="shared" si="4"/>
        <v>72.537747000000309</v>
      </c>
      <c r="F112">
        <f t="shared" si="5"/>
        <v>6.1063492903555318E-2</v>
      </c>
    </row>
    <row r="113" spans="1:6" x14ac:dyDescent="0.2">
      <c r="A113">
        <v>2156.0603879999999</v>
      </c>
      <c r="B113">
        <v>20.03229</v>
      </c>
      <c r="C113">
        <v>6.6362620000000003</v>
      </c>
      <c r="D113">
        <f t="shared" si="6"/>
        <v>0.55553200000000036</v>
      </c>
      <c r="E113">
        <f t="shared" si="4"/>
        <v>70.838784000000032</v>
      </c>
      <c r="F113">
        <f t="shared" si="5"/>
        <v>5.9142693105883742E-2</v>
      </c>
    </row>
    <row r="114" spans="1:6" x14ac:dyDescent="0.2">
      <c r="A114">
        <v>2154.777122</v>
      </c>
      <c r="B114">
        <v>20.043251000000001</v>
      </c>
      <c r="C114">
        <v>6.641267</v>
      </c>
      <c r="D114">
        <f t="shared" si="6"/>
        <v>0.56053700000000006</v>
      </c>
      <c r="E114">
        <f t="shared" si="4"/>
        <v>69.55551800000012</v>
      </c>
      <c r="F114">
        <f t="shared" si="5"/>
        <v>5.7587065514557868E-2</v>
      </c>
    </row>
    <row r="115" spans="1:6" x14ac:dyDescent="0.2">
      <c r="A115">
        <v>2154.2335699999999</v>
      </c>
      <c r="B115">
        <v>19.986878999999998</v>
      </c>
      <c r="C115">
        <v>6.6462719999999997</v>
      </c>
      <c r="D115">
        <f t="shared" si="6"/>
        <v>0.56554199999999977</v>
      </c>
      <c r="E115">
        <f t="shared" si="4"/>
        <v>69.011966000000029</v>
      </c>
      <c r="F115">
        <f t="shared" si="5"/>
        <v>5.6645673786571392E-2</v>
      </c>
    </row>
    <row r="116" spans="1:6" x14ac:dyDescent="0.2">
      <c r="A116">
        <v>2154.2236360000002</v>
      </c>
      <c r="B116">
        <v>19.998528</v>
      </c>
      <c r="C116">
        <v>6.6512770000000003</v>
      </c>
      <c r="D116">
        <f t="shared" si="6"/>
        <v>0.57054700000000036</v>
      </c>
      <c r="E116">
        <f t="shared" si="4"/>
        <v>69.002032000000327</v>
      </c>
      <c r="F116">
        <f t="shared" si="5"/>
        <v>5.6140938375362125E-2</v>
      </c>
    </row>
    <row r="117" spans="1:6" x14ac:dyDescent="0.2">
      <c r="A117">
        <v>2154.2875779999999</v>
      </c>
      <c r="B117">
        <v>19.994683999999999</v>
      </c>
      <c r="C117">
        <v>6.656282</v>
      </c>
      <c r="D117">
        <f t="shared" si="6"/>
        <v>0.57555200000000006</v>
      </c>
      <c r="E117">
        <f t="shared" si="4"/>
        <v>69.065974000000097</v>
      </c>
      <c r="F117">
        <f t="shared" si="5"/>
        <v>5.5702655049604956E-2</v>
      </c>
    </row>
    <row r="118" spans="1:6" x14ac:dyDescent="0.2">
      <c r="A118">
        <v>2154.8257119999998</v>
      </c>
      <c r="B118">
        <v>19.965285000000002</v>
      </c>
      <c r="C118">
        <v>6.6612859999999996</v>
      </c>
      <c r="D118">
        <f t="shared" si="6"/>
        <v>0.58055599999999963</v>
      </c>
      <c r="E118">
        <f t="shared" si="4"/>
        <v>69.604107999999997</v>
      </c>
      <c r="F118">
        <f t="shared" si="5"/>
        <v>5.5638908981753776E-2</v>
      </c>
    </row>
    <row r="119" spans="1:6" x14ac:dyDescent="0.2">
      <c r="A119">
        <v>2155.967885</v>
      </c>
      <c r="B119">
        <v>19.952779</v>
      </c>
      <c r="C119">
        <v>6.6662910000000002</v>
      </c>
      <c r="D119">
        <f t="shared" si="6"/>
        <v>0.58556100000000022</v>
      </c>
      <c r="E119">
        <f t="shared" si="4"/>
        <v>70.746281000000181</v>
      </c>
      <c r="F119">
        <f t="shared" si="5"/>
        <v>5.6038846031697724E-2</v>
      </c>
    </row>
    <row r="120" spans="1:6" x14ac:dyDescent="0.2">
      <c r="A120">
        <v>2157.024915</v>
      </c>
      <c r="B120">
        <v>19.973443</v>
      </c>
      <c r="C120">
        <v>6.6712959999999999</v>
      </c>
      <c r="D120">
        <f t="shared" si="6"/>
        <v>0.59056599999999992</v>
      </c>
      <c r="E120">
        <f t="shared" si="4"/>
        <v>71.803311000000122</v>
      </c>
      <c r="F120">
        <f t="shared" si="5"/>
        <v>5.6366474104887751E-2</v>
      </c>
    </row>
    <row r="121" spans="1:6" x14ac:dyDescent="0.2">
      <c r="A121">
        <v>2157.9278589999999</v>
      </c>
      <c r="B121">
        <v>19.960284999999999</v>
      </c>
      <c r="C121">
        <v>6.6763009999999996</v>
      </c>
      <c r="D121">
        <f t="shared" si="6"/>
        <v>0.59557099999999963</v>
      </c>
      <c r="E121">
        <f t="shared" si="4"/>
        <v>72.706255000000056</v>
      </c>
      <c r="F121">
        <f t="shared" si="5"/>
        <v>5.6571971105052278E-2</v>
      </c>
    </row>
    <row r="122" spans="1:6" x14ac:dyDescent="0.2">
      <c r="A122">
        <v>2158.7210909999999</v>
      </c>
      <c r="B122">
        <v>19.963062000000001</v>
      </c>
      <c r="C122">
        <v>6.6813060000000002</v>
      </c>
      <c r="D122">
        <f t="shared" si="6"/>
        <v>0.60057600000000022</v>
      </c>
      <c r="E122">
        <f t="shared" si="4"/>
        <v>73.499487000000045</v>
      </c>
      <c r="F122">
        <f t="shared" si="5"/>
        <v>5.6691741753004718E-2</v>
      </c>
    </row>
    <row r="123" spans="1:6" x14ac:dyDescent="0.2">
      <c r="A123">
        <v>2159.6940920000002</v>
      </c>
      <c r="B123">
        <v>19.965703999999999</v>
      </c>
      <c r="C123">
        <v>6.6863099999999998</v>
      </c>
      <c r="D123">
        <f t="shared" si="6"/>
        <v>0.60557999999999979</v>
      </c>
      <c r="E123">
        <f t="shared" si="4"/>
        <v>74.47248800000034</v>
      </c>
      <c r="F123">
        <f t="shared" si="5"/>
        <v>5.6941919004410063E-2</v>
      </c>
    </row>
    <row r="124" spans="1:6" x14ac:dyDescent="0.2">
      <c r="A124">
        <v>2160.7409210000001</v>
      </c>
      <c r="B124">
        <v>19.971252</v>
      </c>
      <c r="C124">
        <v>6.6913150000000003</v>
      </c>
      <c r="D124">
        <f t="shared" si="6"/>
        <v>0.61058500000000038</v>
      </c>
      <c r="E124">
        <f t="shared" si="4"/>
        <v>75.519317000000228</v>
      </c>
      <c r="F124">
        <f t="shared" si="5"/>
        <v>5.7241265376881456E-2</v>
      </c>
    </row>
    <row r="125" spans="1:6" x14ac:dyDescent="0.2">
      <c r="A125">
        <v>2161.5674509999999</v>
      </c>
      <c r="B125">
        <v>19.965039999999998</v>
      </c>
      <c r="C125">
        <v>6.6963200000000001</v>
      </c>
      <c r="D125">
        <f t="shared" si="6"/>
        <v>0.61559000000000008</v>
      </c>
      <c r="E125">
        <f t="shared" si="4"/>
        <v>76.345847000000049</v>
      </c>
      <c r="F125">
        <f t="shared" si="5"/>
        <v>5.7375313196544139E-2</v>
      </c>
    </row>
    <row r="126" spans="1:6" x14ac:dyDescent="0.2">
      <c r="A126">
        <v>2162.1649299999999</v>
      </c>
      <c r="B126">
        <v>19.983183</v>
      </c>
      <c r="C126">
        <v>6.7013249999999998</v>
      </c>
      <c r="D126">
        <f t="shared" si="6"/>
        <v>0.62059499999999979</v>
      </c>
      <c r="E126">
        <f t="shared" si="4"/>
        <v>76.94332600000007</v>
      </c>
      <c r="F126">
        <f t="shared" si="5"/>
        <v>5.7342135724846456E-2</v>
      </c>
    </row>
    <row r="127" spans="1:6" x14ac:dyDescent="0.2">
      <c r="A127">
        <v>2163.160817</v>
      </c>
      <c r="B127">
        <v>19.967143</v>
      </c>
      <c r="C127">
        <v>6.7063300000000003</v>
      </c>
      <c r="D127">
        <f t="shared" si="6"/>
        <v>0.62560000000000038</v>
      </c>
      <c r="E127">
        <f t="shared" si="4"/>
        <v>77.939213000000109</v>
      </c>
      <c r="F127">
        <f t="shared" si="5"/>
        <v>5.7593101726682597E-2</v>
      </c>
    </row>
    <row r="128" spans="1:6" x14ac:dyDescent="0.2">
      <c r="A128">
        <v>2164.0619510000001</v>
      </c>
      <c r="B128">
        <v>19.969028999999999</v>
      </c>
      <c r="C128">
        <v>6.7113339999999999</v>
      </c>
      <c r="D128">
        <f t="shared" si="6"/>
        <v>0.63060399999999994</v>
      </c>
      <c r="E128">
        <f t="shared" si="4"/>
        <v>78.840347000000293</v>
      </c>
      <c r="F128">
        <f t="shared" si="5"/>
        <v>5.7772627089747272E-2</v>
      </c>
    </row>
    <row r="129" spans="1:6" x14ac:dyDescent="0.2">
      <c r="A129">
        <v>2164.469008</v>
      </c>
      <c r="B129">
        <v>19.995781000000001</v>
      </c>
      <c r="C129">
        <v>6.7163389999999996</v>
      </c>
      <c r="D129">
        <f t="shared" si="6"/>
        <v>0.63560899999999965</v>
      </c>
      <c r="E129">
        <f t="shared" si="4"/>
        <v>79.247404000000188</v>
      </c>
      <c r="F129">
        <f t="shared" si="5"/>
        <v>5.7602805333062931E-2</v>
      </c>
    </row>
    <row r="130" spans="1:6" x14ac:dyDescent="0.2">
      <c r="A130">
        <v>2165.0150140000001</v>
      </c>
      <c r="B130">
        <v>19.967824</v>
      </c>
      <c r="C130">
        <v>6.7213440000000002</v>
      </c>
      <c r="D130">
        <f t="shared" si="6"/>
        <v>0.64061400000000024</v>
      </c>
      <c r="E130">
        <f t="shared" si="4"/>
        <v>79.793410000000222</v>
      </c>
      <c r="F130">
        <f t="shared" si="5"/>
        <v>5.7532028540571184E-2</v>
      </c>
    </row>
    <row r="131" spans="1:6" x14ac:dyDescent="0.2">
      <c r="A131">
        <v>2165.5189730000002</v>
      </c>
      <c r="B131">
        <v>19.983304</v>
      </c>
      <c r="C131">
        <v>6.7263489999999999</v>
      </c>
      <c r="D131">
        <f t="shared" si="6"/>
        <v>0.64561899999999994</v>
      </c>
      <c r="E131">
        <f t="shared" ref="E131:E194" si="7">A131-$A$2</f>
        <v>80.297369000000344</v>
      </c>
      <c r="F131">
        <f t="shared" ref="F131:F194" si="8">(1/A131)*(E131/D131)</f>
        <v>5.7433200677894286E-2</v>
      </c>
    </row>
    <row r="132" spans="1:6" x14ac:dyDescent="0.2">
      <c r="A132">
        <v>2166.518634</v>
      </c>
      <c r="B132">
        <v>19.953952999999998</v>
      </c>
      <c r="C132">
        <v>6.7313539999999996</v>
      </c>
      <c r="D132">
        <f t="shared" si="6"/>
        <v>0.65062399999999965</v>
      </c>
      <c r="E132">
        <f t="shared" si="7"/>
        <v>81.297030000000177</v>
      </c>
      <c r="F132">
        <f t="shared" si="8"/>
        <v>5.7674278716862995E-2</v>
      </c>
    </row>
    <row r="133" spans="1:6" x14ac:dyDescent="0.2">
      <c r="A133">
        <v>2167.0252380000002</v>
      </c>
      <c r="B133">
        <v>20.013915000000001</v>
      </c>
      <c r="C133">
        <v>6.7363580000000001</v>
      </c>
      <c r="D133">
        <f t="shared" si="6"/>
        <v>0.6556280000000001</v>
      </c>
      <c r="E133">
        <f t="shared" si="7"/>
        <v>81.803634000000329</v>
      </c>
      <c r="F133">
        <f t="shared" si="8"/>
        <v>5.7577278713684892E-2</v>
      </c>
    </row>
    <row r="134" spans="1:6" x14ac:dyDescent="0.2">
      <c r="A134">
        <v>2167.1872950000002</v>
      </c>
      <c r="B134">
        <v>19.986021999999998</v>
      </c>
      <c r="C134">
        <v>6.7413629999999998</v>
      </c>
      <c r="D134">
        <f t="shared" si="6"/>
        <v>0.6606329999999998</v>
      </c>
      <c r="E134">
        <f t="shared" si="7"/>
        <v>81.965691000000334</v>
      </c>
      <c r="F134">
        <f t="shared" si="8"/>
        <v>5.7249987299323304E-2</v>
      </c>
    </row>
    <row r="135" spans="1:6" x14ac:dyDescent="0.2">
      <c r="A135">
        <v>2167.0937090000002</v>
      </c>
      <c r="B135">
        <v>19.98612</v>
      </c>
      <c r="C135">
        <v>6.7463680000000004</v>
      </c>
      <c r="D135">
        <f t="shared" ref="D135:D198" si="9">C135-$C$2</f>
        <v>0.6656380000000004</v>
      </c>
      <c r="E135">
        <f t="shared" si="7"/>
        <v>81.872105000000374</v>
      </c>
      <c r="F135">
        <f t="shared" si="8"/>
        <v>5.6757094912757801E-2</v>
      </c>
    </row>
    <row r="136" spans="1:6" x14ac:dyDescent="0.2">
      <c r="A136">
        <v>2166.6940370000002</v>
      </c>
      <c r="B136">
        <v>20.029266</v>
      </c>
      <c r="C136">
        <v>6.7513730000000001</v>
      </c>
      <c r="D136">
        <f t="shared" si="9"/>
        <v>0.6706430000000001</v>
      </c>
      <c r="E136">
        <f t="shared" si="7"/>
        <v>81.472433000000365</v>
      </c>
      <c r="F136">
        <f t="shared" si="8"/>
        <v>5.6068856867875126E-2</v>
      </c>
    </row>
    <row r="137" spans="1:6" x14ac:dyDescent="0.2">
      <c r="A137">
        <v>2165.7545749999999</v>
      </c>
      <c r="B137">
        <v>20.031628000000001</v>
      </c>
      <c r="C137">
        <v>6.7563779999999998</v>
      </c>
      <c r="D137">
        <f t="shared" si="9"/>
        <v>0.6756479999999998</v>
      </c>
      <c r="E137">
        <f t="shared" si="7"/>
        <v>80.532971000000089</v>
      </c>
      <c r="F137">
        <f t="shared" si="8"/>
        <v>5.5035635445028382E-2</v>
      </c>
    </row>
    <row r="138" spans="1:6" x14ac:dyDescent="0.2">
      <c r="A138">
        <v>2164.4015789999999</v>
      </c>
      <c r="B138">
        <v>20.053805000000001</v>
      </c>
      <c r="C138">
        <v>6.7613820000000002</v>
      </c>
      <c r="D138">
        <f t="shared" si="9"/>
        <v>0.68065200000000026</v>
      </c>
      <c r="E138">
        <f t="shared" si="7"/>
        <v>79.179975000000013</v>
      </c>
      <c r="F138">
        <f t="shared" si="8"/>
        <v>5.3746772907937009E-2</v>
      </c>
    </row>
    <row r="139" spans="1:6" x14ac:dyDescent="0.2">
      <c r="A139">
        <v>2163.4323159999999</v>
      </c>
      <c r="B139">
        <v>20.005151999999999</v>
      </c>
      <c r="C139">
        <v>6.7663869999999999</v>
      </c>
      <c r="D139">
        <f t="shared" si="9"/>
        <v>0.68565699999999996</v>
      </c>
      <c r="E139">
        <f t="shared" si="7"/>
        <v>78.210712000000058</v>
      </c>
      <c r="F139">
        <f t="shared" si="8"/>
        <v>5.2724930113040129E-2</v>
      </c>
    </row>
    <row r="140" spans="1:6" x14ac:dyDescent="0.2">
      <c r="A140">
        <v>2162.4591169999999</v>
      </c>
      <c r="B140">
        <v>20.034361000000001</v>
      </c>
      <c r="C140">
        <v>6.7713919999999996</v>
      </c>
      <c r="D140">
        <f t="shared" si="9"/>
        <v>0.69066199999999967</v>
      </c>
      <c r="E140">
        <f t="shared" si="7"/>
        <v>77.237513000000035</v>
      </c>
      <c r="F140">
        <f t="shared" si="8"/>
        <v>5.1714795762774643E-2</v>
      </c>
    </row>
    <row r="141" spans="1:6" x14ac:dyDescent="0.2">
      <c r="A141">
        <v>2161.2118780000001</v>
      </c>
      <c r="B141">
        <v>20.047298000000001</v>
      </c>
      <c r="C141">
        <v>6.7763970000000002</v>
      </c>
      <c r="D141">
        <f t="shared" si="9"/>
        <v>0.69566700000000026</v>
      </c>
      <c r="E141">
        <f t="shared" si="7"/>
        <v>75.990274000000227</v>
      </c>
      <c r="F141">
        <f t="shared" si="8"/>
        <v>5.0542795893316117E-2</v>
      </c>
    </row>
    <row r="142" spans="1:6" x14ac:dyDescent="0.2">
      <c r="A142">
        <v>2160.201039</v>
      </c>
      <c r="B142">
        <v>20.010867000000001</v>
      </c>
      <c r="C142">
        <v>6.7814019999999999</v>
      </c>
      <c r="D142">
        <f t="shared" si="9"/>
        <v>0.70067199999999996</v>
      </c>
      <c r="E142">
        <f t="shared" si="7"/>
        <v>74.979435000000194</v>
      </c>
      <c r="F142">
        <f t="shared" si="8"/>
        <v>4.9537402455210038E-2</v>
      </c>
    </row>
    <row r="143" spans="1:6" x14ac:dyDescent="0.2">
      <c r="A143">
        <v>2159.888348</v>
      </c>
      <c r="B143">
        <v>19.994033000000002</v>
      </c>
      <c r="C143">
        <v>6.7864060000000004</v>
      </c>
      <c r="D143">
        <f t="shared" si="9"/>
        <v>0.70567600000000041</v>
      </c>
      <c r="E143">
        <f t="shared" si="7"/>
        <v>74.666744000000108</v>
      </c>
      <c r="F143">
        <f t="shared" si="8"/>
        <v>4.8988096480079193E-2</v>
      </c>
    </row>
    <row r="144" spans="1:6" x14ac:dyDescent="0.2">
      <c r="A144">
        <v>2160.1438779999999</v>
      </c>
      <c r="B144">
        <v>19.987435999999999</v>
      </c>
      <c r="C144">
        <v>6.7914110000000001</v>
      </c>
      <c r="D144">
        <f t="shared" si="9"/>
        <v>0.71068100000000012</v>
      </c>
      <c r="E144">
        <f t="shared" si="7"/>
        <v>74.922274000000016</v>
      </c>
      <c r="F144">
        <f t="shared" si="8"/>
        <v>4.8803791940573299E-2</v>
      </c>
    </row>
    <row r="145" spans="1:6" x14ac:dyDescent="0.2">
      <c r="A145">
        <v>2161.042723</v>
      </c>
      <c r="B145">
        <v>19.959837</v>
      </c>
      <c r="C145">
        <v>6.7964159999999998</v>
      </c>
      <c r="D145">
        <f t="shared" si="9"/>
        <v>0.71568599999999982</v>
      </c>
      <c r="E145">
        <f t="shared" si="7"/>
        <v>75.821119000000181</v>
      </c>
      <c r="F145">
        <f t="shared" si="8"/>
        <v>4.9023500097684337E-2</v>
      </c>
    </row>
    <row r="146" spans="1:6" x14ac:dyDescent="0.2">
      <c r="A146">
        <v>2162.5208210000001</v>
      </c>
      <c r="B146">
        <v>19.940007000000001</v>
      </c>
      <c r="C146">
        <v>6.8014210000000004</v>
      </c>
      <c r="D146">
        <f t="shared" si="9"/>
        <v>0.72069100000000041</v>
      </c>
      <c r="E146">
        <f t="shared" si="7"/>
        <v>77.299217000000226</v>
      </c>
      <c r="F146">
        <f t="shared" si="8"/>
        <v>4.9598175222197775E-2</v>
      </c>
    </row>
    <row r="147" spans="1:6" x14ac:dyDescent="0.2">
      <c r="A147">
        <v>2164.5208969999999</v>
      </c>
      <c r="B147">
        <v>19.918652000000002</v>
      </c>
      <c r="C147">
        <v>6.8064260000000001</v>
      </c>
      <c r="D147">
        <f t="shared" si="9"/>
        <v>0.72569600000000012</v>
      </c>
      <c r="E147">
        <f t="shared" si="7"/>
        <v>79.299293000000034</v>
      </c>
      <c r="F147">
        <f t="shared" si="8"/>
        <v>5.0483888988318633E-2</v>
      </c>
    </row>
    <row r="148" spans="1:6" x14ac:dyDescent="0.2">
      <c r="A148">
        <v>2166.906829</v>
      </c>
      <c r="B148">
        <v>19.922588999999999</v>
      </c>
      <c r="C148">
        <v>6.8114299999999997</v>
      </c>
      <c r="D148">
        <f t="shared" si="9"/>
        <v>0.73069999999999968</v>
      </c>
      <c r="E148">
        <f t="shared" si="7"/>
        <v>81.685225000000173</v>
      </c>
      <c r="F148">
        <f t="shared" si="8"/>
        <v>5.1589837989195787E-2</v>
      </c>
    </row>
    <row r="149" spans="1:6" x14ac:dyDescent="0.2">
      <c r="A149">
        <v>2169.3472919999999</v>
      </c>
      <c r="B149">
        <v>19.930175999999999</v>
      </c>
      <c r="C149">
        <v>6.8164350000000002</v>
      </c>
      <c r="D149">
        <f t="shared" si="9"/>
        <v>0.73570500000000028</v>
      </c>
      <c r="E149">
        <f t="shared" si="7"/>
        <v>84.125688000000082</v>
      </c>
      <c r="F149">
        <f t="shared" si="8"/>
        <v>5.2710342404159241E-2</v>
      </c>
    </row>
    <row r="150" spans="1:6" x14ac:dyDescent="0.2">
      <c r="A150">
        <v>2171.4126759999999</v>
      </c>
      <c r="B150">
        <v>19.933503999999999</v>
      </c>
      <c r="C150">
        <v>6.8214399999999999</v>
      </c>
      <c r="D150">
        <f t="shared" si="9"/>
        <v>0.74070999999999998</v>
      </c>
      <c r="E150">
        <f t="shared" si="7"/>
        <v>86.191072000000077</v>
      </c>
      <c r="F150">
        <f t="shared" si="8"/>
        <v>5.3588512925865736E-2</v>
      </c>
    </row>
    <row r="151" spans="1:6" x14ac:dyDescent="0.2">
      <c r="A151">
        <v>2173.1827520000002</v>
      </c>
      <c r="B151">
        <v>19.921859999999999</v>
      </c>
      <c r="C151">
        <v>6.8264449999999997</v>
      </c>
      <c r="D151">
        <f t="shared" si="9"/>
        <v>0.74571499999999968</v>
      </c>
      <c r="E151">
        <f t="shared" si="7"/>
        <v>87.961148000000321</v>
      </c>
      <c r="F151">
        <f t="shared" si="8"/>
        <v>5.4277740498080644E-2</v>
      </c>
    </row>
    <row r="152" spans="1:6" x14ac:dyDescent="0.2">
      <c r="A152">
        <v>2174.9641139999999</v>
      </c>
      <c r="B152">
        <v>19.963704</v>
      </c>
      <c r="C152">
        <v>6.8314500000000002</v>
      </c>
      <c r="D152">
        <f t="shared" si="9"/>
        <v>0.75072000000000028</v>
      </c>
      <c r="E152">
        <f t="shared" si="7"/>
        <v>89.742510000000038</v>
      </c>
      <c r="F152">
        <f t="shared" si="8"/>
        <v>5.4962709033935471E-2</v>
      </c>
    </row>
    <row r="153" spans="1:6" x14ac:dyDescent="0.2">
      <c r="A153">
        <v>2176.388015</v>
      </c>
      <c r="B153">
        <v>19.963858999999999</v>
      </c>
      <c r="C153">
        <v>6.8364539999999998</v>
      </c>
      <c r="D153">
        <f t="shared" si="9"/>
        <v>0.75572399999999984</v>
      </c>
      <c r="E153">
        <f t="shared" si="7"/>
        <v>91.166411000000153</v>
      </c>
      <c r="F153">
        <f t="shared" si="8"/>
        <v>5.5428779743147326E-2</v>
      </c>
    </row>
    <row r="154" spans="1:6" x14ac:dyDescent="0.2">
      <c r="A154">
        <v>2176.6452570000001</v>
      </c>
      <c r="B154">
        <v>19.981245999999999</v>
      </c>
      <c r="C154">
        <v>6.8414590000000004</v>
      </c>
      <c r="D154">
        <f t="shared" si="9"/>
        <v>0.76072900000000043</v>
      </c>
      <c r="E154">
        <f t="shared" si="7"/>
        <v>91.423653000000286</v>
      </c>
      <c r="F154">
        <f t="shared" si="8"/>
        <v>5.5212948877021571E-2</v>
      </c>
    </row>
    <row r="155" spans="1:6" x14ac:dyDescent="0.2">
      <c r="A155">
        <v>2177.0003820000002</v>
      </c>
      <c r="B155">
        <v>19.988254999999999</v>
      </c>
      <c r="C155">
        <v>6.8464640000000001</v>
      </c>
      <c r="D155">
        <f t="shared" si="9"/>
        <v>0.76573400000000014</v>
      </c>
      <c r="E155">
        <f t="shared" si="7"/>
        <v>91.778778000000329</v>
      </c>
      <c r="F155">
        <f t="shared" si="8"/>
        <v>5.5056149515093203E-2</v>
      </c>
    </row>
    <row r="156" spans="1:6" x14ac:dyDescent="0.2">
      <c r="A156">
        <v>2177.5857310000001</v>
      </c>
      <c r="B156">
        <v>19.975176999999999</v>
      </c>
      <c r="C156">
        <v>6.8514689999999998</v>
      </c>
      <c r="D156">
        <f t="shared" si="9"/>
        <v>0.77073899999999984</v>
      </c>
      <c r="E156">
        <f t="shared" si="7"/>
        <v>92.364127000000281</v>
      </c>
      <c r="F156">
        <f t="shared" si="8"/>
        <v>5.5032688838432542E-2</v>
      </c>
    </row>
    <row r="157" spans="1:6" x14ac:dyDescent="0.2">
      <c r="A157">
        <v>2177.8102170000002</v>
      </c>
      <c r="B157">
        <v>20.020893999999998</v>
      </c>
      <c r="C157">
        <v>6.8564740000000004</v>
      </c>
      <c r="D157">
        <f t="shared" si="9"/>
        <v>0.77574400000000043</v>
      </c>
      <c r="E157">
        <f t="shared" si="7"/>
        <v>92.58861300000035</v>
      </c>
      <c r="F157">
        <f t="shared" si="8"/>
        <v>5.4804866245501578E-2</v>
      </c>
    </row>
    <row r="158" spans="1:6" x14ac:dyDescent="0.2">
      <c r="A158">
        <v>2176.8045830000001</v>
      </c>
      <c r="B158">
        <v>20.028676000000001</v>
      </c>
      <c r="C158">
        <v>6.861478</v>
      </c>
      <c r="D158">
        <f t="shared" si="9"/>
        <v>0.780748</v>
      </c>
      <c r="E158">
        <f t="shared" si="7"/>
        <v>91.58297900000025</v>
      </c>
      <c r="F158">
        <f t="shared" si="8"/>
        <v>5.3887054145078071E-2</v>
      </c>
    </row>
    <row r="159" spans="1:6" x14ac:dyDescent="0.2">
      <c r="A159">
        <v>2175.3086760000001</v>
      </c>
      <c r="B159">
        <v>20.036245000000001</v>
      </c>
      <c r="C159">
        <v>6.8664829999999997</v>
      </c>
      <c r="D159">
        <f t="shared" si="9"/>
        <v>0.7857529999999997</v>
      </c>
      <c r="E159">
        <f t="shared" si="7"/>
        <v>90.087072000000262</v>
      </c>
      <c r="F159">
        <f t="shared" si="8"/>
        <v>5.270545075764814E-2</v>
      </c>
    </row>
    <row r="160" spans="1:6" x14ac:dyDescent="0.2">
      <c r="A160">
        <v>2173.4539730000001</v>
      </c>
      <c r="B160">
        <v>20.063645000000001</v>
      </c>
      <c r="C160">
        <v>6.8714880000000003</v>
      </c>
      <c r="D160">
        <f t="shared" si="9"/>
        <v>0.79075800000000029</v>
      </c>
      <c r="E160">
        <f t="shared" si="7"/>
        <v>88.23236900000029</v>
      </c>
      <c r="F160">
        <f t="shared" si="8"/>
        <v>5.1337403329504538E-2</v>
      </c>
    </row>
    <row r="161" spans="1:6" x14ac:dyDescent="0.2">
      <c r="A161">
        <v>2171.8492249999999</v>
      </c>
      <c r="B161">
        <v>20.053989000000001</v>
      </c>
      <c r="C161">
        <v>6.876493</v>
      </c>
      <c r="D161">
        <f t="shared" si="9"/>
        <v>0.795763</v>
      </c>
      <c r="E161">
        <f t="shared" si="7"/>
        <v>86.62762100000009</v>
      </c>
      <c r="F161">
        <f t="shared" si="8"/>
        <v>5.0123682851069468E-2</v>
      </c>
    </row>
    <row r="162" spans="1:6" x14ac:dyDescent="0.2">
      <c r="A162">
        <v>2170.3350230000001</v>
      </c>
      <c r="B162">
        <v>20.054877000000001</v>
      </c>
      <c r="C162">
        <v>6.8814979999999997</v>
      </c>
      <c r="D162">
        <f t="shared" si="9"/>
        <v>0.8007679999999997</v>
      </c>
      <c r="E162">
        <f t="shared" si="7"/>
        <v>85.113419000000249</v>
      </c>
      <c r="F162">
        <f t="shared" si="8"/>
        <v>4.8973883975248683E-2</v>
      </c>
    </row>
    <row r="163" spans="1:6" x14ac:dyDescent="0.2">
      <c r="A163">
        <v>2169.1794880000002</v>
      </c>
      <c r="B163">
        <v>20.009301000000001</v>
      </c>
      <c r="C163">
        <v>6.8865020000000001</v>
      </c>
      <c r="D163">
        <f t="shared" si="9"/>
        <v>0.80577200000000015</v>
      </c>
      <c r="E163">
        <f t="shared" si="7"/>
        <v>83.957884000000377</v>
      </c>
      <c r="F163">
        <f t="shared" si="8"/>
        <v>4.8034560735452148E-2</v>
      </c>
    </row>
    <row r="164" spans="1:6" x14ac:dyDescent="0.2">
      <c r="A164">
        <v>2168.4989019999998</v>
      </c>
      <c r="B164">
        <v>20.028872</v>
      </c>
      <c r="C164">
        <v>6.8915069999999998</v>
      </c>
      <c r="D164">
        <f t="shared" si="9"/>
        <v>0.81077699999999986</v>
      </c>
      <c r="E164">
        <f t="shared" si="7"/>
        <v>83.277297999999973</v>
      </c>
      <c r="F164">
        <f t="shared" si="8"/>
        <v>4.7365922375447893E-2</v>
      </c>
    </row>
    <row r="165" spans="1:6" x14ac:dyDescent="0.2">
      <c r="A165">
        <v>2167.9989449999998</v>
      </c>
      <c r="B165">
        <v>20.019299</v>
      </c>
      <c r="C165">
        <v>6.8965120000000004</v>
      </c>
      <c r="D165">
        <f t="shared" si="9"/>
        <v>0.81578200000000045</v>
      </c>
      <c r="E165">
        <f t="shared" si="7"/>
        <v>82.777340999999979</v>
      </c>
      <c r="F165">
        <f t="shared" si="8"/>
        <v>4.6803495211402348E-2</v>
      </c>
    </row>
    <row r="166" spans="1:6" x14ac:dyDescent="0.2">
      <c r="A166">
        <v>2167.4354250000001</v>
      </c>
      <c r="B166">
        <v>19.995232000000001</v>
      </c>
      <c r="C166">
        <v>6.9015170000000001</v>
      </c>
      <c r="D166">
        <f t="shared" si="9"/>
        <v>0.82078700000000016</v>
      </c>
      <c r="E166">
        <f t="shared" si="7"/>
        <v>82.21382100000028</v>
      </c>
      <c r="F166">
        <f t="shared" si="8"/>
        <v>4.6213429269159959E-2</v>
      </c>
    </row>
    <row r="167" spans="1:6" x14ac:dyDescent="0.2">
      <c r="A167">
        <v>2167.208932</v>
      </c>
      <c r="B167">
        <v>19.996051999999999</v>
      </c>
      <c r="C167">
        <v>6.9065219999999998</v>
      </c>
      <c r="D167">
        <f t="shared" si="9"/>
        <v>0.82579199999999986</v>
      </c>
      <c r="E167">
        <f t="shared" si="7"/>
        <v>81.987328000000161</v>
      </c>
      <c r="F167">
        <f t="shared" si="8"/>
        <v>4.581158096536523E-2</v>
      </c>
    </row>
    <row r="168" spans="1:6" x14ac:dyDescent="0.2">
      <c r="A168">
        <v>2167.1445010000002</v>
      </c>
      <c r="B168">
        <v>19.990459999999999</v>
      </c>
      <c r="C168">
        <v>6.9115260000000003</v>
      </c>
      <c r="D168">
        <f t="shared" si="9"/>
        <v>0.83079600000000031</v>
      </c>
      <c r="E168">
        <f t="shared" si="7"/>
        <v>81.922897000000376</v>
      </c>
      <c r="F168">
        <f t="shared" si="8"/>
        <v>4.5501219291911775E-2</v>
      </c>
    </row>
    <row r="169" spans="1:6" x14ac:dyDescent="0.2">
      <c r="A169">
        <v>2167.5837139999999</v>
      </c>
      <c r="B169">
        <v>19.992373000000001</v>
      </c>
      <c r="C169">
        <v>6.916531</v>
      </c>
      <c r="D169">
        <f t="shared" si="9"/>
        <v>0.83580100000000002</v>
      </c>
      <c r="E169">
        <f t="shared" si="7"/>
        <v>82.36211000000003</v>
      </c>
      <c r="F169">
        <f t="shared" si="8"/>
        <v>4.5462016825242847E-2</v>
      </c>
    </row>
    <row r="170" spans="1:6" x14ac:dyDescent="0.2">
      <c r="A170">
        <v>2168.619815</v>
      </c>
      <c r="B170">
        <v>19.957735</v>
      </c>
      <c r="C170">
        <v>6.9215359999999997</v>
      </c>
      <c r="D170">
        <f t="shared" si="9"/>
        <v>0.84080599999999972</v>
      </c>
      <c r="E170">
        <f t="shared" si="7"/>
        <v>83.398211000000174</v>
      </c>
      <c r="F170">
        <f t="shared" si="8"/>
        <v>4.573803586772987E-2</v>
      </c>
    </row>
    <row r="171" spans="1:6" x14ac:dyDescent="0.2">
      <c r="A171">
        <v>2169.7066340000001</v>
      </c>
      <c r="B171">
        <v>19.955165999999998</v>
      </c>
      <c r="C171">
        <v>6.9265410000000003</v>
      </c>
      <c r="D171">
        <f t="shared" si="9"/>
        <v>0.84581100000000031</v>
      </c>
      <c r="E171">
        <f t="shared" si="7"/>
        <v>84.485030000000279</v>
      </c>
      <c r="F171">
        <f t="shared" si="8"/>
        <v>4.6036830574297437E-2</v>
      </c>
    </row>
    <row r="172" spans="1:6" x14ac:dyDescent="0.2">
      <c r="A172">
        <v>2170.531152</v>
      </c>
      <c r="B172">
        <v>19.966691000000001</v>
      </c>
      <c r="C172">
        <v>6.931546</v>
      </c>
      <c r="D172">
        <f t="shared" si="9"/>
        <v>0.85081600000000002</v>
      </c>
      <c r="E172">
        <f t="shared" si="7"/>
        <v>85.309548000000177</v>
      </c>
      <c r="F172">
        <f t="shared" si="8"/>
        <v>4.6195106126450357E-2</v>
      </c>
    </row>
    <row r="173" spans="1:6" x14ac:dyDescent="0.2">
      <c r="A173">
        <v>2171.3230010000002</v>
      </c>
      <c r="B173">
        <v>19.971339</v>
      </c>
      <c r="C173">
        <v>6.9365500000000004</v>
      </c>
      <c r="D173">
        <f t="shared" si="9"/>
        <v>0.85582000000000047</v>
      </c>
      <c r="E173">
        <f t="shared" si="7"/>
        <v>86.101397000000361</v>
      </c>
      <c r="F173">
        <f t="shared" si="8"/>
        <v>4.6334377597919668E-2</v>
      </c>
    </row>
    <row r="174" spans="1:6" x14ac:dyDescent="0.2">
      <c r="A174">
        <v>2172.3151269999998</v>
      </c>
      <c r="B174">
        <v>19.963336999999999</v>
      </c>
      <c r="C174">
        <v>6.9415550000000001</v>
      </c>
      <c r="D174">
        <f t="shared" si="9"/>
        <v>0.86082500000000017</v>
      </c>
      <c r="E174">
        <f t="shared" si="7"/>
        <v>87.093523000000005</v>
      </c>
      <c r="F174">
        <f t="shared" si="8"/>
        <v>4.6574495660979695E-2</v>
      </c>
    </row>
    <row r="175" spans="1:6" x14ac:dyDescent="0.2">
      <c r="A175">
        <v>2174.0517930000001</v>
      </c>
      <c r="B175">
        <v>19.926618999999999</v>
      </c>
      <c r="C175">
        <v>6.9465599999999998</v>
      </c>
      <c r="D175">
        <f t="shared" si="9"/>
        <v>0.86582999999999988</v>
      </c>
      <c r="E175">
        <f t="shared" si="7"/>
        <v>88.830189000000246</v>
      </c>
      <c r="F175">
        <f t="shared" si="8"/>
        <v>4.7190879393761188E-2</v>
      </c>
    </row>
    <row r="176" spans="1:6" x14ac:dyDescent="0.2">
      <c r="A176">
        <v>2176.1197379999999</v>
      </c>
      <c r="B176">
        <v>19.929614000000001</v>
      </c>
      <c r="C176">
        <v>6.9515650000000004</v>
      </c>
      <c r="D176">
        <f t="shared" si="9"/>
        <v>0.87083500000000047</v>
      </c>
      <c r="E176">
        <f t="shared" si="7"/>
        <v>90.898134000000027</v>
      </c>
      <c r="F176">
        <f t="shared" si="8"/>
        <v>4.7966309367363853E-2</v>
      </c>
    </row>
    <row r="177" spans="1:6" x14ac:dyDescent="0.2">
      <c r="A177">
        <v>2177.7491479999999</v>
      </c>
      <c r="B177">
        <v>19.950527999999998</v>
      </c>
      <c r="C177">
        <v>6.9565700000000001</v>
      </c>
      <c r="D177">
        <f t="shared" si="9"/>
        <v>0.87584000000000017</v>
      </c>
      <c r="E177">
        <f t="shared" si="7"/>
        <v>92.527544000000034</v>
      </c>
      <c r="F177">
        <f t="shared" si="8"/>
        <v>4.8510796615988068E-2</v>
      </c>
    </row>
    <row r="178" spans="1:6" x14ac:dyDescent="0.2">
      <c r="A178">
        <v>2179.0912979999998</v>
      </c>
      <c r="B178">
        <v>19.965893999999999</v>
      </c>
      <c r="C178">
        <v>6.9615739999999997</v>
      </c>
      <c r="D178">
        <f t="shared" si="9"/>
        <v>0.88084399999999974</v>
      </c>
      <c r="E178">
        <f t="shared" si="7"/>
        <v>93.869693999999981</v>
      </c>
      <c r="F178">
        <f t="shared" si="8"/>
        <v>4.8904742363628441E-2</v>
      </c>
    </row>
    <row r="179" spans="1:6" x14ac:dyDescent="0.2">
      <c r="A179">
        <v>2179.4959680000002</v>
      </c>
      <c r="B179">
        <v>20.002396000000001</v>
      </c>
      <c r="C179">
        <v>6.9665790000000003</v>
      </c>
      <c r="D179">
        <f t="shared" si="9"/>
        <v>0.88584900000000033</v>
      </c>
      <c r="E179">
        <f t="shared" si="7"/>
        <v>94.274364000000332</v>
      </c>
      <c r="F179">
        <f t="shared" si="8"/>
        <v>4.8829001333854129E-2</v>
      </c>
    </row>
    <row r="180" spans="1:6" x14ac:dyDescent="0.2">
      <c r="A180">
        <v>2179.4598580000002</v>
      </c>
      <c r="B180">
        <v>20.009563</v>
      </c>
      <c r="C180">
        <v>6.971584</v>
      </c>
      <c r="D180">
        <f t="shared" si="9"/>
        <v>0.89085400000000003</v>
      </c>
      <c r="E180">
        <f t="shared" si="7"/>
        <v>94.238254000000325</v>
      </c>
      <c r="F180">
        <f t="shared" si="8"/>
        <v>4.853687623581885E-2</v>
      </c>
    </row>
    <row r="181" spans="1:6" x14ac:dyDescent="0.2">
      <c r="A181">
        <v>2179.3320330000001</v>
      </c>
      <c r="B181">
        <v>20.001317</v>
      </c>
      <c r="C181">
        <v>6.9765889999999997</v>
      </c>
      <c r="D181">
        <f t="shared" si="9"/>
        <v>0.89585899999999974</v>
      </c>
      <c r="E181">
        <f t="shared" si="7"/>
        <v>94.110429000000295</v>
      </c>
      <c r="F181">
        <f t="shared" si="8"/>
        <v>4.8203068981723406E-2</v>
      </c>
    </row>
    <row r="182" spans="1:6" x14ac:dyDescent="0.2">
      <c r="A182">
        <v>2179.241039</v>
      </c>
      <c r="B182">
        <v>19.988465000000001</v>
      </c>
      <c r="C182">
        <v>6.9815940000000003</v>
      </c>
      <c r="D182">
        <f t="shared" si="9"/>
        <v>0.90086400000000033</v>
      </c>
      <c r="E182">
        <f t="shared" si="7"/>
        <v>94.019435000000158</v>
      </c>
      <c r="F182">
        <f t="shared" si="8"/>
        <v>4.7890915143104965E-2</v>
      </c>
    </row>
    <row r="183" spans="1:6" x14ac:dyDescent="0.2">
      <c r="A183">
        <v>2179.1084529999998</v>
      </c>
      <c r="B183">
        <v>19.994463</v>
      </c>
      <c r="C183">
        <v>6.9865979999999999</v>
      </c>
      <c r="D183">
        <f t="shared" si="9"/>
        <v>0.9058679999999999</v>
      </c>
      <c r="E183">
        <f t="shared" si="7"/>
        <v>93.886848999999984</v>
      </c>
      <c r="F183">
        <f t="shared" si="8"/>
        <v>4.7562097614209049E-2</v>
      </c>
    </row>
    <row r="184" spans="1:6" x14ac:dyDescent="0.2">
      <c r="A184">
        <v>2179.081158</v>
      </c>
      <c r="B184">
        <v>20.019648</v>
      </c>
      <c r="C184">
        <v>6.9916029999999996</v>
      </c>
      <c r="D184">
        <f t="shared" si="9"/>
        <v>0.9108729999999996</v>
      </c>
      <c r="E184">
        <f t="shared" si="7"/>
        <v>93.859554000000117</v>
      </c>
      <c r="F184">
        <f t="shared" si="8"/>
        <v>4.7287597721072182E-2</v>
      </c>
    </row>
    <row r="185" spans="1:6" x14ac:dyDescent="0.2">
      <c r="A185">
        <v>2178.3665070000002</v>
      </c>
      <c r="B185">
        <v>20.040136</v>
      </c>
      <c r="C185">
        <v>6.9966080000000002</v>
      </c>
      <c r="D185">
        <f t="shared" si="9"/>
        <v>0.91587800000000019</v>
      </c>
      <c r="E185">
        <f t="shared" si="7"/>
        <v>93.14490300000034</v>
      </c>
      <c r="F185">
        <f t="shared" si="8"/>
        <v>4.6686413977293249E-2</v>
      </c>
    </row>
    <row r="186" spans="1:6" x14ac:dyDescent="0.2">
      <c r="A186">
        <v>2176.9509549999998</v>
      </c>
      <c r="B186">
        <v>20.039511999999998</v>
      </c>
      <c r="C186">
        <v>7.0016129999999999</v>
      </c>
      <c r="D186">
        <f t="shared" si="9"/>
        <v>0.9208829999999999</v>
      </c>
      <c r="E186">
        <f t="shared" si="7"/>
        <v>91.729350999999951</v>
      </c>
      <c r="F186">
        <f t="shared" si="8"/>
        <v>4.5756755303232297E-2</v>
      </c>
    </row>
    <row r="187" spans="1:6" x14ac:dyDescent="0.2">
      <c r="A187">
        <v>2175.5931660000001</v>
      </c>
      <c r="B187">
        <v>20.009763</v>
      </c>
      <c r="C187">
        <v>7.0066179999999996</v>
      </c>
      <c r="D187">
        <f t="shared" si="9"/>
        <v>0.9258879999999996</v>
      </c>
      <c r="E187">
        <f t="shared" si="7"/>
        <v>90.371562000000267</v>
      </c>
      <c r="F187">
        <f t="shared" si="8"/>
        <v>4.4863757800785761E-2</v>
      </c>
    </row>
    <row r="188" spans="1:6" x14ac:dyDescent="0.2">
      <c r="A188">
        <v>2175.0845180000001</v>
      </c>
      <c r="B188">
        <v>20.010957999999999</v>
      </c>
      <c r="C188">
        <v>7.011622</v>
      </c>
      <c r="D188">
        <f t="shared" si="9"/>
        <v>0.93089200000000005</v>
      </c>
      <c r="E188">
        <f t="shared" si="7"/>
        <v>89.862914000000274</v>
      </c>
      <c r="F188">
        <f t="shared" si="8"/>
        <v>4.4381815353441781E-2</v>
      </c>
    </row>
    <row r="189" spans="1:6" x14ac:dyDescent="0.2">
      <c r="A189">
        <v>2174.655209</v>
      </c>
      <c r="B189">
        <v>20.016238000000001</v>
      </c>
      <c r="C189">
        <v>7.0166269999999997</v>
      </c>
      <c r="D189">
        <f t="shared" si="9"/>
        <v>0.93589699999999976</v>
      </c>
      <c r="E189">
        <f t="shared" si="7"/>
        <v>89.433605000000171</v>
      </c>
      <c r="F189">
        <f t="shared" si="8"/>
        <v>4.3942248175767994E-2</v>
      </c>
    </row>
    <row r="190" spans="1:6" x14ac:dyDescent="0.2">
      <c r="A190">
        <v>2174.3480140000001</v>
      </c>
      <c r="B190">
        <v>20.006800999999999</v>
      </c>
      <c r="C190">
        <v>7.0216320000000003</v>
      </c>
      <c r="D190">
        <f t="shared" si="9"/>
        <v>0.94090200000000035</v>
      </c>
      <c r="E190">
        <f t="shared" si="7"/>
        <v>89.126410000000305</v>
      </c>
      <c r="F190">
        <f t="shared" si="8"/>
        <v>4.3564523263225727E-2</v>
      </c>
    </row>
    <row r="191" spans="1:6" x14ac:dyDescent="0.2">
      <c r="A191">
        <v>2174.1528899999998</v>
      </c>
      <c r="B191">
        <v>19.982206999999999</v>
      </c>
      <c r="C191">
        <v>7.026637</v>
      </c>
      <c r="D191">
        <f t="shared" si="9"/>
        <v>0.94590700000000005</v>
      </c>
      <c r="E191">
        <f t="shared" si="7"/>
        <v>88.931286</v>
      </c>
      <c r="F191">
        <f t="shared" si="8"/>
        <v>4.3243023531499204E-2</v>
      </c>
    </row>
    <row r="192" spans="1:6" x14ac:dyDescent="0.2">
      <c r="A192">
        <v>2173.9771019999998</v>
      </c>
      <c r="B192">
        <v>20.020862999999999</v>
      </c>
      <c r="C192">
        <v>7.0316419999999997</v>
      </c>
      <c r="D192">
        <f t="shared" si="9"/>
        <v>0.95091199999999976</v>
      </c>
      <c r="E192">
        <f t="shared" si="7"/>
        <v>88.755497999999989</v>
      </c>
      <c r="F192">
        <f t="shared" si="8"/>
        <v>4.2933863547748148E-2</v>
      </c>
    </row>
    <row r="193" spans="1:6" x14ac:dyDescent="0.2">
      <c r="A193">
        <v>2174.0655320000001</v>
      </c>
      <c r="B193">
        <v>19.987929999999999</v>
      </c>
      <c r="C193">
        <v>7.0366460000000002</v>
      </c>
      <c r="D193">
        <f t="shared" si="9"/>
        <v>0.95591600000000021</v>
      </c>
      <c r="E193">
        <f t="shared" si="7"/>
        <v>88.843928000000233</v>
      </c>
      <c r="F193">
        <f t="shared" si="8"/>
        <v>4.2749928228150366E-2</v>
      </c>
    </row>
    <row r="194" spans="1:6" x14ac:dyDescent="0.2">
      <c r="A194">
        <v>2173.8880589999999</v>
      </c>
      <c r="B194">
        <v>19.991267000000001</v>
      </c>
      <c r="C194">
        <v>7.0416509999999999</v>
      </c>
      <c r="D194">
        <f t="shared" si="9"/>
        <v>0.96092099999999991</v>
      </c>
      <c r="E194">
        <f t="shared" si="7"/>
        <v>88.666455000000042</v>
      </c>
      <c r="F194">
        <f t="shared" si="8"/>
        <v>4.2445776561984026E-2</v>
      </c>
    </row>
    <row r="195" spans="1:6" x14ac:dyDescent="0.2">
      <c r="A195">
        <v>2174.9962209999999</v>
      </c>
      <c r="B195">
        <v>19.957698000000001</v>
      </c>
      <c r="C195">
        <v>7.0466559999999996</v>
      </c>
      <c r="D195">
        <f t="shared" si="9"/>
        <v>0.96592599999999962</v>
      </c>
      <c r="E195">
        <f t="shared" ref="E195:E258" si="10">A195-$A$2</f>
        <v>89.774617000000035</v>
      </c>
      <c r="F195">
        <f t="shared" ref="F195:F258" si="11">(1/A195)*(E195/D195)</f>
        <v>4.2731801082540939E-2</v>
      </c>
    </row>
    <row r="196" spans="1:6" x14ac:dyDescent="0.2">
      <c r="A196">
        <v>2176.2937160000001</v>
      </c>
      <c r="B196">
        <v>19.957228000000001</v>
      </c>
      <c r="C196">
        <v>7.0516610000000002</v>
      </c>
      <c r="D196">
        <f t="shared" si="9"/>
        <v>0.97093100000000021</v>
      </c>
      <c r="E196">
        <f t="shared" si="10"/>
        <v>91.072112000000288</v>
      </c>
      <c r="F196">
        <f t="shared" si="11"/>
        <v>4.3100224528605145E-2</v>
      </c>
    </row>
    <row r="197" spans="1:6" x14ac:dyDescent="0.2">
      <c r="A197">
        <v>2177.5081129999999</v>
      </c>
      <c r="B197">
        <v>19.959330000000001</v>
      </c>
      <c r="C197">
        <v>7.0566659999999999</v>
      </c>
      <c r="D197">
        <f t="shared" si="9"/>
        <v>0.97593599999999991</v>
      </c>
      <c r="E197">
        <f t="shared" si="10"/>
        <v>92.286509000000024</v>
      </c>
      <c r="F197">
        <f t="shared" si="11"/>
        <v>4.3426726913610075E-2</v>
      </c>
    </row>
    <row r="198" spans="1:6" x14ac:dyDescent="0.2">
      <c r="A198">
        <v>2178.9446600000001</v>
      </c>
      <c r="B198">
        <v>19.941824</v>
      </c>
      <c r="C198">
        <v>7.0616700000000003</v>
      </c>
      <c r="D198">
        <f t="shared" si="9"/>
        <v>0.98094000000000037</v>
      </c>
      <c r="E198">
        <f t="shared" si="10"/>
        <v>93.72305600000027</v>
      </c>
      <c r="F198">
        <f t="shared" si="11"/>
        <v>4.3848808469416613E-2</v>
      </c>
    </row>
    <row r="199" spans="1:6" x14ac:dyDescent="0.2">
      <c r="A199">
        <v>2180.5607329999998</v>
      </c>
      <c r="B199">
        <v>19.941866999999998</v>
      </c>
      <c r="C199">
        <v>7.066675</v>
      </c>
      <c r="D199">
        <f t="shared" ref="D199:D262" si="12">C199-$C$2</f>
        <v>0.98594500000000007</v>
      </c>
      <c r="E199">
        <f t="shared" si="10"/>
        <v>95.339128999999957</v>
      </c>
      <c r="F199">
        <f t="shared" si="11"/>
        <v>4.4345576371287977E-2</v>
      </c>
    </row>
    <row r="200" spans="1:6" x14ac:dyDescent="0.2">
      <c r="A200">
        <v>2181.697435</v>
      </c>
      <c r="B200">
        <v>19.991071999999999</v>
      </c>
      <c r="C200">
        <v>7.0716799999999997</v>
      </c>
      <c r="D200">
        <f t="shared" si="12"/>
        <v>0.99094999999999978</v>
      </c>
      <c r="E200">
        <f t="shared" si="10"/>
        <v>96.475831000000198</v>
      </c>
      <c r="F200">
        <f t="shared" si="11"/>
        <v>4.462438717812265E-2</v>
      </c>
    </row>
    <row r="201" spans="1:6" x14ac:dyDescent="0.2">
      <c r="A201">
        <v>2181.306646</v>
      </c>
      <c r="B201">
        <v>20.025227000000001</v>
      </c>
      <c r="C201">
        <v>7.0766850000000003</v>
      </c>
      <c r="D201">
        <f t="shared" si="12"/>
        <v>0.99595500000000037</v>
      </c>
      <c r="E201">
        <f t="shared" si="10"/>
        <v>96.085042000000158</v>
      </c>
      <c r="F201">
        <f t="shared" si="11"/>
        <v>4.4228208217684681E-2</v>
      </c>
    </row>
    <row r="202" spans="1:6" x14ac:dyDescent="0.2">
      <c r="A202">
        <v>2180.695095</v>
      </c>
      <c r="B202">
        <v>19.996558</v>
      </c>
      <c r="C202">
        <v>7.08169</v>
      </c>
      <c r="D202">
        <f t="shared" si="12"/>
        <v>1.0009600000000001</v>
      </c>
      <c r="E202">
        <f t="shared" si="10"/>
        <v>95.473491000000195</v>
      </c>
      <c r="F202">
        <f t="shared" si="11"/>
        <v>4.3739230014924052E-2</v>
      </c>
    </row>
    <row r="203" spans="1:6" x14ac:dyDescent="0.2">
      <c r="A203">
        <v>2180.9674060000002</v>
      </c>
      <c r="B203">
        <v>19.97213</v>
      </c>
      <c r="C203">
        <v>7.0866939999999996</v>
      </c>
      <c r="D203">
        <f t="shared" si="12"/>
        <v>1.0059639999999996</v>
      </c>
      <c r="E203">
        <f t="shared" si="10"/>
        <v>95.745802000000367</v>
      </c>
      <c r="F203">
        <f t="shared" si="11"/>
        <v>4.3640340151419418E-2</v>
      </c>
    </row>
    <row r="204" spans="1:6" x14ac:dyDescent="0.2">
      <c r="A204">
        <v>2181.6875660000001</v>
      </c>
      <c r="B204">
        <v>19.984380999999999</v>
      </c>
      <c r="C204">
        <v>7.0916990000000002</v>
      </c>
      <c r="D204">
        <f t="shared" si="12"/>
        <v>1.0109690000000002</v>
      </c>
      <c r="E204">
        <f t="shared" si="10"/>
        <v>96.465962000000218</v>
      </c>
      <c r="F204">
        <f t="shared" si="11"/>
        <v>4.3736467632585728E-2</v>
      </c>
    </row>
    <row r="205" spans="1:6" x14ac:dyDescent="0.2">
      <c r="A205">
        <v>2182.27882</v>
      </c>
      <c r="B205">
        <v>19.971747000000001</v>
      </c>
      <c r="C205">
        <v>7.0967039999999999</v>
      </c>
      <c r="D205">
        <f t="shared" si="12"/>
        <v>1.0159739999999999</v>
      </c>
      <c r="E205">
        <f t="shared" si="10"/>
        <v>97.057216000000153</v>
      </c>
      <c r="F205">
        <f t="shared" si="11"/>
        <v>4.3775891387513151E-2</v>
      </c>
    </row>
    <row r="206" spans="1:6" x14ac:dyDescent="0.2">
      <c r="A206">
        <v>2182.9095969999998</v>
      </c>
      <c r="B206">
        <v>19.980736</v>
      </c>
      <c r="C206">
        <v>7.1017089999999996</v>
      </c>
      <c r="D206">
        <f t="shared" si="12"/>
        <v>1.0209789999999996</v>
      </c>
      <c r="E206">
        <f t="shared" si="10"/>
        <v>97.687993000000006</v>
      </c>
      <c r="F206">
        <f t="shared" si="11"/>
        <v>4.3831731543138533E-2</v>
      </c>
    </row>
    <row r="207" spans="1:6" x14ac:dyDescent="0.2">
      <c r="A207">
        <v>2182.7609710000002</v>
      </c>
      <c r="B207">
        <v>20.023038</v>
      </c>
      <c r="C207">
        <v>7.1067140000000002</v>
      </c>
      <c r="D207">
        <f t="shared" si="12"/>
        <v>1.0259840000000002</v>
      </c>
      <c r="E207">
        <f t="shared" si="10"/>
        <v>97.539367000000311</v>
      </c>
      <c r="F207">
        <f t="shared" si="11"/>
        <v>4.3554513290190611E-2</v>
      </c>
    </row>
    <row r="208" spans="1:6" x14ac:dyDescent="0.2">
      <c r="A208">
        <v>2181.8720539999999</v>
      </c>
      <c r="B208">
        <v>20.048148000000001</v>
      </c>
      <c r="C208">
        <v>7.1117179999999998</v>
      </c>
      <c r="D208">
        <f t="shared" si="12"/>
        <v>1.0309879999999998</v>
      </c>
      <c r="E208">
        <f t="shared" si="10"/>
        <v>96.650450000000092</v>
      </c>
      <c r="F208">
        <f t="shared" si="11"/>
        <v>4.2965610812407733E-2</v>
      </c>
    </row>
    <row r="209" spans="1:6" x14ac:dyDescent="0.2">
      <c r="A209">
        <v>2180.771655</v>
      </c>
      <c r="B209">
        <v>20.000399999999999</v>
      </c>
      <c r="C209">
        <v>7.1167230000000004</v>
      </c>
      <c r="D209">
        <f t="shared" si="12"/>
        <v>1.0359930000000004</v>
      </c>
      <c r="E209">
        <f t="shared" si="10"/>
        <v>95.550051000000167</v>
      </c>
      <c r="F209">
        <f t="shared" si="11"/>
        <v>4.2292553612598149E-2</v>
      </c>
    </row>
    <row r="210" spans="1:6" x14ac:dyDescent="0.2">
      <c r="A210">
        <v>2179.8049179999998</v>
      </c>
      <c r="B210">
        <v>20.044181999999999</v>
      </c>
      <c r="C210">
        <v>7.1217280000000001</v>
      </c>
      <c r="D210">
        <f t="shared" si="12"/>
        <v>1.0409980000000001</v>
      </c>
      <c r="E210">
        <f t="shared" si="10"/>
        <v>94.583313999999973</v>
      </c>
      <c r="F210">
        <f t="shared" si="11"/>
        <v>4.1681851643237761E-2</v>
      </c>
    </row>
    <row r="211" spans="1:6" x14ac:dyDescent="0.2">
      <c r="A211">
        <v>2179.1971739999999</v>
      </c>
      <c r="B211">
        <v>19.988914000000001</v>
      </c>
      <c r="C211">
        <v>7.1267329999999998</v>
      </c>
      <c r="D211">
        <f t="shared" si="12"/>
        <v>1.0460029999999998</v>
      </c>
      <c r="E211">
        <f t="shared" si="10"/>
        <v>93.975570000000062</v>
      </c>
      <c r="F211">
        <f t="shared" si="11"/>
        <v>4.1227358655077227E-2</v>
      </c>
    </row>
    <row r="212" spans="1:6" x14ac:dyDescent="0.2">
      <c r="A212">
        <v>2179.3461309999998</v>
      </c>
      <c r="B212">
        <v>20.002866000000001</v>
      </c>
      <c r="C212">
        <v>7.1317380000000004</v>
      </c>
      <c r="D212">
        <f t="shared" si="12"/>
        <v>1.0510080000000004</v>
      </c>
      <c r="E212">
        <f t="shared" si="10"/>
        <v>94.124526999999944</v>
      </c>
      <c r="F212">
        <f t="shared" si="11"/>
        <v>4.1093257843526451E-2</v>
      </c>
    </row>
    <row r="213" spans="1:6" x14ac:dyDescent="0.2">
      <c r="A213">
        <v>2179.1741940000002</v>
      </c>
      <c r="B213">
        <v>19.997257999999999</v>
      </c>
      <c r="C213">
        <v>7.1367419999999999</v>
      </c>
      <c r="D213">
        <f t="shared" si="12"/>
        <v>1.056012</v>
      </c>
      <c r="E213">
        <f t="shared" si="10"/>
        <v>93.952590000000328</v>
      </c>
      <c r="F213">
        <f t="shared" si="11"/>
        <v>4.0827045819759072E-2</v>
      </c>
    </row>
    <row r="214" spans="1:6" x14ac:dyDescent="0.2">
      <c r="A214">
        <v>2178.3031409999999</v>
      </c>
      <c r="B214">
        <v>20.044053000000002</v>
      </c>
      <c r="C214">
        <v>7.1417469999999996</v>
      </c>
      <c r="D214">
        <f t="shared" si="12"/>
        <v>1.0610169999999997</v>
      </c>
      <c r="E214">
        <f t="shared" si="10"/>
        <v>93.081537000000026</v>
      </c>
      <c r="F214">
        <f t="shared" si="11"/>
        <v>4.0273825669288887E-2</v>
      </c>
    </row>
    <row r="215" spans="1:6" x14ac:dyDescent="0.2">
      <c r="A215">
        <v>2177.6366779999998</v>
      </c>
      <c r="B215">
        <v>20.006695000000001</v>
      </c>
      <c r="C215">
        <v>7.1467520000000002</v>
      </c>
      <c r="D215">
        <f t="shared" si="12"/>
        <v>1.0660220000000002</v>
      </c>
      <c r="E215">
        <f t="shared" si="10"/>
        <v>92.415074000000004</v>
      </c>
      <c r="F215">
        <f t="shared" si="11"/>
        <v>3.9809912710363597E-2</v>
      </c>
    </row>
    <row r="216" spans="1:6" x14ac:dyDescent="0.2">
      <c r="A216">
        <v>2177.6866639999998</v>
      </c>
      <c r="B216">
        <v>19.993203000000001</v>
      </c>
      <c r="C216">
        <v>7.1517569999999999</v>
      </c>
      <c r="D216">
        <f t="shared" si="12"/>
        <v>1.071027</v>
      </c>
      <c r="E216">
        <f t="shared" si="10"/>
        <v>92.465059999999994</v>
      </c>
      <c r="F216">
        <f t="shared" si="11"/>
        <v>3.9644399597225551E-2</v>
      </c>
    </row>
    <row r="217" spans="1:6" x14ac:dyDescent="0.2">
      <c r="A217">
        <v>2178.3203140000001</v>
      </c>
      <c r="B217">
        <v>19.955659000000001</v>
      </c>
      <c r="C217">
        <v>7.1567619999999996</v>
      </c>
      <c r="D217">
        <f t="shared" si="12"/>
        <v>1.0760319999999997</v>
      </c>
      <c r="E217">
        <f t="shared" si="10"/>
        <v>93.09871000000021</v>
      </c>
      <c r="F217">
        <f t="shared" si="11"/>
        <v>3.9718856327420511E-2</v>
      </c>
    </row>
    <row r="218" spans="1:6" x14ac:dyDescent="0.2">
      <c r="A218">
        <v>2179.359469</v>
      </c>
      <c r="B218">
        <v>19.958973</v>
      </c>
      <c r="C218">
        <v>7.1617660000000001</v>
      </c>
      <c r="D218">
        <f t="shared" si="12"/>
        <v>1.0810360000000001</v>
      </c>
      <c r="E218">
        <f t="shared" si="10"/>
        <v>94.137865000000147</v>
      </c>
      <c r="F218">
        <f t="shared" si="11"/>
        <v>3.9957224885520892E-2</v>
      </c>
    </row>
    <row r="219" spans="1:6" x14ac:dyDescent="0.2">
      <c r="A219">
        <v>2180.5437400000001</v>
      </c>
      <c r="B219">
        <v>19.961707000000001</v>
      </c>
      <c r="C219">
        <v>7.1667709999999998</v>
      </c>
      <c r="D219">
        <f t="shared" si="12"/>
        <v>1.0860409999999998</v>
      </c>
      <c r="E219">
        <f t="shared" si="10"/>
        <v>95.322136000000228</v>
      </c>
      <c r="F219">
        <f t="shared" si="11"/>
        <v>4.0251562338200708E-2</v>
      </c>
    </row>
    <row r="220" spans="1:6" x14ac:dyDescent="0.2">
      <c r="A220">
        <v>2181.0698969999999</v>
      </c>
      <c r="B220">
        <v>19.997707999999999</v>
      </c>
      <c r="C220">
        <v>7.1717760000000004</v>
      </c>
      <c r="D220">
        <f t="shared" si="12"/>
        <v>1.0910460000000004</v>
      </c>
      <c r="E220">
        <f t="shared" si="10"/>
        <v>95.848293000000012</v>
      </c>
      <c r="F220">
        <f t="shared" si="11"/>
        <v>4.0278356143982008E-2</v>
      </c>
    </row>
    <row r="221" spans="1:6" x14ac:dyDescent="0.2">
      <c r="A221">
        <v>2180.9954149999999</v>
      </c>
      <c r="B221">
        <v>19.995867000000001</v>
      </c>
      <c r="C221">
        <v>7.1767810000000001</v>
      </c>
      <c r="D221">
        <f t="shared" si="12"/>
        <v>1.0960510000000001</v>
      </c>
      <c r="E221">
        <f t="shared" si="10"/>
        <v>95.773811000000023</v>
      </c>
      <c r="F221">
        <f t="shared" si="11"/>
        <v>4.0064640839154141E-2</v>
      </c>
    </row>
    <row r="222" spans="1:6" x14ac:dyDescent="0.2">
      <c r="A222">
        <v>2180.9518029999999</v>
      </c>
      <c r="B222">
        <v>20.010985999999999</v>
      </c>
      <c r="C222">
        <v>7.1817859999999998</v>
      </c>
      <c r="D222">
        <f t="shared" si="12"/>
        <v>1.1010559999999998</v>
      </c>
      <c r="E222">
        <f t="shared" si="10"/>
        <v>95.730199000000084</v>
      </c>
      <c r="F222">
        <f t="shared" si="11"/>
        <v>3.9865157629277344E-2</v>
      </c>
    </row>
    <row r="223" spans="1:6" x14ac:dyDescent="0.2">
      <c r="A223">
        <v>2181.5112669999999</v>
      </c>
      <c r="B223">
        <v>19.955817</v>
      </c>
      <c r="C223">
        <v>7.1867900000000002</v>
      </c>
      <c r="D223">
        <f t="shared" si="12"/>
        <v>1.1060600000000003</v>
      </c>
      <c r="E223">
        <f t="shared" si="10"/>
        <v>96.289663000000019</v>
      </c>
      <c r="F223">
        <f t="shared" si="11"/>
        <v>3.9906488984456354E-2</v>
      </c>
    </row>
    <row r="224" spans="1:6" x14ac:dyDescent="0.2">
      <c r="A224">
        <v>2182.2707879999998</v>
      </c>
      <c r="B224">
        <v>19.975172000000001</v>
      </c>
      <c r="C224">
        <v>7.1917949999999999</v>
      </c>
      <c r="D224">
        <f t="shared" si="12"/>
        <v>1.111065</v>
      </c>
      <c r="E224">
        <f t="shared" si="10"/>
        <v>97.049183999999968</v>
      </c>
      <c r="F224">
        <f t="shared" si="11"/>
        <v>4.0026146625694231E-2</v>
      </c>
    </row>
    <row r="225" spans="1:6" x14ac:dyDescent="0.2">
      <c r="A225">
        <v>2182.62943</v>
      </c>
      <c r="B225">
        <v>19.993528999999999</v>
      </c>
      <c r="C225">
        <v>7.1967999999999996</v>
      </c>
      <c r="D225">
        <f t="shared" si="12"/>
        <v>1.1160699999999997</v>
      </c>
      <c r="E225">
        <f t="shared" si="10"/>
        <v>97.407826000000114</v>
      </c>
      <c r="F225">
        <f t="shared" si="11"/>
        <v>3.9987330241043534E-2</v>
      </c>
    </row>
    <row r="226" spans="1:6" x14ac:dyDescent="0.2">
      <c r="A226">
        <v>2182.7723289999999</v>
      </c>
      <c r="B226">
        <v>19.988997999999999</v>
      </c>
      <c r="C226">
        <v>7.2018050000000002</v>
      </c>
      <c r="D226">
        <f t="shared" si="12"/>
        <v>1.1210750000000003</v>
      </c>
      <c r="E226">
        <f t="shared" si="10"/>
        <v>97.550725000000057</v>
      </c>
      <c r="F226">
        <f t="shared" si="11"/>
        <v>3.9864598456194139E-2</v>
      </c>
    </row>
    <row r="227" spans="1:6" x14ac:dyDescent="0.2">
      <c r="A227">
        <v>2183.1896769999998</v>
      </c>
      <c r="B227">
        <v>19.994681</v>
      </c>
      <c r="C227">
        <v>7.2068099999999999</v>
      </c>
      <c r="D227">
        <f t="shared" si="12"/>
        <v>1.12608</v>
      </c>
      <c r="E227">
        <f t="shared" si="10"/>
        <v>97.968073000000004</v>
      </c>
      <c r="F227">
        <f t="shared" si="11"/>
        <v>3.984958944624778E-2</v>
      </c>
    </row>
    <row r="228" spans="1:6" x14ac:dyDescent="0.2">
      <c r="A228">
        <v>2183.284122</v>
      </c>
      <c r="B228">
        <v>19.997098999999999</v>
      </c>
      <c r="C228">
        <v>7.2118140000000004</v>
      </c>
      <c r="D228">
        <f t="shared" si="12"/>
        <v>1.1310840000000004</v>
      </c>
      <c r="E228">
        <f t="shared" si="10"/>
        <v>98.062518000000182</v>
      </c>
      <c r="F228">
        <f t="shared" si="11"/>
        <v>3.9709820622009666E-2</v>
      </c>
    </row>
    <row r="229" spans="1:6" x14ac:dyDescent="0.2">
      <c r="A229">
        <v>2182.9197519999998</v>
      </c>
      <c r="B229">
        <v>20.017472999999999</v>
      </c>
      <c r="C229">
        <v>7.2168190000000001</v>
      </c>
      <c r="D229">
        <f t="shared" si="12"/>
        <v>1.1360890000000001</v>
      </c>
      <c r="E229">
        <f t="shared" si="10"/>
        <v>97.698147999999946</v>
      </c>
      <c r="F229">
        <f t="shared" si="11"/>
        <v>3.9394555603759825E-2</v>
      </c>
    </row>
    <row r="230" spans="1:6" x14ac:dyDescent="0.2">
      <c r="A230">
        <v>2182.3503249999999</v>
      </c>
      <c r="B230">
        <v>19.993590000000001</v>
      </c>
      <c r="C230">
        <v>7.2218239999999998</v>
      </c>
      <c r="D230">
        <f t="shared" si="12"/>
        <v>1.1410939999999998</v>
      </c>
      <c r="E230">
        <f t="shared" si="10"/>
        <v>97.128721000000041</v>
      </c>
      <c r="F230">
        <f t="shared" si="11"/>
        <v>3.9003338353676587E-2</v>
      </c>
    </row>
    <row r="231" spans="1:6" x14ac:dyDescent="0.2">
      <c r="A231">
        <v>2182.1057070000002</v>
      </c>
      <c r="B231">
        <v>19.998484000000001</v>
      </c>
      <c r="C231">
        <v>7.2268290000000004</v>
      </c>
      <c r="D231">
        <f t="shared" si="12"/>
        <v>1.1460990000000004</v>
      </c>
      <c r="E231">
        <f t="shared" si="10"/>
        <v>96.884103000000323</v>
      </c>
      <c r="F231">
        <f t="shared" si="11"/>
        <v>3.8739552884627791E-2</v>
      </c>
    </row>
    <row r="232" spans="1:6" x14ac:dyDescent="0.2">
      <c r="A232">
        <v>2182.292101</v>
      </c>
      <c r="B232">
        <v>20.001836000000001</v>
      </c>
      <c r="C232">
        <v>7.2318340000000001</v>
      </c>
      <c r="D232">
        <f t="shared" si="12"/>
        <v>1.1511040000000001</v>
      </c>
      <c r="E232">
        <f t="shared" si="10"/>
        <v>97.070497000000159</v>
      </c>
      <c r="F232">
        <f t="shared" si="11"/>
        <v>3.8642018977008648E-2</v>
      </c>
    </row>
    <row r="233" spans="1:6" x14ac:dyDescent="0.2">
      <c r="A233">
        <v>2182.7530019999999</v>
      </c>
      <c r="B233">
        <v>19.991866000000002</v>
      </c>
      <c r="C233">
        <v>7.2368379999999997</v>
      </c>
      <c r="D233">
        <f t="shared" si="12"/>
        <v>1.1561079999999997</v>
      </c>
      <c r="E233">
        <f t="shared" si="10"/>
        <v>97.531398000000081</v>
      </c>
      <c r="F233">
        <f t="shared" si="11"/>
        <v>3.8649283643184623E-2</v>
      </c>
    </row>
    <row r="234" spans="1:6" x14ac:dyDescent="0.2">
      <c r="A234">
        <v>2182.9364919999998</v>
      </c>
      <c r="B234">
        <v>19.975486</v>
      </c>
      <c r="C234">
        <v>7.2418430000000003</v>
      </c>
      <c r="D234">
        <f t="shared" si="12"/>
        <v>1.1611130000000003</v>
      </c>
      <c r="E234">
        <f t="shared" si="10"/>
        <v>97.714887999999974</v>
      </c>
      <c r="F234">
        <f t="shared" si="11"/>
        <v>3.8551843479809382E-2</v>
      </c>
    </row>
    <row r="235" spans="1:6" x14ac:dyDescent="0.2">
      <c r="A235">
        <v>2183.1714929999998</v>
      </c>
      <c r="B235">
        <v>19.989260999999999</v>
      </c>
      <c r="C235">
        <v>7.246848</v>
      </c>
      <c r="D235">
        <f t="shared" si="12"/>
        <v>1.166118</v>
      </c>
      <c r="E235">
        <f t="shared" si="10"/>
        <v>97.949888999999985</v>
      </c>
      <c r="F235">
        <f t="shared" si="11"/>
        <v>3.8474554271693752E-2</v>
      </c>
    </row>
    <row r="236" spans="1:6" x14ac:dyDescent="0.2">
      <c r="A236">
        <v>2183.4139650000002</v>
      </c>
      <c r="B236">
        <v>20.007626999999999</v>
      </c>
      <c r="C236">
        <v>7.2518529999999997</v>
      </c>
      <c r="D236">
        <f t="shared" si="12"/>
        <v>1.1711229999999997</v>
      </c>
      <c r="E236">
        <f t="shared" si="10"/>
        <v>98.192361000000346</v>
      </c>
      <c r="F236">
        <f t="shared" si="11"/>
        <v>3.8400697125967512E-2</v>
      </c>
    </row>
    <row r="237" spans="1:6" x14ac:dyDescent="0.2">
      <c r="A237">
        <v>2183.224502</v>
      </c>
      <c r="B237">
        <v>20.002839000000002</v>
      </c>
      <c r="C237">
        <v>7.2568580000000003</v>
      </c>
      <c r="D237">
        <f t="shared" si="12"/>
        <v>1.1761280000000003</v>
      </c>
      <c r="E237">
        <f t="shared" si="10"/>
        <v>98.002898000000187</v>
      </c>
      <c r="F237">
        <f t="shared" si="11"/>
        <v>3.8166816086422944E-2</v>
      </c>
    </row>
    <row r="238" spans="1:6" x14ac:dyDescent="0.2">
      <c r="A238">
        <v>2182.4895059999999</v>
      </c>
      <c r="B238">
        <v>20.049364000000001</v>
      </c>
      <c r="C238">
        <v>7.2618619999999998</v>
      </c>
      <c r="D238">
        <f t="shared" si="12"/>
        <v>1.1811319999999998</v>
      </c>
      <c r="E238">
        <f t="shared" si="10"/>
        <v>97.267902000000049</v>
      </c>
      <c r="F238">
        <f t="shared" si="11"/>
        <v>3.7732792603067826E-2</v>
      </c>
    </row>
    <row r="239" spans="1:6" x14ac:dyDescent="0.2">
      <c r="A239">
        <v>2181.4392739999998</v>
      </c>
      <c r="B239">
        <v>20.018265</v>
      </c>
      <c r="C239">
        <v>7.2668670000000004</v>
      </c>
      <c r="D239">
        <f t="shared" si="12"/>
        <v>1.1861370000000004</v>
      </c>
      <c r="E239">
        <f t="shared" si="10"/>
        <v>96.217669999999998</v>
      </c>
      <c r="F239">
        <f t="shared" si="11"/>
        <v>3.7185776500082535E-2</v>
      </c>
    </row>
    <row r="240" spans="1:6" x14ac:dyDescent="0.2">
      <c r="A240">
        <v>2180.3816769999999</v>
      </c>
      <c r="B240">
        <v>20.019117999999999</v>
      </c>
      <c r="C240">
        <v>7.2718720000000001</v>
      </c>
      <c r="D240">
        <f t="shared" si="12"/>
        <v>1.1911420000000001</v>
      </c>
      <c r="E240">
        <f t="shared" si="10"/>
        <v>95.160073000000011</v>
      </c>
      <c r="F240">
        <f t="shared" si="11"/>
        <v>3.6640273309142483E-2</v>
      </c>
    </row>
    <row r="241" spans="1:6" x14ac:dyDescent="0.2">
      <c r="A241">
        <v>2179.2645750000001</v>
      </c>
      <c r="B241">
        <v>20.036956</v>
      </c>
      <c r="C241">
        <v>7.2768769999999998</v>
      </c>
      <c r="D241">
        <f t="shared" si="12"/>
        <v>1.1961469999999998</v>
      </c>
      <c r="E241">
        <f t="shared" si="10"/>
        <v>94.042971000000307</v>
      </c>
      <c r="F241">
        <f t="shared" si="11"/>
        <v>3.6077117116622037E-2</v>
      </c>
    </row>
    <row r="242" spans="1:6" x14ac:dyDescent="0.2">
      <c r="A242">
        <v>2178.8003549999999</v>
      </c>
      <c r="B242">
        <v>19.987871999999999</v>
      </c>
      <c r="C242">
        <v>7.2818820000000004</v>
      </c>
      <c r="D242">
        <f t="shared" si="12"/>
        <v>1.2011520000000004</v>
      </c>
      <c r="E242">
        <f t="shared" si="10"/>
        <v>93.578751000000011</v>
      </c>
      <c r="F242">
        <f t="shared" si="11"/>
        <v>3.5757062880941735E-2</v>
      </c>
    </row>
    <row r="243" spans="1:6" x14ac:dyDescent="0.2">
      <c r="A243">
        <v>2179.4879380000002</v>
      </c>
      <c r="B243">
        <v>19.956699</v>
      </c>
      <c r="C243">
        <v>7.286886</v>
      </c>
      <c r="D243">
        <f t="shared" si="12"/>
        <v>1.206156</v>
      </c>
      <c r="E243">
        <f t="shared" si="10"/>
        <v>94.26633400000037</v>
      </c>
      <c r="F243">
        <f t="shared" si="11"/>
        <v>3.5859040636546977E-2</v>
      </c>
    </row>
    <row r="244" spans="1:6" x14ac:dyDescent="0.2">
      <c r="A244">
        <v>2180.8382029999998</v>
      </c>
      <c r="B244">
        <v>19.955438000000001</v>
      </c>
      <c r="C244">
        <v>7.2918909999999997</v>
      </c>
      <c r="D244">
        <f t="shared" si="12"/>
        <v>1.2111609999999997</v>
      </c>
      <c r="E244">
        <f t="shared" si="10"/>
        <v>95.616598999999951</v>
      </c>
      <c r="F244">
        <f t="shared" si="11"/>
        <v>3.6199949771078696E-2</v>
      </c>
    </row>
    <row r="245" spans="1:6" x14ac:dyDescent="0.2">
      <c r="A245">
        <v>2181.7087660000002</v>
      </c>
      <c r="B245">
        <v>19.978299</v>
      </c>
      <c r="C245">
        <v>7.2968960000000003</v>
      </c>
      <c r="D245">
        <f t="shared" si="12"/>
        <v>1.2161660000000003</v>
      </c>
      <c r="E245">
        <f t="shared" si="10"/>
        <v>96.487162000000353</v>
      </c>
      <c r="F245">
        <f t="shared" si="11"/>
        <v>3.636469071185168E-2</v>
      </c>
    </row>
    <row r="246" spans="1:6" x14ac:dyDescent="0.2">
      <c r="A246">
        <v>2182.780123</v>
      </c>
      <c r="B246">
        <v>19.938801999999999</v>
      </c>
      <c r="C246">
        <v>7.301901</v>
      </c>
      <c r="D246">
        <f t="shared" si="12"/>
        <v>1.221171</v>
      </c>
      <c r="E246">
        <f t="shared" si="10"/>
        <v>97.55851900000016</v>
      </c>
      <c r="F246">
        <f t="shared" si="11"/>
        <v>3.6599801184440096E-2</v>
      </c>
    </row>
    <row r="247" spans="1:6" x14ac:dyDescent="0.2">
      <c r="A247">
        <v>2184.1484580000001</v>
      </c>
      <c r="B247">
        <v>19.955469000000001</v>
      </c>
      <c r="C247">
        <v>7.3069059999999997</v>
      </c>
      <c r="D247">
        <f t="shared" si="12"/>
        <v>1.2261759999999997</v>
      </c>
      <c r="E247">
        <f t="shared" si="10"/>
        <v>98.926854000000276</v>
      </c>
      <c r="F247">
        <f t="shared" si="11"/>
        <v>3.6938498030078329E-2</v>
      </c>
    </row>
    <row r="248" spans="1:6" x14ac:dyDescent="0.2">
      <c r="A248">
        <v>2185.4020059999998</v>
      </c>
      <c r="B248">
        <v>19.970227000000001</v>
      </c>
      <c r="C248">
        <v>7.3119100000000001</v>
      </c>
      <c r="D248">
        <f t="shared" si="12"/>
        <v>1.2311800000000002</v>
      </c>
      <c r="E248">
        <f t="shared" si="10"/>
        <v>100.18040199999996</v>
      </c>
      <c r="F248">
        <f t="shared" si="11"/>
        <v>3.7233158639836415E-2</v>
      </c>
    </row>
    <row r="249" spans="1:6" x14ac:dyDescent="0.2">
      <c r="A249">
        <v>2186.0161950000002</v>
      </c>
      <c r="B249">
        <v>19.998739</v>
      </c>
      <c r="C249">
        <v>7.3169149999999998</v>
      </c>
      <c r="D249">
        <f t="shared" si="12"/>
        <v>1.2361849999999999</v>
      </c>
      <c r="E249">
        <f t="shared" si="10"/>
        <v>100.79459100000031</v>
      </c>
      <c r="F249">
        <f t="shared" si="11"/>
        <v>3.7299274312706403E-2</v>
      </c>
    </row>
    <row r="250" spans="1:6" x14ac:dyDescent="0.2">
      <c r="A250">
        <v>2186.3014760000001</v>
      </c>
      <c r="B250">
        <v>19.984185</v>
      </c>
      <c r="C250">
        <v>7.3219200000000004</v>
      </c>
      <c r="D250">
        <f t="shared" si="12"/>
        <v>1.2411900000000005</v>
      </c>
      <c r="E250">
        <f t="shared" si="10"/>
        <v>101.07987200000025</v>
      </c>
      <c r="F250">
        <f t="shared" si="11"/>
        <v>3.7249150043514812E-2</v>
      </c>
    </row>
    <row r="251" spans="1:6" x14ac:dyDescent="0.2">
      <c r="A251">
        <v>2186.2363740000001</v>
      </c>
      <c r="B251">
        <v>20.010505999999999</v>
      </c>
      <c r="C251">
        <v>7.3269250000000001</v>
      </c>
      <c r="D251">
        <f t="shared" si="12"/>
        <v>1.2461950000000002</v>
      </c>
      <c r="E251">
        <f t="shared" si="10"/>
        <v>101.01477000000023</v>
      </c>
      <c r="F251">
        <f t="shared" si="11"/>
        <v>3.7076758586268577E-2</v>
      </c>
    </row>
    <row r="252" spans="1:6" x14ac:dyDescent="0.2">
      <c r="A252">
        <v>2185.6400950000002</v>
      </c>
      <c r="B252">
        <v>20.016233</v>
      </c>
      <c r="C252">
        <v>7.3319299999999998</v>
      </c>
      <c r="D252">
        <f t="shared" si="12"/>
        <v>1.2511999999999999</v>
      </c>
      <c r="E252">
        <f t="shared" si="10"/>
        <v>100.41849100000036</v>
      </c>
      <c r="F252">
        <f t="shared" si="11"/>
        <v>3.6720476325472248E-2</v>
      </c>
    </row>
    <row r="253" spans="1:6" x14ac:dyDescent="0.2">
      <c r="A253">
        <v>2185.1399350000002</v>
      </c>
      <c r="B253">
        <v>20.009149000000001</v>
      </c>
      <c r="C253">
        <v>7.3369340000000003</v>
      </c>
      <c r="D253">
        <f t="shared" si="12"/>
        <v>1.2562040000000003</v>
      </c>
      <c r="E253">
        <f t="shared" si="10"/>
        <v>99.918331000000308</v>
      </c>
      <c r="F253">
        <f t="shared" si="11"/>
        <v>3.6400365547303359E-2</v>
      </c>
    </row>
    <row r="254" spans="1:6" x14ac:dyDescent="0.2">
      <c r="A254">
        <v>2185.0148909999998</v>
      </c>
      <c r="B254">
        <v>19.991</v>
      </c>
      <c r="C254">
        <v>7.341939</v>
      </c>
      <c r="D254">
        <f t="shared" si="12"/>
        <v>1.261209</v>
      </c>
      <c r="E254">
        <f t="shared" si="10"/>
        <v>99.793286999999964</v>
      </c>
      <c r="F254">
        <f t="shared" si="11"/>
        <v>3.621261316710099E-2</v>
      </c>
    </row>
    <row r="255" spans="1:6" x14ac:dyDescent="0.2">
      <c r="A255">
        <v>2184.5394190000002</v>
      </c>
      <c r="B255">
        <v>20.031652000000001</v>
      </c>
      <c r="C255">
        <v>7.3469439999999997</v>
      </c>
      <c r="D255">
        <f t="shared" si="12"/>
        <v>1.2662139999999997</v>
      </c>
      <c r="E255">
        <f t="shared" si="10"/>
        <v>99.317815000000337</v>
      </c>
      <c r="F255">
        <f t="shared" si="11"/>
        <v>3.5905432275768923E-2</v>
      </c>
    </row>
    <row r="256" spans="1:6" x14ac:dyDescent="0.2">
      <c r="A256">
        <v>2184.2509639999998</v>
      </c>
      <c r="B256">
        <v>20.008134999999999</v>
      </c>
      <c r="C256">
        <v>7.3519490000000003</v>
      </c>
      <c r="D256">
        <f t="shared" si="12"/>
        <v>1.2712190000000003</v>
      </c>
      <c r="E256">
        <f t="shared" si="10"/>
        <v>99.029359999999997</v>
      </c>
      <c r="F256">
        <f t="shared" si="11"/>
        <v>3.5664904129789628E-2</v>
      </c>
    </row>
    <row r="257" spans="1:6" x14ac:dyDescent="0.2">
      <c r="A257">
        <v>2183.5948250000001</v>
      </c>
      <c r="B257">
        <v>20.015270000000001</v>
      </c>
      <c r="C257">
        <v>7.356954</v>
      </c>
      <c r="D257">
        <f t="shared" si="12"/>
        <v>1.276224</v>
      </c>
      <c r="E257">
        <f t="shared" si="10"/>
        <v>98.373221000000285</v>
      </c>
      <c r="F257">
        <f t="shared" si="11"/>
        <v>3.5300261915811107E-2</v>
      </c>
    </row>
    <row r="258" spans="1:6" x14ac:dyDescent="0.2">
      <c r="A258">
        <v>2183.0456349999999</v>
      </c>
      <c r="B258">
        <v>20.008761</v>
      </c>
      <c r="C258">
        <v>7.3619579999999996</v>
      </c>
      <c r="D258">
        <f t="shared" si="12"/>
        <v>1.2812279999999996</v>
      </c>
      <c r="E258">
        <f t="shared" si="10"/>
        <v>97.824031000000105</v>
      </c>
      <c r="F258">
        <f t="shared" si="11"/>
        <v>3.4974886924589221E-2</v>
      </c>
    </row>
    <row r="259" spans="1:6" x14ac:dyDescent="0.2">
      <c r="A259">
        <v>2182.8297819999998</v>
      </c>
      <c r="B259">
        <v>20.006634999999999</v>
      </c>
      <c r="C259">
        <v>7.3669630000000002</v>
      </c>
      <c r="D259">
        <f t="shared" si="12"/>
        <v>1.2862330000000002</v>
      </c>
      <c r="E259">
        <f t="shared" ref="E259:E322" si="13">A259-$A$2</f>
        <v>97.608177999999953</v>
      </c>
      <c r="F259">
        <f t="shared" ref="F259:F322" si="14">(1/A259)*(E259/D259)</f>
        <v>3.4765356544626994E-2</v>
      </c>
    </row>
    <row r="260" spans="1:6" x14ac:dyDescent="0.2">
      <c r="A260">
        <v>2182.8382270000002</v>
      </c>
      <c r="B260">
        <v>19.991216000000001</v>
      </c>
      <c r="C260">
        <v>7.3719679999999999</v>
      </c>
      <c r="D260">
        <f t="shared" si="12"/>
        <v>1.2912379999999999</v>
      </c>
      <c r="E260">
        <f t="shared" si="13"/>
        <v>97.616623000000345</v>
      </c>
      <c r="F260">
        <f t="shared" si="14"/>
        <v>3.4633463901601956E-2</v>
      </c>
    </row>
    <row r="261" spans="1:6" x14ac:dyDescent="0.2">
      <c r="A261">
        <v>2182.9437010000001</v>
      </c>
      <c r="B261">
        <v>19.992525000000001</v>
      </c>
      <c r="C261">
        <v>7.3769729999999996</v>
      </c>
      <c r="D261">
        <f t="shared" si="12"/>
        <v>1.2962429999999996</v>
      </c>
      <c r="E261">
        <f t="shared" si="13"/>
        <v>97.722097000000304</v>
      </c>
      <c r="F261">
        <f t="shared" si="14"/>
        <v>3.4535346561818968E-2</v>
      </c>
    </row>
    <row r="262" spans="1:6" x14ac:dyDescent="0.2">
      <c r="A262">
        <v>2183.1419310000001</v>
      </c>
      <c r="B262">
        <v>19.986906000000001</v>
      </c>
      <c r="C262">
        <v>7.3819780000000002</v>
      </c>
      <c r="D262">
        <f t="shared" si="12"/>
        <v>1.3012480000000002</v>
      </c>
      <c r="E262">
        <f t="shared" si="13"/>
        <v>97.92032700000027</v>
      </c>
      <c r="F262">
        <f t="shared" si="14"/>
        <v>3.4469168655080783E-2</v>
      </c>
    </row>
    <row r="263" spans="1:6" x14ac:dyDescent="0.2">
      <c r="A263">
        <v>2183.0887120000002</v>
      </c>
      <c r="B263">
        <v>19.985768</v>
      </c>
      <c r="C263">
        <v>7.3869819999999997</v>
      </c>
      <c r="D263">
        <f t="shared" ref="D263:D326" si="15">C263-$C$2</f>
        <v>1.3062519999999997</v>
      </c>
      <c r="E263">
        <f t="shared" si="13"/>
        <v>97.867108000000371</v>
      </c>
      <c r="F263">
        <f t="shared" si="14"/>
        <v>3.4319298532180693E-2</v>
      </c>
    </row>
    <row r="264" spans="1:6" x14ac:dyDescent="0.2">
      <c r="A264">
        <v>2182.8885110000001</v>
      </c>
      <c r="B264">
        <v>20.023427999999999</v>
      </c>
      <c r="C264">
        <v>7.3919870000000003</v>
      </c>
      <c r="D264">
        <f t="shared" si="15"/>
        <v>1.3112570000000003</v>
      </c>
      <c r="E264">
        <f t="shared" si="13"/>
        <v>97.666907000000265</v>
      </c>
      <c r="F264">
        <f t="shared" si="14"/>
        <v>3.4121495667262393E-2</v>
      </c>
    </row>
    <row r="265" spans="1:6" x14ac:dyDescent="0.2">
      <c r="A265">
        <v>2182.8980379999998</v>
      </c>
      <c r="B265">
        <v>19.969125999999999</v>
      </c>
      <c r="C265">
        <v>7.396992</v>
      </c>
      <c r="D265">
        <f t="shared" si="15"/>
        <v>1.316262</v>
      </c>
      <c r="E265">
        <f t="shared" si="13"/>
        <v>97.676433999999972</v>
      </c>
      <c r="F265">
        <f t="shared" si="14"/>
        <v>3.3994918302263165E-2</v>
      </c>
    </row>
    <row r="266" spans="1:6" x14ac:dyDescent="0.2">
      <c r="A266">
        <v>2183.221407</v>
      </c>
      <c r="B266">
        <v>19.998508999999999</v>
      </c>
      <c r="C266">
        <v>7.4019969999999997</v>
      </c>
      <c r="D266">
        <f t="shared" si="15"/>
        <v>1.3212669999999997</v>
      </c>
      <c r="E266">
        <f t="shared" si="13"/>
        <v>97.999803000000156</v>
      </c>
      <c r="F266">
        <f t="shared" si="14"/>
        <v>3.3973229541223303E-2</v>
      </c>
    </row>
    <row r="267" spans="1:6" x14ac:dyDescent="0.2">
      <c r="A267">
        <v>2183.8808020000001</v>
      </c>
      <c r="B267">
        <v>19.980575999999999</v>
      </c>
      <c r="C267">
        <v>7.4070020000000003</v>
      </c>
      <c r="D267">
        <f t="shared" si="15"/>
        <v>1.3262720000000003</v>
      </c>
      <c r="E267">
        <f t="shared" si="13"/>
        <v>98.659198000000288</v>
      </c>
      <c r="F267">
        <f t="shared" si="14"/>
        <v>3.4062463108090149E-2</v>
      </c>
    </row>
    <row r="268" spans="1:6" x14ac:dyDescent="0.2">
      <c r="A268">
        <v>2184.2123150000002</v>
      </c>
      <c r="B268">
        <v>19.981237</v>
      </c>
      <c r="C268">
        <v>7.4120059999999999</v>
      </c>
      <c r="D268">
        <f t="shared" si="15"/>
        <v>1.3312759999999999</v>
      </c>
      <c r="E268">
        <f t="shared" si="13"/>
        <v>98.990711000000374</v>
      </c>
      <c r="F268">
        <f t="shared" si="14"/>
        <v>3.4043287263912765E-2</v>
      </c>
    </row>
    <row r="269" spans="1:6" x14ac:dyDescent="0.2">
      <c r="A269">
        <v>2184.6972270000001</v>
      </c>
      <c r="B269">
        <v>19.975808000000001</v>
      </c>
      <c r="C269">
        <v>7.4170109999999996</v>
      </c>
      <c r="D269">
        <f t="shared" si="15"/>
        <v>1.3362809999999996</v>
      </c>
      <c r="E269">
        <f t="shared" si="13"/>
        <v>99.475623000000269</v>
      </c>
      <c r="F269">
        <f t="shared" si="14"/>
        <v>3.4074352894088347E-2</v>
      </c>
    </row>
    <row r="270" spans="1:6" x14ac:dyDescent="0.2">
      <c r="A270">
        <v>2185.273455</v>
      </c>
      <c r="B270">
        <v>19.988296999999999</v>
      </c>
      <c r="C270">
        <v>7.4220160000000002</v>
      </c>
      <c r="D270">
        <f t="shared" si="15"/>
        <v>1.3412860000000002</v>
      </c>
      <c r="E270">
        <f t="shared" si="13"/>
        <v>100.05185100000017</v>
      </c>
      <c r="F270">
        <f t="shared" si="14"/>
        <v>3.4134845838329098E-2</v>
      </c>
    </row>
    <row r="271" spans="1:6" x14ac:dyDescent="0.2">
      <c r="A271">
        <v>2185.9617710000002</v>
      </c>
      <c r="B271">
        <v>19.979142</v>
      </c>
      <c r="C271">
        <v>7.4270209999999999</v>
      </c>
      <c r="D271">
        <f t="shared" si="15"/>
        <v>1.3462909999999999</v>
      </c>
      <c r="E271">
        <f t="shared" si="13"/>
        <v>100.74016700000038</v>
      </c>
      <c r="F271">
        <f t="shared" si="14"/>
        <v>3.4231124132318762E-2</v>
      </c>
    </row>
    <row r="272" spans="1:6" x14ac:dyDescent="0.2">
      <c r="A272">
        <v>2186.0516579999999</v>
      </c>
      <c r="B272">
        <v>19.993400000000001</v>
      </c>
      <c r="C272">
        <v>7.4320259999999996</v>
      </c>
      <c r="D272">
        <f t="shared" si="15"/>
        <v>1.3512959999999996</v>
      </c>
      <c r="E272">
        <f t="shared" si="13"/>
        <v>100.83005400000002</v>
      </c>
      <c r="F272">
        <f t="shared" si="14"/>
        <v>3.4133363688542737E-2</v>
      </c>
    </row>
    <row r="273" spans="1:6" x14ac:dyDescent="0.2">
      <c r="A273">
        <v>2186.4619969999999</v>
      </c>
      <c r="B273">
        <v>19.967379000000001</v>
      </c>
      <c r="C273">
        <v>7.43703</v>
      </c>
      <c r="D273">
        <f t="shared" si="15"/>
        <v>1.3563000000000001</v>
      </c>
      <c r="E273">
        <f t="shared" si="13"/>
        <v>101.24039300000004</v>
      </c>
      <c r="F273">
        <f t="shared" si="14"/>
        <v>3.4139419119913229E-2</v>
      </c>
    </row>
    <row r="274" spans="1:6" x14ac:dyDescent="0.2">
      <c r="A274">
        <v>2187.9562460000002</v>
      </c>
      <c r="B274">
        <v>19.945164999999999</v>
      </c>
      <c r="C274">
        <v>7.4420349999999997</v>
      </c>
      <c r="D274">
        <f t="shared" si="15"/>
        <v>1.3613049999999998</v>
      </c>
      <c r="E274">
        <f t="shared" si="13"/>
        <v>102.73464200000035</v>
      </c>
      <c r="F274">
        <f t="shared" si="14"/>
        <v>3.4492354370454344E-2</v>
      </c>
    </row>
    <row r="275" spans="1:6" x14ac:dyDescent="0.2">
      <c r="A275">
        <v>2189.3025320000002</v>
      </c>
      <c r="B275">
        <v>19.960284000000001</v>
      </c>
      <c r="C275">
        <v>7.4470400000000003</v>
      </c>
      <c r="D275">
        <f t="shared" si="15"/>
        <v>1.3663100000000004</v>
      </c>
      <c r="E275">
        <f t="shared" si="13"/>
        <v>104.08092800000031</v>
      </c>
      <c r="F275">
        <f t="shared" si="14"/>
        <v>3.4794943011024988E-2</v>
      </c>
    </row>
    <row r="276" spans="1:6" x14ac:dyDescent="0.2">
      <c r="A276">
        <v>2189.7387100000001</v>
      </c>
      <c r="B276">
        <v>19.995232000000001</v>
      </c>
      <c r="C276">
        <v>7.452045</v>
      </c>
      <c r="D276">
        <f t="shared" si="15"/>
        <v>1.3713150000000001</v>
      </c>
      <c r="E276">
        <f t="shared" si="13"/>
        <v>104.51710600000024</v>
      </c>
      <c r="F276">
        <f t="shared" si="14"/>
        <v>3.4806299554917555E-2</v>
      </c>
    </row>
    <row r="277" spans="1:6" x14ac:dyDescent="0.2">
      <c r="A277">
        <v>2189.4527240000002</v>
      </c>
      <c r="B277">
        <v>20.007978000000001</v>
      </c>
      <c r="C277">
        <v>7.4570499999999997</v>
      </c>
      <c r="D277">
        <f t="shared" si="15"/>
        <v>1.3763199999999998</v>
      </c>
      <c r="E277">
        <f t="shared" si="13"/>
        <v>104.23112000000037</v>
      </c>
      <c r="F277">
        <f t="shared" si="14"/>
        <v>3.4589350845740302E-2</v>
      </c>
    </row>
    <row r="278" spans="1:6" x14ac:dyDescent="0.2">
      <c r="A278">
        <v>2189.0995830000002</v>
      </c>
      <c r="B278">
        <v>20.025490000000001</v>
      </c>
      <c r="C278">
        <v>7.4620540000000002</v>
      </c>
      <c r="D278">
        <f t="shared" si="15"/>
        <v>1.3813240000000002</v>
      </c>
      <c r="E278">
        <f t="shared" si="13"/>
        <v>103.87797900000032</v>
      </c>
      <c r="F278">
        <f t="shared" si="14"/>
        <v>3.4352821738886381E-2</v>
      </c>
    </row>
    <row r="279" spans="1:6" x14ac:dyDescent="0.2">
      <c r="A279">
        <v>2187.9307210000002</v>
      </c>
      <c r="B279">
        <v>20.033925</v>
      </c>
      <c r="C279">
        <v>7.4670589999999999</v>
      </c>
      <c r="D279">
        <f t="shared" si="15"/>
        <v>1.3863289999999999</v>
      </c>
      <c r="E279">
        <f t="shared" si="13"/>
        <v>102.70911700000033</v>
      </c>
      <c r="F279">
        <f t="shared" si="14"/>
        <v>3.3861728332421431E-2</v>
      </c>
    </row>
    <row r="280" spans="1:6" x14ac:dyDescent="0.2">
      <c r="A280">
        <v>2186.8063689999999</v>
      </c>
      <c r="B280">
        <v>20.037472000000001</v>
      </c>
      <c r="C280">
        <v>7.4720639999999996</v>
      </c>
      <c r="D280">
        <f t="shared" si="15"/>
        <v>1.3913339999999996</v>
      </c>
      <c r="E280">
        <f t="shared" si="13"/>
        <v>101.58476500000006</v>
      </c>
      <c r="F280">
        <f t="shared" si="14"/>
        <v>3.3387726869647097E-2</v>
      </c>
    </row>
    <row r="281" spans="1:6" x14ac:dyDescent="0.2">
      <c r="A281">
        <v>2185.2307209999999</v>
      </c>
      <c r="B281">
        <v>20.044269</v>
      </c>
      <c r="C281">
        <v>7.4770690000000002</v>
      </c>
      <c r="D281">
        <f t="shared" si="15"/>
        <v>1.3963390000000002</v>
      </c>
      <c r="E281">
        <f t="shared" si="13"/>
        <v>100.00911700000006</v>
      </c>
      <c r="F281">
        <f t="shared" si="14"/>
        <v>3.2775658605108268E-2</v>
      </c>
    </row>
    <row r="282" spans="1:6" x14ac:dyDescent="0.2">
      <c r="A282">
        <v>2184.926207</v>
      </c>
      <c r="B282">
        <v>19.985690999999999</v>
      </c>
      <c r="C282">
        <v>7.4820739999999999</v>
      </c>
      <c r="D282">
        <f t="shared" si="15"/>
        <v>1.4013439999999999</v>
      </c>
      <c r="E282">
        <f t="shared" si="13"/>
        <v>99.704603000000134</v>
      </c>
      <c r="F282">
        <f t="shared" si="14"/>
        <v>3.2563694848833667E-2</v>
      </c>
    </row>
    <row r="283" spans="1:6" x14ac:dyDescent="0.2">
      <c r="A283">
        <v>2184.9052369999999</v>
      </c>
      <c r="B283">
        <v>20.001550000000002</v>
      </c>
      <c r="C283">
        <v>7.4870780000000003</v>
      </c>
      <c r="D283">
        <f t="shared" si="15"/>
        <v>1.4063480000000004</v>
      </c>
      <c r="E283">
        <f t="shared" si="13"/>
        <v>99.6836330000001</v>
      </c>
      <c r="F283">
        <f t="shared" si="14"/>
        <v>3.2441315160888905E-2</v>
      </c>
    </row>
    <row r="284" spans="1:6" x14ac:dyDescent="0.2">
      <c r="A284">
        <v>2184.7096080000001</v>
      </c>
      <c r="B284">
        <v>20.021567000000001</v>
      </c>
      <c r="C284">
        <v>7.492083</v>
      </c>
      <c r="D284">
        <f t="shared" si="15"/>
        <v>1.4113530000000001</v>
      </c>
      <c r="E284">
        <f t="shared" si="13"/>
        <v>99.488004000000274</v>
      </c>
      <c r="F284">
        <f t="shared" si="14"/>
        <v>3.2265719089531922E-2</v>
      </c>
    </row>
    <row r="285" spans="1:6" x14ac:dyDescent="0.2">
      <c r="A285">
        <v>2184.2215099999999</v>
      </c>
      <c r="B285">
        <v>19.993763999999999</v>
      </c>
      <c r="C285">
        <v>7.4970879999999998</v>
      </c>
      <c r="D285">
        <f t="shared" si="15"/>
        <v>1.4163579999999998</v>
      </c>
      <c r="E285">
        <f t="shared" si="13"/>
        <v>98.99990600000001</v>
      </c>
      <c r="F285">
        <f t="shared" si="14"/>
        <v>3.2001111473117606E-2</v>
      </c>
    </row>
    <row r="286" spans="1:6" x14ac:dyDescent="0.2">
      <c r="A286">
        <v>2184.1649790000001</v>
      </c>
      <c r="B286">
        <v>19.978656999999998</v>
      </c>
      <c r="C286">
        <v>7.5020930000000003</v>
      </c>
      <c r="D286">
        <f t="shared" si="15"/>
        <v>1.4213630000000004</v>
      </c>
      <c r="E286">
        <f t="shared" si="13"/>
        <v>98.943375000000287</v>
      </c>
      <c r="F286">
        <f t="shared" si="14"/>
        <v>3.1871042902534702E-2</v>
      </c>
    </row>
    <row r="287" spans="1:6" x14ac:dyDescent="0.2">
      <c r="A287">
        <v>2185.3798419999998</v>
      </c>
      <c r="B287">
        <v>19.951947000000001</v>
      </c>
      <c r="C287">
        <v>7.507098</v>
      </c>
      <c r="D287">
        <f t="shared" si="15"/>
        <v>1.4263680000000001</v>
      </c>
      <c r="E287">
        <f t="shared" si="13"/>
        <v>100.15823799999998</v>
      </c>
      <c r="F287">
        <f t="shared" si="14"/>
        <v>3.2131289557955023E-2</v>
      </c>
    </row>
    <row r="288" spans="1:6" x14ac:dyDescent="0.2">
      <c r="A288">
        <v>2186.6414869999999</v>
      </c>
      <c r="B288">
        <v>19.957077999999999</v>
      </c>
      <c r="C288">
        <v>7.5121019999999996</v>
      </c>
      <c r="D288">
        <f t="shared" si="15"/>
        <v>1.4313719999999996</v>
      </c>
      <c r="E288">
        <f t="shared" si="13"/>
        <v>101.41988300000003</v>
      </c>
      <c r="F288">
        <f t="shared" si="14"/>
        <v>3.2403580720450451E-2</v>
      </c>
    </row>
    <row r="289" spans="1:6" x14ac:dyDescent="0.2">
      <c r="A289">
        <v>2187.8175099999999</v>
      </c>
      <c r="B289">
        <v>19.950883000000001</v>
      </c>
      <c r="C289">
        <v>7.5171070000000002</v>
      </c>
      <c r="D289">
        <f t="shared" si="15"/>
        <v>1.4363770000000002</v>
      </c>
      <c r="E289">
        <f t="shared" si="13"/>
        <v>102.59590600000001</v>
      </c>
      <c r="F289">
        <f t="shared" si="14"/>
        <v>3.2647542414351353E-2</v>
      </c>
    </row>
    <row r="290" spans="1:6" x14ac:dyDescent="0.2">
      <c r="A290">
        <v>2189.203019</v>
      </c>
      <c r="B290">
        <v>19.950129</v>
      </c>
      <c r="C290">
        <v>7.5221119999999999</v>
      </c>
      <c r="D290">
        <f t="shared" si="15"/>
        <v>1.4413819999999999</v>
      </c>
      <c r="E290">
        <f t="shared" si="13"/>
        <v>103.9814150000002</v>
      </c>
      <c r="F290">
        <f t="shared" si="14"/>
        <v>3.2952668576994297E-2</v>
      </c>
    </row>
    <row r="291" spans="1:6" x14ac:dyDescent="0.2">
      <c r="A291">
        <v>2190.7338070000001</v>
      </c>
      <c r="B291">
        <v>19.961490000000001</v>
      </c>
      <c r="C291">
        <v>7.5271169999999996</v>
      </c>
      <c r="D291">
        <f t="shared" si="15"/>
        <v>1.4463869999999996</v>
      </c>
      <c r="E291">
        <f t="shared" si="13"/>
        <v>105.51220300000023</v>
      </c>
      <c r="F291">
        <f t="shared" si="14"/>
        <v>3.329879906746757E-2</v>
      </c>
    </row>
    <row r="292" spans="1:6" x14ac:dyDescent="0.2">
      <c r="A292">
        <v>2191.4871830000002</v>
      </c>
      <c r="B292">
        <v>19.997378000000001</v>
      </c>
      <c r="C292">
        <v>7.5321220000000002</v>
      </c>
      <c r="D292">
        <f t="shared" si="15"/>
        <v>1.4513920000000002</v>
      </c>
      <c r="E292">
        <f t="shared" si="13"/>
        <v>106.26557900000034</v>
      </c>
      <c r="F292">
        <f t="shared" si="14"/>
        <v>3.3409421286630138E-2</v>
      </c>
    </row>
    <row r="293" spans="1:6" x14ac:dyDescent="0.2">
      <c r="A293">
        <v>2191.7196709999998</v>
      </c>
      <c r="B293">
        <v>19.992798000000001</v>
      </c>
      <c r="C293">
        <v>7.5371259999999998</v>
      </c>
      <c r="D293">
        <f t="shared" si="15"/>
        <v>1.4563959999999998</v>
      </c>
      <c r="E293">
        <f t="shared" si="13"/>
        <v>106.49806699999999</v>
      </c>
      <c r="F293">
        <f t="shared" si="14"/>
        <v>3.3363933137394206E-2</v>
      </c>
    </row>
    <row r="294" spans="1:6" x14ac:dyDescent="0.2">
      <c r="A294">
        <v>2191.9555399999999</v>
      </c>
      <c r="B294">
        <v>19.974449</v>
      </c>
      <c r="C294">
        <v>7.5421310000000004</v>
      </c>
      <c r="D294">
        <f t="shared" si="15"/>
        <v>1.4614010000000004</v>
      </c>
      <c r="E294">
        <f t="shared" si="13"/>
        <v>106.73393600000009</v>
      </c>
      <c r="F294">
        <f t="shared" si="14"/>
        <v>3.3319723124192971E-2</v>
      </c>
    </row>
    <row r="295" spans="1:6" x14ac:dyDescent="0.2">
      <c r="A295">
        <v>2191.7377769999998</v>
      </c>
      <c r="B295">
        <v>20.027191999999999</v>
      </c>
      <c r="C295">
        <v>7.5471360000000001</v>
      </c>
      <c r="D295">
        <f t="shared" si="15"/>
        <v>1.4664060000000001</v>
      </c>
      <c r="E295">
        <f t="shared" si="13"/>
        <v>106.51617299999998</v>
      </c>
      <c r="F295">
        <f t="shared" si="14"/>
        <v>3.3141543595729683E-2</v>
      </c>
    </row>
    <row r="296" spans="1:6" x14ac:dyDescent="0.2">
      <c r="A296">
        <v>2191.4680170000001</v>
      </c>
      <c r="B296">
        <v>20.007852</v>
      </c>
      <c r="C296">
        <v>7.5521409999999998</v>
      </c>
      <c r="D296">
        <f t="shared" si="15"/>
        <v>1.4714109999999998</v>
      </c>
      <c r="E296">
        <f t="shared" si="13"/>
        <v>106.2464130000003</v>
      </c>
      <c r="F296">
        <f t="shared" si="14"/>
        <v>3.2949220256310793E-2</v>
      </c>
    </row>
    <row r="297" spans="1:6" x14ac:dyDescent="0.2">
      <c r="A297">
        <v>2190.6945219999998</v>
      </c>
      <c r="B297">
        <v>20.016797</v>
      </c>
      <c r="C297">
        <v>7.5571460000000004</v>
      </c>
      <c r="D297">
        <f t="shared" si="15"/>
        <v>1.4764160000000004</v>
      </c>
      <c r="E297">
        <f t="shared" si="13"/>
        <v>105.47291799999994</v>
      </c>
      <c r="F297">
        <f t="shared" si="14"/>
        <v>3.2609969756442245E-2</v>
      </c>
    </row>
    <row r="298" spans="1:6" x14ac:dyDescent="0.2">
      <c r="A298">
        <v>2189.9316899999999</v>
      </c>
      <c r="B298">
        <v>20.013964999999999</v>
      </c>
      <c r="C298">
        <v>7.5621499999999999</v>
      </c>
      <c r="D298">
        <f t="shared" si="15"/>
        <v>1.48142</v>
      </c>
      <c r="E298">
        <f t="shared" si="13"/>
        <v>104.71008600000005</v>
      </c>
      <c r="F298">
        <f t="shared" si="14"/>
        <v>3.2276002802177177E-2</v>
      </c>
    </row>
    <row r="299" spans="1:6" x14ac:dyDescent="0.2">
      <c r="A299">
        <v>2189.3149410000001</v>
      </c>
      <c r="B299">
        <v>20.016931</v>
      </c>
      <c r="C299">
        <v>7.5671549999999996</v>
      </c>
      <c r="D299">
        <f t="shared" si="15"/>
        <v>1.4864249999999997</v>
      </c>
      <c r="E299">
        <f t="shared" si="13"/>
        <v>104.09333700000025</v>
      </c>
      <c r="F299">
        <f t="shared" si="14"/>
        <v>3.1986865875300315E-2</v>
      </c>
    </row>
    <row r="300" spans="1:6" x14ac:dyDescent="0.2">
      <c r="A300">
        <v>2188.158625</v>
      </c>
      <c r="B300">
        <v>20.047062</v>
      </c>
      <c r="C300">
        <v>7.5721600000000002</v>
      </c>
      <c r="D300">
        <f t="shared" si="15"/>
        <v>1.4914300000000003</v>
      </c>
      <c r="E300">
        <f t="shared" si="13"/>
        <v>102.93702100000019</v>
      </c>
      <c r="F300">
        <f t="shared" si="14"/>
        <v>3.1542050235494119E-2</v>
      </c>
    </row>
    <row r="301" spans="1:6" x14ac:dyDescent="0.2">
      <c r="A301">
        <v>2186.8602299999998</v>
      </c>
      <c r="B301">
        <v>20.045005</v>
      </c>
      <c r="C301">
        <v>7.5771649999999999</v>
      </c>
      <c r="D301">
        <f t="shared" si="15"/>
        <v>1.496435</v>
      </c>
      <c r="E301">
        <f t="shared" si="13"/>
        <v>101.63862599999993</v>
      </c>
      <c r="F301">
        <f t="shared" si="14"/>
        <v>3.1058458824465916E-2</v>
      </c>
    </row>
    <row r="302" spans="1:6" x14ac:dyDescent="0.2">
      <c r="A302">
        <v>2186.2546750000001</v>
      </c>
      <c r="B302">
        <v>19.981104999999999</v>
      </c>
      <c r="C302">
        <v>7.5821699999999996</v>
      </c>
      <c r="D302">
        <f t="shared" si="15"/>
        <v>1.5014399999999997</v>
      </c>
      <c r="E302">
        <f t="shared" si="13"/>
        <v>101.03307100000029</v>
      </c>
      <c r="F302">
        <f t="shared" si="14"/>
        <v>3.0779022355394672E-2</v>
      </c>
    </row>
    <row r="303" spans="1:6" x14ac:dyDescent="0.2">
      <c r="A303">
        <v>2186.8538140000001</v>
      </c>
      <c r="B303">
        <v>19.96472</v>
      </c>
      <c r="C303">
        <v>7.5871740000000001</v>
      </c>
      <c r="D303">
        <f t="shared" si="15"/>
        <v>1.5064440000000001</v>
      </c>
      <c r="E303">
        <f t="shared" si="13"/>
        <v>101.63221000000021</v>
      </c>
      <c r="F303">
        <f t="shared" si="14"/>
        <v>3.0850245541350151E-2</v>
      </c>
    </row>
    <row r="304" spans="1:6" x14ac:dyDescent="0.2">
      <c r="A304">
        <v>2187.5339720000002</v>
      </c>
      <c r="B304">
        <v>19.990009000000001</v>
      </c>
      <c r="C304">
        <v>7.5921789999999998</v>
      </c>
      <c r="D304">
        <f t="shared" si="15"/>
        <v>1.5114489999999998</v>
      </c>
      <c r="E304">
        <f t="shared" si="13"/>
        <v>102.31236800000033</v>
      </c>
      <c r="F304">
        <f t="shared" si="14"/>
        <v>3.0944240842946478E-2</v>
      </c>
    </row>
    <row r="305" spans="1:6" x14ac:dyDescent="0.2">
      <c r="A305">
        <v>2188.7852969999999</v>
      </c>
      <c r="B305">
        <v>19.949010999999999</v>
      </c>
      <c r="C305">
        <v>7.5971840000000004</v>
      </c>
      <c r="D305">
        <f t="shared" si="15"/>
        <v>1.5164540000000004</v>
      </c>
      <c r="E305">
        <f t="shared" si="13"/>
        <v>103.56369300000006</v>
      </c>
      <c r="F305">
        <f t="shared" si="14"/>
        <v>3.1201474989648082E-2</v>
      </c>
    </row>
    <row r="306" spans="1:6" x14ac:dyDescent="0.2">
      <c r="A306">
        <v>2189.8964660000001</v>
      </c>
      <c r="B306">
        <v>19.972581999999999</v>
      </c>
      <c r="C306">
        <v>7.6021890000000001</v>
      </c>
      <c r="D306">
        <f t="shared" si="15"/>
        <v>1.5214590000000001</v>
      </c>
      <c r="E306">
        <f t="shared" si="13"/>
        <v>104.6748620000003</v>
      </c>
      <c r="F306">
        <f t="shared" si="14"/>
        <v>3.1416555014106735E-2</v>
      </c>
    </row>
    <row r="307" spans="1:6" x14ac:dyDescent="0.2">
      <c r="A307">
        <v>2190.5593530000001</v>
      </c>
      <c r="B307">
        <v>19.975244</v>
      </c>
      <c r="C307">
        <v>7.6071939999999998</v>
      </c>
      <c r="D307">
        <f t="shared" si="15"/>
        <v>1.5264639999999998</v>
      </c>
      <c r="E307">
        <f t="shared" si="13"/>
        <v>105.33774900000026</v>
      </c>
      <c r="F307">
        <f t="shared" si="14"/>
        <v>3.1502313003776476E-2</v>
      </c>
    </row>
    <row r="308" spans="1:6" x14ac:dyDescent="0.2">
      <c r="A308">
        <v>2190.5725750000001</v>
      </c>
      <c r="B308">
        <v>20.018277000000001</v>
      </c>
      <c r="C308">
        <v>7.6121980000000002</v>
      </c>
      <c r="D308">
        <f t="shared" si="15"/>
        <v>1.5314680000000003</v>
      </c>
      <c r="E308">
        <f t="shared" si="13"/>
        <v>105.3509710000003</v>
      </c>
      <c r="F308">
        <f t="shared" si="14"/>
        <v>3.1403132376468253E-2</v>
      </c>
    </row>
    <row r="309" spans="1:6" x14ac:dyDescent="0.2">
      <c r="A309">
        <v>2189.9337919999998</v>
      </c>
      <c r="B309">
        <v>20.013634</v>
      </c>
      <c r="C309">
        <v>7.6172029999999999</v>
      </c>
      <c r="D309">
        <f t="shared" si="15"/>
        <v>1.536473</v>
      </c>
      <c r="E309">
        <f t="shared" si="13"/>
        <v>104.71218799999997</v>
      </c>
      <c r="F309">
        <f t="shared" si="14"/>
        <v>3.1120123831120505E-2</v>
      </c>
    </row>
    <row r="310" spans="1:6" x14ac:dyDescent="0.2">
      <c r="A310">
        <v>2189.2037919999998</v>
      </c>
      <c r="B310">
        <v>20.030538</v>
      </c>
      <c r="C310">
        <v>7.6222079999999997</v>
      </c>
      <c r="D310">
        <f t="shared" si="15"/>
        <v>1.5414779999999997</v>
      </c>
      <c r="E310">
        <f t="shared" si="13"/>
        <v>103.98218799999995</v>
      </c>
      <c r="F310">
        <f t="shared" si="14"/>
        <v>3.081310253153122E-2</v>
      </c>
    </row>
    <row r="311" spans="1:6" x14ac:dyDescent="0.2">
      <c r="A311">
        <v>2188.9829519999998</v>
      </c>
      <c r="B311">
        <v>19.97541</v>
      </c>
      <c r="C311">
        <v>7.6272130000000002</v>
      </c>
      <c r="D311">
        <f t="shared" si="15"/>
        <v>1.5464830000000003</v>
      </c>
      <c r="E311">
        <f t="shared" si="13"/>
        <v>103.761348</v>
      </c>
      <c r="F311">
        <f t="shared" si="14"/>
        <v>3.065124190377275E-2</v>
      </c>
    </row>
    <row r="312" spans="1:6" x14ac:dyDescent="0.2">
      <c r="A312">
        <v>2188.8333309999998</v>
      </c>
      <c r="B312">
        <v>20.021806999999999</v>
      </c>
      <c r="C312">
        <v>7.6322179999999999</v>
      </c>
      <c r="D312">
        <f t="shared" si="15"/>
        <v>1.551488</v>
      </c>
      <c r="E312">
        <f t="shared" si="13"/>
        <v>103.61172699999997</v>
      </c>
      <c r="F312">
        <f t="shared" si="14"/>
        <v>3.0510392755824373E-2</v>
      </c>
    </row>
    <row r="313" spans="1:6" x14ac:dyDescent="0.2">
      <c r="A313">
        <v>2188.7447350000002</v>
      </c>
      <c r="B313">
        <v>19.994769999999999</v>
      </c>
      <c r="C313">
        <v>7.6372220000000004</v>
      </c>
      <c r="D313">
        <f t="shared" si="15"/>
        <v>1.5564920000000004</v>
      </c>
      <c r="E313">
        <f t="shared" si="13"/>
        <v>103.52313100000038</v>
      </c>
      <c r="F313">
        <f t="shared" si="14"/>
        <v>3.0387529346256281E-2</v>
      </c>
    </row>
    <row r="314" spans="1:6" x14ac:dyDescent="0.2">
      <c r="A314">
        <v>2188.524508</v>
      </c>
      <c r="B314">
        <v>20.009634999999999</v>
      </c>
      <c r="C314">
        <v>7.6422270000000001</v>
      </c>
      <c r="D314">
        <f t="shared" si="15"/>
        <v>1.5614970000000001</v>
      </c>
      <c r="E314">
        <f t="shared" si="13"/>
        <v>103.30290400000013</v>
      </c>
      <c r="F314">
        <f t="shared" si="14"/>
        <v>3.0228734193616602E-2</v>
      </c>
    </row>
    <row r="315" spans="1:6" x14ac:dyDescent="0.2">
      <c r="A315">
        <v>2188.3565050000002</v>
      </c>
      <c r="B315">
        <v>20.00564</v>
      </c>
      <c r="C315">
        <v>7.6472319999999998</v>
      </c>
      <c r="D315">
        <f t="shared" si="15"/>
        <v>1.5665019999999998</v>
      </c>
      <c r="E315">
        <f t="shared" si="13"/>
        <v>103.13490100000035</v>
      </c>
      <c r="F315">
        <f t="shared" si="14"/>
        <v>3.0085458052765891E-2</v>
      </c>
    </row>
    <row r="316" spans="1:6" x14ac:dyDescent="0.2">
      <c r="A316">
        <v>2188.4372560000002</v>
      </c>
      <c r="B316">
        <v>19.972317</v>
      </c>
      <c r="C316">
        <v>7.6522370000000004</v>
      </c>
      <c r="D316">
        <f t="shared" si="15"/>
        <v>1.5715070000000004</v>
      </c>
      <c r="E316">
        <f t="shared" si="13"/>
        <v>103.21565200000032</v>
      </c>
      <c r="F316">
        <f t="shared" si="14"/>
        <v>3.0012014032691738E-2</v>
      </c>
    </row>
    <row r="317" spans="1:6" x14ac:dyDescent="0.2">
      <c r="A317">
        <v>2189.3380539999998</v>
      </c>
      <c r="B317">
        <v>19.951373</v>
      </c>
      <c r="C317">
        <v>7.6572420000000001</v>
      </c>
      <c r="D317">
        <f t="shared" si="15"/>
        <v>1.5765120000000001</v>
      </c>
      <c r="E317">
        <f t="shared" si="13"/>
        <v>104.11644999999999</v>
      </c>
      <c r="F317">
        <f t="shared" si="14"/>
        <v>3.0165410877662238E-2</v>
      </c>
    </row>
    <row r="318" spans="1:6" x14ac:dyDescent="0.2">
      <c r="A318">
        <v>2190.8164740000002</v>
      </c>
      <c r="B318">
        <v>19.960100000000001</v>
      </c>
      <c r="C318">
        <v>7.6622459999999997</v>
      </c>
      <c r="D318">
        <f t="shared" si="15"/>
        <v>1.5815159999999997</v>
      </c>
      <c r="E318">
        <f t="shared" si="13"/>
        <v>105.59487000000036</v>
      </c>
      <c r="F318">
        <f t="shared" si="14"/>
        <v>3.047636960661429E-2</v>
      </c>
    </row>
    <row r="319" spans="1:6" x14ac:dyDescent="0.2">
      <c r="A319">
        <v>2192.0619630000001</v>
      </c>
      <c r="B319">
        <v>19.969571999999999</v>
      </c>
      <c r="C319">
        <v>7.6672510000000003</v>
      </c>
      <c r="D319">
        <f t="shared" si="15"/>
        <v>1.5865210000000003</v>
      </c>
      <c r="E319">
        <f t="shared" si="13"/>
        <v>106.84035900000026</v>
      </c>
      <c r="F319">
        <f t="shared" si="14"/>
        <v>3.0721094726862765E-2</v>
      </c>
    </row>
    <row r="320" spans="1:6" x14ac:dyDescent="0.2">
      <c r="A320">
        <v>2192.7602750000001</v>
      </c>
      <c r="B320">
        <v>19.978701999999998</v>
      </c>
      <c r="C320">
        <v>7.672256</v>
      </c>
      <c r="D320">
        <f t="shared" si="15"/>
        <v>1.591526</v>
      </c>
      <c r="E320">
        <f t="shared" si="13"/>
        <v>107.53867100000025</v>
      </c>
      <c r="F320">
        <f t="shared" si="14"/>
        <v>3.0814829734277918E-2</v>
      </c>
    </row>
    <row r="321" spans="1:6" x14ac:dyDescent="0.2">
      <c r="A321">
        <v>2192.8066140000001</v>
      </c>
      <c r="B321">
        <v>20.006565999999999</v>
      </c>
      <c r="C321">
        <v>7.6772609999999997</v>
      </c>
      <c r="D321">
        <f t="shared" si="15"/>
        <v>1.5965309999999997</v>
      </c>
      <c r="E321">
        <f t="shared" si="13"/>
        <v>107.58501000000024</v>
      </c>
      <c r="F321">
        <f t="shared" si="14"/>
        <v>3.0730814875633481E-2</v>
      </c>
    </row>
    <row r="322" spans="1:6" x14ac:dyDescent="0.2">
      <c r="A322">
        <v>2193.084276</v>
      </c>
      <c r="B322">
        <v>19.967896</v>
      </c>
      <c r="C322">
        <v>7.6822660000000003</v>
      </c>
      <c r="D322">
        <f t="shared" si="15"/>
        <v>1.6015360000000003</v>
      </c>
      <c r="E322">
        <f t="shared" si="13"/>
        <v>107.8626720000002</v>
      </c>
      <c r="F322">
        <f t="shared" si="14"/>
        <v>3.070995273786398E-2</v>
      </c>
    </row>
    <row r="323" spans="1:6" x14ac:dyDescent="0.2">
      <c r="A323">
        <v>2193.0585129999999</v>
      </c>
      <c r="B323">
        <v>20.010439999999999</v>
      </c>
      <c r="C323">
        <v>7.6872699999999998</v>
      </c>
      <c r="D323">
        <f t="shared" si="15"/>
        <v>1.6065399999999999</v>
      </c>
      <c r="E323">
        <f t="shared" ref="E323:E386" si="16">A323-$A$2</f>
        <v>107.83690900000011</v>
      </c>
      <c r="F323">
        <f t="shared" ref="F323:F386" si="17">(1/A323)*(E323/D323)</f>
        <v>3.0607345678808611E-2</v>
      </c>
    </row>
    <row r="324" spans="1:6" x14ac:dyDescent="0.2">
      <c r="A324">
        <v>2192.428547</v>
      </c>
      <c r="B324">
        <v>20.023261999999999</v>
      </c>
      <c r="C324">
        <v>7.6922750000000004</v>
      </c>
      <c r="D324">
        <f t="shared" si="15"/>
        <v>1.6115450000000004</v>
      </c>
      <c r="E324">
        <f t="shared" si="16"/>
        <v>107.20694300000014</v>
      </c>
      <c r="F324">
        <f t="shared" si="17"/>
        <v>3.034275615729292E-2</v>
      </c>
    </row>
    <row r="325" spans="1:6" x14ac:dyDescent="0.2">
      <c r="A325">
        <v>2191.7013449999999</v>
      </c>
      <c r="B325">
        <v>20.023731000000002</v>
      </c>
      <c r="C325">
        <v>7.6972800000000001</v>
      </c>
      <c r="D325">
        <f t="shared" si="15"/>
        <v>1.6165500000000002</v>
      </c>
      <c r="E325">
        <f t="shared" si="16"/>
        <v>106.4797410000001</v>
      </c>
      <c r="F325">
        <f t="shared" si="17"/>
        <v>3.0053597798594366E-2</v>
      </c>
    </row>
    <row r="326" spans="1:6" x14ac:dyDescent="0.2">
      <c r="A326">
        <v>2191.2175339999999</v>
      </c>
      <c r="B326">
        <v>20.013641</v>
      </c>
      <c r="C326">
        <v>7.7022849999999998</v>
      </c>
      <c r="D326">
        <f t="shared" si="15"/>
        <v>1.6215549999999999</v>
      </c>
      <c r="E326">
        <f t="shared" si="16"/>
        <v>105.99593000000004</v>
      </c>
      <c r="F326">
        <f t="shared" si="17"/>
        <v>2.9831288453492904E-2</v>
      </c>
    </row>
    <row r="327" spans="1:6" x14ac:dyDescent="0.2">
      <c r="A327">
        <v>2190.0495919999998</v>
      </c>
      <c r="B327">
        <v>20.047767</v>
      </c>
      <c r="C327">
        <v>7.7072900000000004</v>
      </c>
      <c r="D327">
        <f t="shared" ref="D327:D390" si="18">C327-$C$2</f>
        <v>1.6265600000000004</v>
      </c>
      <c r="E327">
        <f t="shared" si="16"/>
        <v>104.827988</v>
      </c>
      <c r="F327">
        <f t="shared" si="17"/>
        <v>2.9427489476710395E-2</v>
      </c>
    </row>
    <row r="328" spans="1:6" x14ac:dyDescent="0.2">
      <c r="A328">
        <v>2188.8303820000001</v>
      </c>
      <c r="B328">
        <v>20.032689000000001</v>
      </c>
      <c r="C328">
        <v>7.712294</v>
      </c>
      <c r="D328">
        <f t="shared" si="18"/>
        <v>1.631564</v>
      </c>
      <c r="E328">
        <f t="shared" si="16"/>
        <v>103.60877800000026</v>
      </c>
      <c r="F328">
        <f t="shared" si="17"/>
        <v>2.901217771248283E-2</v>
      </c>
    </row>
    <row r="329" spans="1:6" x14ac:dyDescent="0.2">
      <c r="A329">
        <v>2188.038489</v>
      </c>
      <c r="B329">
        <v>19.997848000000001</v>
      </c>
      <c r="C329">
        <v>7.7172989999999997</v>
      </c>
      <c r="D329">
        <f t="shared" si="18"/>
        <v>1.6365689999999997</v>
      </c>
      <c r="E329">
        <f t="shared" si="16"/>
        <v>102.81688500000018</v>
      </c>
      <c r="F329">
        <f t="shared" si="17"/>
        <v>2.8712774777410653E-2</v>
      </c>
    </row>
    <row r="330" spans="1:6" x14ac:dyDescent="0.2">
      <c r="A330">
        <v>2187.8562809999999</v>
      </c>
      <c r="B330">
        <v>20.005004</v>
      </c>
      <c r="C330">
        <v>7.7223040000000003</v>
      </c>
      <c r="D330">
        <f t="shared" si="18"/>
        <v>1.6415740000000003</v>
      </c>
      <c r="E330">
        <f t="shared" si="16"/>
        <v>102.63467700000001</v>
      </c>
      <c r="F330">
        <f t="shared" si="17"/>
        <v>2.8576883538755326E-2</v>
      </c>
    </row>
    <row r="331" spans="1:6" x14ac:dyDescent="0.2">
      <c r="A331">
        <v>2188.409588</v>
      </c>
      <c r="B331">
        <v>19.970932000000001</v>
      </c>
      <c r="C331">
        <v>7.727309</v>
      </c>
      <c r="D331">
        <f t="shared" si="18"/>
        <v>1.646579</v>
      </c>
      <c r="E331">
        <f t="shared" si="16"/>
        <v>103.18798400000014</v>
      </c>
      <c r="F331">
        <f t="shared" si="17"/>
        <v>2.8636368773829274E-2</v>
      </c>
    </row>
    <row r="332" spans="1:6" x14ac:dyDescent="0.2">
      <c r="A332">
        <v>2188.374961</v>
      </c>
      <c r="B332">
        <v>20.015243000000002</v>
      </c>
      <c r="C332">
        <v>7.7323139999999997</v>
      </c>
      <c r="D332">
        <f t="shared" si="18"/>
        <v>1.6515839999999997</v>
      </c>
      <c r="E332">
        <f t="shared" si="16"/>
        <v>103.15335700000014</v>
      </c>
      <c r="F332">
        <f t="shared" si="17"/>
        <v>2.854045958103452E-2</v>
      </c>
    </row>
    <row r="333" spans="1:6" x14ac:dyDescent="0.2">
      <c r="A333">
        <v>2188.2272750000002</v>
      </c>
      <c r="B333">
        <v>19.996589</v>
      </c>
      <c r="C333">
        <v>7.7373180000000001</v>
      </c>
      <c r="D333">
        <f t="shared" si="18"/>
        <v>1.6565880000000002</v>
      </c>
      <c r="E333">
        <f t="shared" si="16"/>
        <v>103.00567100000035</v>
      </c>
      <c r="F333">
        <f t="shared" si="17"/>
        <v>2.8415427712850824E-2</v>
      </c>
    </row>
    <row r="334" spans="1:6" x14ac:dyDescent="0.2">
      <c r="A334">
        <v>2188.1565569999998</v>
      </c>
      <c r="B334">
        <v>19.985268000000001</v>
      </c>
      <c r="C334">
        <v>7.7423229999999998</v>
      </c>
      <c r="D334">
        <f t="shared" si="18"/>
        <v>1.6615929999999999</v>
      </c>
      <c r="E334">
        <f t="shared" si="16"/>
        <v>102.93495299999995</v>
      </c>
      <c r="F334">
        <f t="shared" si="17"/>
        <v>2.8311300874817362E-2</v>
      </c>
    </row>
    <row r="335" spans="1:6" x14ac:dyDescent="0.2">
      <c r="A335">
        <v>2188.8541650000002</v>
      </c>
      <c r="B335">
        <v>19.961362000000001</v>
      </c>
      <c r="C335">
        <v>7.7473280000000004</v>
      </c>
      <c r="D335">
        <f t="shared" si="18"/>
        <v>1.6665980000000005</v>
      </c>
      <c r="E335">
        <f t="shared" si="16"/>
        <v>103.63256100000035</v>
      </c>
      <c r="F335">
        <f t="shared" si="17"/>
        <v>2.8408515970025115E-2</v>
      </c>
    </row>
    <row r="336" spans="1:6" x14ac:dyDescent="0.2">
      <c r="A336">
        <v>2189.9342499999998</v>
      </c>
      <c r="B336">
        <v>19.974601</v>
      </c>
      <c r="C336">
        <v>7.7523330000000001</v>
      </c>
      <c r="D336">
        <f t="shared" si="18"/>
        <v>1.6716030000000002</v>
      </c>
      <c r="E336">
        <f t="shared" si="16"/>
        <v>104.71264599999995</v>
      </c>
      <c r="F336">
        <f t="shared" si="17"/>
        <v>2.8604536580669714E-2</v>
      </c>
    </row>
    <row r="337" spans="1:6" x14ac:dyDescent="0.2">
      <c r="A337">
        <v>2191.728447</v>
      </c>
      <c r="B337">
        <v>19.923368</v>
      </c>
      <c r="C337">
        <v>7.7573379999999998</v>
      </c>
      <c r="D337">
        <f t="shared" si="18"/>
        <v>1.6766079999999999</v>
      </c>
      <c r="E337">
        <f t="shared" si="16"/>
        <v>106.50684300000012</v>
      </c>
      <c r="F337">
        <f t="shared" si="17"/>
        <v>2.8984060880905584E-2</v>
      </c>
    </row>
    <row r="338" spans="1:6" x14ac:dyDescent="0.2">
      <c r="A338">
        <v>2193.2366830000001</v>
      </c>
      <c r="B338">
        <v>19.977069</v>
      </c>
      <c r="C338">
        <v>7.7623420000000003</v>
      </c>
      <c r="D338">
        <f t="shared" si="18"/>
        <v>1.6816120000000003</v>
      </c>
      <c r="E338">
        <f t="shared" si="16"/>
        <v>108.01507900000024</v>
      </c>
      <c r="F338">
        <f t="shared" si="17"/>
        <v>2.9286878717438482E-2</v>
      </c>
    </row>
    <row r="339" spans="1:6" x14ac:dyDescent="0.2">
      <c r="A339">
        <v>2194.265637</v>
      </c>
      <c r="B339">
        <v>19.965648999999999</v>
      </c>
      <c r="C339">
        <v>7.767347</v>
      </c>
      <c r="D339">
        <f t="shared" si="18"/>
        <v>1.686617</v>
      </c>
      <c r="E339">
        <f t="shared" si="16"/>
        <v>109.04403300000013</v>
      </c>
      <c r="F339">
        <f t="shared" si="17"/>
        <v>2.9464306946162377E-2</v>
      </c>
    </row>
    <row r="340" spans="1:6" x14ac:dyDescent="0.2">
      <c r="A340">
        <v>2194.084691</v>
      </c>
      <c r="B340">
        <v>20.019252000000002</v>
      </c>
      <c r="C340">
        <v>7.7723519999999997</v>
      </c>
      <c r="D340">
        <f t="shared" si="18"/>
        <v>1.6916219999999997</v>
      </c>
      <c r="E340">
        <f t="shared" si="16"/>
        <v>108.86308700000018</v>
      </c>
      <c r="F340">
        <f t="shared" si="17"/>
        <v>2.9330801684171282E-2</v>
      </c>
    </row>
    <row r="341" spans="1:6" x14ac:dyDescent="0.2">
      <c r="A341">
        <v>2193.743618</v>
      </c>
      <c r="B341">
        <v>20.014430000000001</v>
      </c>
      <c r="C341">
        <v>7.7773570000000003</v>
      </c>
      <c r="D341">
        <f t="shared" si="18"/>
        <v>1.6966270000000003</v>
      </c>
      <c r="E341">
        <f t="shared" si="16"/>
        <v>108.52201400000013</v>
      </c>
      <c r="F341">
        <f t="shared" si="17"/>
        <v>2.9157185547571303E-2</v>
      </c>
    </row>
    <row r="342" spans="1:6" x14ac:dyDescent="0.2">
      <c r="A342">
        <v>2193.648936</v>
      </c>
      <c r="B342">
        <v>19.980277000000001</v>
      </c>
      <c r="C342">
        <v>7.782362</v>
      </c>
      <c r="D342">
        <f t="shared" si="18"/>
        <v>1.701632</v>
      </c>
      <c r="E342">
        <f t="shared" si="16"/>
        <v>108.42733200000021</v>
      </c>
      <c r="F342">
        <f t="shared" si="17"/>
        <v>2.9047315482215664E-2</v>
      </c>
    </row>
    <row r="343" spans="1:6" x14ac:dyDescent="0.2">
      <c r="A343">
        <v>2194.4000860000001</v>
      </c>
      <c r="B343">
        <v>19.961690999999998</v>
      </c>
      <c r="C343">
        <v>7.7873659999999996</v>
      </c>
      <c r="D343">
        <f t="shared" si="18"/>
        <v>1.7066359999999996</v>
      </c>
      <c r="E343">
        <f t="shared" si="16"/>
        <v>109.17848200000026</v>
      </c>
      <c r="F343">
        <f t="shared" si="17"/>
        <v>2.9152804321488309E-2</v>
      </c>
    </row>
    <row r="344" spans="1:6" x14ac:dyDescent="0.2">
      <c r="A344">
        <v>2195.3098319999999</v>
      </c>
      <c r="B344">
        <v>19.984227000000001</v>
      </c>
      <c r="C344">
        <v>7.7923710000000002</v>
      </c>
      <c r="D344">
        <f t="shared" si="18"/>
        <v>1.7116410000000002</v>
      </c>
      <c r="E344">
        <f t="shared" si="16"/>
        <v>110.08822800000007</v>
      </c>
      <c r="F344">
        <f t="shared" si="17"/>
        <v>2.9297622443749834E-2</v>
      </c>
    </row>
    <row r="345" spans="1:6" x14ac:dyDescent="0.2">
      <c r="A345">
        <v>2195.335763</v>
      </c>
      <c r="B345">
        <v>19.984313</v>
      </c>
      <c r="C345">
        <v>7.7973759999999999</v>
      </c>
      <c r="D345">
        <f t="shared" si="18"/>
        <v>1.7166459999999999</v>
      </c>
      <c r="E345">
        <f t="shared" si="16"/>
        <v>110.1141590000002</v>
      </c>
      <c r="F345">
        <f t="shared" si="17"/>
        <v>2.9218738929475654E-2</v>
      </c>
    </row>
    <row r="346" spans="1:6" x14ac:dyDescent="0.2">
      <c r="A346">
        <v>2195.5597579999999</v>
      </c>
      <c r="B346">
        <v>19.990207999999999</v>
      </c>
      <c r="C346">
        <v>7.8023809999999996</v>
      </c>
      <c r="D346">
        <f t="shared" si="18"/>
        <v>1.7216509999999996</v>
      </c>
      <c r="E346">
        <f t="shared" si="16"/>
        <v>110.33815400000003</v>
      </c>
      <c r="F346">
        <f t="shared" si="17"/>
        <v>2.9190083177851562E-2</v>
      </c>
    </row>
    <row r="347" spans="1:6" x14ac:dyDescent="0.2">
      <c r="A347">
        <v>2196.1957189999998</v>
      </c>
      <c r="B347">
        <v>19.973106000000001</v>
      </c>
      <c r="C347">
        <v>7.8073860000000002</v>
      </c>
      <c r="D347">
        <f t="shared" si="18"/>
        <v>1.7266560000000002</v>
      </c>
      <c r="E347">
        <f t="shared" si="16"/>
        <v>110.97411499999998</v>
      </c>
      <c r="F347">
        <f t="shared" si="17"/>
        <v>2.9264750613349592E-2</v>
      </c>
    </row>
    <row r="348" spans="1:6" x14ac:dyDescent="0.2">
      <c r="A348">
        <v>2196.3104069999999</v>
      </c>
      <c r="B348">
        <v>19.990739999999999</v>
      </c>
      <c r="C348">
        <v>7.8123899999999997</v>
      </c>
      <c r="D348">
        <f t="shared" si="18"/>
        <v>1.7316599999999998</v>
      </c>
      <c r="E348">
        <f t="shared" si="16"/>
        <v>111.0888030000001</v>
      </c>
      <c r="F348">
        <f t="shared" si="17"/>
        <v>2.9208815304911408E-2</v>
      </c>
    </row>
    <row r="349" spans="1:6" x14ac:dyDescent="0.2">
      <c r="A349">
        <v>2196.4497510000001</v>
      </c>
      <c r="B349">
        <v>19.990390999999999</v>
      </c>
      <c r="C349">
        <v>7.8173950000000003</v>
      </c>
      <c r="D349">
        <f t="shared" si="18"/>
        <v>1.7366650000000003</v>
      </c>
      <c r="E349">
        <f t="shared" si="16"/>
        <v>111.22814700000026</v>
      </c>
      <c r="F349">
        <f t="shared" si="17"/>
        <v>2.9159319075986678E-2</v>
      </c>
    </row>
    <row r="350" spans="1:6" x14ac:dyDescent="0.2">
      <c r="A350">
        <v>2197.0754860000002</v>
      </c>
      <c r="B350">
        <v>19.96828</v>
      </c>
      <c r="C350">
        <v>7.8224</v>
      </c>
      <c r="D350">
        <f t="shared" si="18"/>
        <v>1.7416700000000001</v>
      </c>
      <c r="E350">
        <f t="shared" si="16"/>
        <v>111.85388200000034</v>
      </c>
      <c r="F350">
        <f t="shared" si="17"/>
        <v>2.923076703064037E-2</v>
      </c>
    </row>
    <row r="351" spans="1:6" x14ac:dyDescent="0.2">
      <c r="A351">
        <v>2197.3074649999999</v>
      </c>
      <c r="B351">
        <v>20.009888</v>
      </c>
      <c r="C351">
        <v>7.8274049999999997</v>
      </c>
      <c r="D351">
        <f t="shared" si="18"/>
        <v>1.7466749999999998</v>
      </c>
      <c r="E351">
        <f t="shared" si="16"/>
        <v>112.08586100000002</v>
      </c>
      <c r="F351">
        <f t="shared" si="17"/>
        <v>2.9204373683932087E-2</v>
      </c>
    </row>
    <row r="352" spans="1:6" x14ac:dyDescent="0.2">
      <c r="A352">
        <v>2196.9041229999998</v>
      </c>
      <c r="B352">
        <v>20.024363999999998</v>
      </c>
      <c r="C352">
        <v>7.8324100000000003</v>
      </c>
      <c r="D352">
        <f t="shared" si="18"/>
        <v>1.7516800000000003</v>
      </c>
      <c r="E352">
        <f t="shared" si="16"/>
        <v>111.68251899999996</v>
      </c>
      <c r="F352">
        <f t="shared" si="17"/>
        <v>2.902146458647115E-2</v>
      </c>
    </row>
    <row r="353" spans="1:6" x14ac:dyDescent="0.2">
      <c r="A353">
        <v>2196.210427</v>
      </c>
      <c r="B353">
        <v>20.011365000000001</v>
      </c>
      <c r="C353">
        <v>7.8374139999999999</v>
      </c>
      <c r="D353">
        <f t="shared" si="18"/>
        <v>1.7566839999999999</v>
      </c>
      <c r="E353">
        <f t="shared" si="16"/>
        <v>110.98882300000014</v>
      </c>
      <c r="F353">
        <f t="shared" si="17"/>
        <v>2.8768131220756152E-2</v>
      </c>
    </row>
    <row r="354" spans="1:6" x14ac:dyDescent="0.2">
      <c r="A354">
        <v>2195.518466</v>
      </c>
      <c r="B354">
        <v>20.012999000000001</v>
      </c>
      <c r="C354">
        <v>7.8424189999999996</v>
      </c>
      <c r="D354">
        <f t="shared" si="18"/>
        <v>1.7616889999999996</v>
      </c>
      <c r="E354">
        <f t="shared" si="16"/>
        <v>110.29686200000015</v>
      </c>
      <c r="F354">
        <f t="shared" si="17"/>
        <v>2.8516539331901122E-2</v>
      </c>
    </row>
    <row r="355" spans="1:6" x14ac:dyDescent="0.2">
      <c r="A355">
        <v>2195.1635780000001</v>
      </c>
      <c r="B355">
        <v>20.020866999999999</v>
      </c>
      <c r="C355">
        <v>7.8474240000000002</v>
      </c>
      <c r="D355">
        <f t="shared" si="18"/>
        <v>1.7666940000000002</v>
      </c>
      <c r="E355">
        <f t="shared" si="16"/>
        <v>109.9419740000003</v>
      </c>
      <c r="F355">
        <f t="shared" si="17"/>
        <v>2.8348840994050099E-2</v>
      </c>
    </row>
    <row r="356" spans="1:6" x14ac:dyDescent="0.2">
      <c r="A356">
        <v>2194.3563819999999</v>
      </c>
      <c r="B356">
        <v>20.042846999999998</v>
      </c>
      <c r="C356">
        <v>7.8524289999999999</v>
      </c>
      <c r="D356">
        <f t="shared" si="18"/>
        <v>1.7716989999999999</v>
      </c>
      <c r="E356">
        <f t="shared" si="16"/>
        <v>109.1347780000001</v>
      </c>
      <c r="F356">
        <f t="shared" si="17"/>
        <v>2.8071528923554186E-2</v>
      </c>
    </row>
    <row r="357" spans="1:6" x14ac:dyDescent="0.2">
      <c r="A357">
        <v>2193.2633940000001</v>
      </c>
      <c r="B357">
        <v>20.023458000000002</v>
      </c>
      <c r="C357">
        <v>7.8574339999999996</v>
      </c>
      <c r="D357">
        <f t="shared" si="18"/>
        <v>1.7767039999999996</v>
      </c>
      <c r="E357">
        <f t="shared" si="16"/>
        <v>108.04179000000022</v>
      </c>
      <c r="F357">
        <f t="shared" si="17"/>
        <v>2.7725915831201705E-2</v>
      </c>
    </row>
    <row r="358" spans="1:6" x14ac:dyDescent="0.2">
      <c r="A358">
        <v>2191.8724419999999</v>
      </c>
      <c r="B358">
        <v>20.027515000000001</v>
      </c>
      <c r="C358">
        <v>7.862438</v>
      </c>
      <c r="D358">
        <f t="shared" si="18"/>
        <v>1.7817080000000001</v>
      </c>
      <c r="E358">
        <f t="shared" si="16"/>
        <v>106.65083800000002</v>
      </c>
      <c r="F358">
        <f t="shared" si="17"/>
        <v>2.7309419319457739E-2</v>
      </c>
    </row>
    <row r="359" spans="1:6" x14ac:dyDescent="0.2">
      <c r="A359">
        <v>2190.8548150000001</v>
      </c>
      <c r="B359">
        <v>20.028794000000001</v>
      </c>
      <c r="C359">
        <v>7.8674429999999997</v>
      </c>
      <c r="D359">
        <f t="shared" si="18"/>
        <v>1.7867129999999998</v>
      </c>
      <c r="E359">
        <f t="shared" si="16"/>
        <v>105.6332110000003</v>
      </c>
      <c r="F359">
        <f t="shared" si="17"/>
        <v>2.6985600444367618E-2</v>
      </c>
    </row>
    <row r="360" spans="1:6" x14ac:dyDescent="0.2">
      <c r="A360">
        <v>2189.9925290000001</v>
      </c>
      <c r="B360">
        <v>20.033768999999999</v>
      </c>
      <c r="C360">
        <v>7.8724480000000003</v>
      </c>
      <c r="D360">
        <f t="shared" si="18"/>
        <v>1.7917180000000004</v>
      </c>
      <c r="E360">
        <f t="shared" si="16"/>
        <v>104.77092500000026</v>
      </c>
      <c r="F360">
        <f t="shared" si="17"/>
        <v>2.6701059110624901E-2</v>
      </c>
    </row>
    <row r="361" spans="1:6" x14ac:dyDescent="0.2">
      <c r="A361">
        <v>2189.075147</v>
      </c>
      <c r="B361">
        <v>20.025044999999999</v>
      </c>
      <c r="C361">
        <v>7.877453</v>
      </c>
      <c r="D361">
        <f t="shared" si="18"/>
        <v>1.7967230000000001</v>
      </c>
      <c r="E361">
        <f t="shared" si="16"/>
        <v>103.85354300000017</v>
      </c>
      <c r="F361">
        <f t="shared" si="17"/>
        <v>2.6404595548435453E-2</v>
      </c>
    </row>
    <row r="362" spans="1:6" x14ac:dyDescent="0.2">
      <c r="A362">
        <v>2189.5866310000001</v>
      </c>
      <c r="B362">
        <v>19.944714000000001</v>
      </c>
      <c r="C362">
        <v>7.8824579999999997</v>
      </c>
      <c r="D362">
        <f t="shared" si="18"/>
        <v>1.8017279999999998</v>
      </c>
      <c r="E362">
        <f t="shared" si="16"/>
        <v>104.36502700000028</v>
      </c>
      <c r="F362">
        <f t="shared" si="17"/>
        <v>2.6454748020183681E-2</v>
      </c>
    </row>
    <row r="363" spans="1:6" x14ac:dyDescent="0.2">
      <c r="A363">
        <v>2190.6503309999998</v>
      </c>
      <c r="B363">
        <v>19.975113</v>
      </c>
      <c r="C363">
        <v>7.8874620000000002</v>
      </c>
      <c r="D363">
        <f t="shared" si="18"/>
        <v>1.8067320000000002</v>
      </c>
      <c r="E363">
        <f t="shared" si="16"/>
        <v>105.42872699999998</v>
      </c>
      <c r="F363">
        <f t="shared" si="17"/>
        <v>2.6637420372567885E-2</v>
      </c>
    </row>
    <row r="364" spans="1:6" x14ac:dyDescent="0.2">
      <c r="A364">
        <v>2191.914186</v>
      </c>
      <c r="B364">
        <v>19.962688</v>
      </c>
      <c r="C364">
        <v>7.8924669999999999</v>
      </c>
      <c r="D364">
        <f t="shared" si="18"/>
        <v>1.8117369999999999</v>
      </c>
      <c r="E364">
        <f t="shared" si="16"/>
        <v>106.69258200000013</v>
      </c>
      <c r="F364">
        <f t="shared" si="17"/>
        <v>2.6866774128892174E-2</v>
      </c>
    </row>
    <row r="365" spans="1:6" x14ac:dyDescent="0.2">
      <c r="A365">
        <v>2193.3180699999998</v>
      </c>
      <c r="B365">
        <v>19.936135</v>
      </c>
      <c r="C365">
        <v>7.8974719999999996</v>
      </c>
      <c r="D365">
        <f t="shared" si="18"/>
        <v>1.8167419999999996</v>
      </c>
      <c r="E365">
        <f t="shared" si="16"/>
        <v>108.09646599999996</v>
      </c>
      <c r="F365">
        <f t="shared" si="17"/>
        <v>2.7127927910691577E-2</v>
      </c>
    </row>
    <row r="366" spans="1:6" x14ac:dyDescent="0.2">
      <c r="A366">
        <v>2194.8069009999999</v>
      </c>
      <c r="B366">
        <v>19.954993999999999</v>
      </c>
      <c r="C366">
        <v>7.9024770000000002</v>
      </c>
      <c r="D366">
        <f t="shared" si="18"/>
        <v>1.8217470000000002</v>
      </c>
      <c r="E366">
        <f t="shared" si="16"/>
        <v>109.58529700000008</v>
      </c>
      <c r="F366">
        <f t="shared" si="17"/>
        <v>2.7407404464252064E-2</v>
      </c>
    </row>
    <row r="367" spans="1:6" x14ac:dyDescent="0.2">
      <c r="A367">
        <v>2196.1945810000002</v>
      </c>
      <c r="B367">
        <v>19.951727999999999</v>
      </c>
      <c r="C367">
        <v>7.9074819999999999</v>
      </c>
      <c r="D367">
        <f t="shared" si="18"/>
        <v>1.8267519999999999</v>
      </c>
      <c r="E367">
        <f t="shared" si="16"/>
        <v>110.97297700000036</v>
      </c>
      <c r="F367">
        <f t="shared" si="17"/>
        <v>2.7660933311792344E-2</v>
      </c>
    </row>
    <row r="368" spans="1:6" x14ac:dyDescent="0.2">
      <c r="A368">
        <v>2197.7585140000001</v>
      </c>
      <c r="B368">
        <v>19.936729</v>
      </c>
      <c r="C368">
        <v>7.9124860000000004</v>
      </c>
      <c r="D368">
        <f t="shared" si="18"/>
        <v>1.8317560000000004</v>
      </c>
      <c r="E368">
        <f t="shared" si="16"/>
        <v>112.53691000000026</v>
      </c>
      <c r="F368">
        <f t="shared" si="17"/>
        <v>2.7954220875179007E-2</v>
      </c>
    </row>
    <row r="369" spans="1:6" x14ac:dyDescent="0.2">
      <c r="A369">
        <v>2199.655546</v>
      </c>
      <c r="B369">
        <v>19.94229</v>
      </c>
      <c r="C369">
        <v>7.9174910000000001</v>
      </c>
      <c r="D369">
        <f t="shared" si="18"/>
        <v>1.8367610000000001</v>
      </c>
      <c r="E369">
        <f t="shared" si="16"/>
        <v>114.43394200000012</v>
      </c>
      <c r="F369">
        <f t="shared" si="17"/>
        <v>2.8323539923116356E-2</v>
      </c>
    </row>
    <row r="370" spans="1:6" x14ac:dyDescent="0.2">
      <c r="A370">
        <v>2201.3594400000002</v>
      </c>
      <c r="B370">
        <v>19.940134</v>
      </c>
      <c r="C370">
        <v>7.9224959999999998</v>
      </c>
      <c r="D370">
        <f t="shared" si="18"/>
        <v>1.8417659999999998</v>
      </c>
      <c r="E370">
        <f t="shared" si="16"/>
        <v>116.13783600000033</v>
      </c>
      <c r="F370">
        <f t="shared" si="17"/>
        <v>2.86449664422237E-2</v>
      </c>
    </row>
    <row r="371" spans="1:6" x14ac:dyDescent="0.2">
      <c r="A371">
        <v>2202.4290209999999</v>
      </c>
      <c r="B371">
        <v>19.981013000000001</v>
      </c>
      <c r="C371">
        <v>7.9275010000000004</v>
      </c>
      <c r="D371">
        <f t="shared" si="18"/>
        <v>1.8467710000000004</v>
      </c>
      <c r="E371">
        <f t="shared" si="16"/>
        <v>117.20741700000008</v>
      </c>
      <c r="F371">
        <f t="shared" si="17"/>
        <v>2.8816426804186491E-2</v>
      </c>
    </row>
    <row r="372" spans="1:6" x14ac:dyDescent="0.2">
      <c r="A372">
        <v>2202.3664709999998</v>
      </c>
      <c r="B372">
        <v>20.010745</v>
      </c>
      <c r="C372">
        <v>7.9325060000000001</v>
      </c>
      <c r="D372">
        <f t="shared" si="18"/>
        <v>1.8517760000000001</v>
      </c>
      <c r="E372">
        <f t="shared" si="16"/>
        <v>117.14486699999998</v>
      </c>
      <c r="F372">
        <f t="shared" si="17"/>
        <v>2.8724020355448049E-2</v>
      </c>
    </row>
    <row r="373" spans="1:6" x14ac:dyDescent="0.2">
      <c r="A373">
        <v>2201.2438259999999</v>
      </c>
      <c r="B373">
        <v>20.040545999999999</v>
      </c>
      <c r="C373">
        <v>7.9375099999999996</v>
      </c>
      <c r="D373">
        <f t="shared" si="18"/>
        <v>1.8567799999999997</v>
      </c>
      <c r="E373">
        <f t="shared" si="16"/>
        <v>116.02222200000006</v>
      </c>
      <c r="F373">
        <f t="shared" si="17"/>
        <v>2.8386547715786015E-2</v>
      </c>
    </row>
    <row r="374" spans="1:6" x14ac:dyDescent="0.2">
      <c r="A374">
        <v>2200.2445130000001</v>
      </c>
      <c r="B374">
        <v>20.040493000000001</v>
      </c>
      <c r="C374">
        <v>7.9425150000000002</v>
      </c>
      <c r="D374">
        <f t="shared" si="18"/>
        <v>1.8617850000000002</v>
      </c>
      <c r="E374">
        <f t="shared" si="16"/>
        <v>115.02290900000025</v>
      </c>
      <c r="F374">
        <f t="shared" si="17"/>
        <v>2.8079144602223848E-2</v>
      </c>
    </row>
    <row r="375" spans="1:6" x14ac:dyDescent="0.2">
      <c r="A375">
        <v>2198.8785830000002</v>
      </c>
      <c r="B375">
        <v>20.037944</v>
      </c>
      <c r="C375">
        <v>7.9475199999999999</v>
      </c>
      <c r="D375">
        <f t="shared" si="18"/>
        <v>1.8667899999999999</v>
      </c>
      <c r="E375">
        <f t="shared" si="16"/>
        <v>113.65697900000032</v>
      </c>
      <c r="F375">
        <f t="shared" si="17"/>
        <v>2.7688497729139935E-2</v>
      </c>
    </row>
    <row r="376" spans="1:6" x14ac:dyDescent="0.2">
      <c r="A376">
        <v>2197.0379050000001</v>
      </c>
      <c r="B376">
        <v>20.046963999999999</v>
      </c>
      <c r="C376">
        <v>7.9525249999999996</v>
      </c>
      <c r="D376">
        <f t="shared" si="18"/>
        <v>1.8717949999999997</v>
      </c>
      <c r="E376">
        <f t="shared" si="16"/>
        <v>111.81630100000029</v>
      </c>
      <c r="F376">
        <f t="shared" si="17"/>
        <v>2.7190005074175013E-2</v>
      </c>
    </row>
    <row r="377" spans="1:6" x14ac:dyDescent="0.2">
      <c r="A377">
        <v>2195.3185319999998</v>
      </c>
      <c r="B377">
        <v>20.04964</v>
      </c>
      <c r="C377">
        <v>7.9575300000000002</v>
      </c>
      <c r="D377">
        <f t="shared" si="18"/>
        <v>1.8768000000000002</v>
      </c>
      <c r="E377">
        <f t="shared" si="16"/>
        <v>110.09692799999993</v>
      </c>
      <c r="F377">
        <f t="shared" si="17"/>
        <v>2.6721427975357512E-2</v>
      </c>
    </row>
    <row r="378" spans="1:6" x14ac:dyDescent="0.2">
      <c r="A378">
        <v>2194.1416570000001</v>
      </c>
      <c r="B378">
        <v>20.034051000000002</v>
      </c>
      <c r="C378">
        <v>7.9625339999999998</v>
      </c>
      <c r="D378">
        <f t="shared" si="18"/>
        <v>1.8818039999999998</v>
      </c>
      <c r="E378">
        <f t="shared" si="16"/>
        <v>108.92005300000028</v>
      </c>
      <c r="F378">
        <f t="shared" si="17"/>
        <v>2.6379635707825054E-2</v>
      </c>
    </row>
    <row r="379" spans="1:6" x14ac:dyDescent="0.2">
      <c r="A379">
        <v>2193.1740359999999</v>
      </c>
      <c r="B379">
        <v>20.037438999999999</v>
      </c>
      <c r="C379">
        <v>7.9675390000000004</v>
      </c>
      <c r="D379">
        <f t="shared" si="18"/>
        <v>1.8868090000000004</v>
      </c>
      <c r="E379">
        <f t="shared" si="16"/>
        <v>107.95243200000004</v>
      </c>
      <c r="F379">
        <f t="shared" si="17"/>
        <v>2.6087435949702878E-2</v>
      </c>
    </row>
    <row r="380" spans="1:6" x14ac:dyDescent="0.2">
      <c r="A380">
        <v>2192.3195040000001</v>
      </c>
      <c r="B380">
        <v>20.01276</v>
      </c>
      <c r="C380">
        <v>7.9725440000000001</v>
      </c>
      <c r="D380">
        <f t="shared" si="18"/>
        <v>1.8918140000000001</v>
      </c>
      <c r="E380">
        <f t="shared" si="16"/>
        <v>107.09790000000021</v>
      </c>
      <c r="F380">
        <f t="shared" si="17"/>
        <v>2.5822522976939297E-2</v>
      </c>
    </row>
    <row r="381" spans="1:6" x14ac:dyDescent="0.2">
      <c r="A381">
        <v>2191.783895</v>
      </c>
      <c r="B381">
        <v>20.008412</v>
      </c>
      <c r="C381">
        <v>7.9775489999999998</v>
      </c>
      <c r="D381">
        <f t="shared" si="18"/>
        <v>1.8968189999999998</v>
      </c>
      <c r="E381">
        <f t="shared" si="16"/>
        <v>106.56229100000019</v>
      </c>
      <c r="F381">
        <f t="shared" si="17"/>
        <v>2.563184842643719E-2</v>
      </c>
    </row>
    <row r="382" spans="1:6" x14ac:dyDescent="0.2">
      <c r="A382">
        <v>2191.813052</v>
      </c>
      <c r="B382">
        <v>19.978041999999999</v>
      </c>
      <c r="C382">
        <v>7.9825540000000004</v>
      </c>
      <c r="D382">
        <f t="shared" si="18"/>
        <v>1.9018240000000004</v>
      </c>
      <c r="E382">
        <f t="shared" si="16"/>
        <v>106.59144800000013</v>
      </c>
      <c r="F382">
        <f t="shared" si="17"/>
        <v>2.5571048121725372E-2</v>
      </c>
    </row>
    <row r="383" spans="1:6" x14ac:dyDescent="0.2">
      <c r="A383">
        <v>2192.8953849999998</v>
      </c>
      <c r="B383">
        <v>19.958618000000001</v>
      </c>
      <c r="C383">
        <v>7.9875579999999999</v>
      </c>
      <c r="D383">
        <f t="shared" si="18"/>
        <v>1.906828</v>
      </c>
      <c r="E383">
        <f t="shared" si="16"/>
        <v>107.67378099999996</v>
      </c>
      <c r="F383">
        <f t="shared" si="17"/>
        <v>2.5750195440489673E-2</v>
      </c>
    </row>
    <row r="384" spans="1:6" x14ac:dyDescent="0.2">
      <c r="A384">
        <v>2193.9158080000002</v>
      </c>
      <c r="B384">
        <v>19.972794</v>
      </c>
      <c r="C384">
        <v>7.9925629999999996</v>
      </c>
      <c r="D384">
        <f t="shared" si="18"/>
        <v>1.9118329999999997</v>
      </c>
      <c r="E384">
        <f t="shared" si="16"/>
        <v>108.69420400000035</v>
      </c>
      <c r="F384">
        <f t="shared" si="17"/>
        <v>2.5914120587017843E-2</v>
      </c>
    </row>
    <row r="385" spans="1:6" x14ac:dyDescent="0.2">
      <c r="A385">
        <v>2194.0056669999999</v>
      </c>
      <c r="B385">
        <v>19.998415000000001</v>
      </c>
      <c r="C385">
        <v>7.9975680000000002</v>
      </c>
      <c r="D385">
        <f t="shared" si="18"/>
        <v>1.9168380000000003</v>
      </c>
      <c r="E385">
        <f t="shared" si="16"/>
        <v>108.78406300000006</v>
      </c>
      <c r="F385">
        <f t="shared" si="17"/>
        <v>2.586676514483956E-2</v>
      </c>
    </row>
    <row r="386" spans="1:6" x14ac:dyDescent="0.2">
      <c r="A386">
        <v>2194.081404</v>
      </c>
      <c r="B386">
        <v>20.001967</v>
      </c>
      <c r="C386">
        <v>8.0025729999999999</v>
      </c>
      <c r="D386">
        <f t="shared" si="18"/>
        <v>1.921843</v>
      </c>
      <c r="E386">
        <f t="shared" si="16"/>
        <v>108.85980000000018</v>
      </c>
      <c r="F386">
        <f t="shared" si="17"/>
        <v>2.5816471801831605E-2</v>
      </c>
    </row>
    <row r="387" spans="1:6" x14ac:dyDescent="0.2">
      <c r="A387">
        <v>2194.4395549999999</v>
      </c>
      <c r="B387">
        <v>19.980127</v>
      </c>
      <c r="C387">
        <v>8.0075780000000005</v>
      </c>
      <c r="D387">
        <f t="shared" si="18"/>
        <v>1.9268480000000006</v>
      </c>
      <c r="E387">
        <f t="shared" ref="E387:E409" si="19">A387-$A$2</f>
        <v>109.21795100000008</v>
      </c>
      <c r="F387">
        <f t="shared" ref="F387:F409" si="20">(1/A387)*(E387/D387)</f>
        <v>2.5829913107983798E-2</v>
      </c>
    </row>
    <row r="388" spans="1:6" x14ac:dyDescent="0.2">
      <c r="A388">
        <v>2194.787382</v>
      </c>
      <c r="B388">
        <v>19.992381999999999</v>
      </c>
      <c r="C388">
        <v>8.0125820000000001</v>
      </c>
      <c r="D388">
        <f t="shared" si="18"/>
        <v>1.9318520000000001</v>
      </c>
      <c r="E388">
        <f t="shared" si="19"/>
        <v>109.56577800000014</v>
      </c>
      <c r="F388">
        <f t="shared" si="20"/>
        <v>2.5840958600936107E-2</v>
      </c>
    </row>
    <row r="389" spans="1:6" x14ac:dyDescent="0.2">
      <c r="A389">
        <v>2194.8958280000002</v>
      </c>
      <c r="B389">
        <v>19.986539</v>
      </c>
      <c r="C389">
        <v>8.0175870000000007</v>
      </c>
      <c r="D389">
        <f t="shared" si="18"/>
        <v>1.9368570000000007</v>
      </c>
      <c r="E389">
        <f t="shared" si="19"/>
        <v>109.67422400000032</v>
      </c>
      <c r="F389">
        <f t="shared" si="20"/>
        <v>2.5798419458428194E-2</v>
      </c>
    </row>
    <row r="390" spans="1:6" x14ac:dyDescent="0.2">
      <c r="A390">
        <v>2195.3218379999998</v>
      </c>
      <c r="B390">
        <v>19.992740999999999</v>
      </c>
      <c r="C390">
        <v>8.0225919999999995</v>
      </c>
      <c r="D390">
        <f t="shared" si="18"/>
        <v>1.9418619999999995</v>
      </c>
      <c r="E390">
        <f t="shared" si="19"/>
        <v>110.100234</v>
      </c>
      <c r="F390">
        <f t="shared" si="20"/>
        <v>2.5826864334413831E-2</v>
      </c>
    </row>
    <row r="391" spans="1:6" x14ac:dyDescent="0.2">
      <c r="A391">
        <v>2195.9176339999999</v>
      </c>
      <c r="B391">
        <v>19.974958000000001</v>
      </c>
      <c r="C391">
        <v>8.0275970000000001</v>
      </c>
      <c r="D391">
        <f t="shared" ref="D391:D410" si="21">C391-$C$2</f>
        <v>1.9468670000000001</v>
      </c>
      <c r="E391">
        <f t="shared" si="19"/>
        <v>110.69603000000006</v>
      </c>
      <c r="F391">
        <f t="shared" si="20"/>
        <v>2.5892841664272939E-2</v>
      </c>
    </row>
    <row r="392" spans="1:6" x14ac:dyDescent="0.2">
      <c r="A392">
        <v>2196.0364639999998</v>
      </c>
      <c r="B392">
        <v>19.989401999999998</v>
      </c>
      <c r="C392">
        <v>8.0326020000000007</v>
      </c>
      <c r="D392">
        <f t="shared" si="21"/>
        <v>1.9518720000000007</v>
      </c>
      <c r="E392">
        <f t="shared" si="19"/>
        <v>110.81485999999995</v>
      </c>
      <c r="F392">
        <f t="shared" si="20"/>
        <v>2.5852772291631358E-2</v>
      </c>
    </row>
    <row r="393" spans="1:6" x14ac:dyDescent="0.2">
      <c r="A393">
        <v>2196.0726300000001</v>
      </c>
      <c r="B393">
        <v>19.99091</v>
      </c>
      <c r="C393">
        <v>8.0376060000000003</v>
      </c>
      <c r="D393">
        <f t="shared" si="21"/>
        <v>1.9568760000000003</v>
      </c>
      <c r="E393">
        <f t="shared" si="19"/>
        <v>110.85102600000027</v>
      </c>
      <c r="F393">
        <f t="shared" si="20"/>
        <v>2.5794654248350247E-2</v>
      </c>
    </row>
    <row r="394" spans="1:6" x14ac:dyDescent="0.2">
      <c r="A394">
        <v>2196.914792</v>
      </c>
      <c r="B394">
        <v>19.954042000000001</v>
      </c>
      <c r="C394">
        <v>8.0426110000000008</v>
      </c>
      <c r="D394">
        <f t="shared" si="21"/>
        <v>1.9618810000000009</v>
      </c>
      <c r="E394">
        <f t="shared" si="19"/>
        <v>111.69318800000019</v>
      </c>
      <c r="F394">
        <f t="shared" si="20"/>
        <v>2.5914379395806056E-2</v>
      </c>
    </row>
    <row r="395" spans="1:6" x14ac:dyDescent="0.2">
      <c r="A395">
        <v>2198.3325799999998</v>
      </c>
      <c r="B395">
        <v>19.958091</v>
      </c>
      <c r="C395">
        <v>8.0476159999999997</v>
      </c>
      <c r="D395">
        <f t="shared" si="21"/>
        <v>1.9668859999999997</v>
      </c>
      <c r="E395">
        <f t="shared" si="19"/>
        <v>113.11097599999994</v>
      </c>
      <c r="F395">
        <f t="shared" si="20"/>
        <v>2.6159664171048851E-2</v>
      </c>
    </row>
    <row r="396" spans="1:6" x14ac:dyDescent="0.2">
      <c r="A396">
        <v>2199.2679360000002</v>
      </c>
      <c r="B396">
        <v>19.975491999999999</v>
      </c>
      <c r="C396">
        <v>8.0526210000000003</v>
      </c>
      <c r="D396">
        <f t="shared" si="21"/>
        <v>1.9718910000000003</v>
      </c>
      <c r="E396">
        <f t="shared" si="19"/>
        <v>114.04633200000035</v>
      </c>
      <c r="F396">
        <f t="shared" si="20"/>
        <v>2.629785185777862E-2</v>
      </c>
    </row>
    <row r="397" spans="1:6" x14ac:dyDescent="0.2">
      <c r="A397">
        <v>2200.0974059999999</v>
      </c>
      <c r="B397">
        <v>19.974806999999998</v>
      </c>
      <c r="C397">
        <v>8.0576260000000008</v>
      </c>
      <c r="D397">
        <f t="shared" si="21"/>
        <v>1.9768960000000009</v>
      </c>
      <c r="E397">
        <f t="shared" si="19"/>
        <v>114.87580200000002</v>
      </c>
      <c r="F397">
        <f t="shared" si="20"/>
        <v>2.6412093422956778E-2</v>
      </c>
    </row>
    <row r="398" spans="1:6" x14ac:dyDescent="0.2">
      <c r="A398">
        <v>2200.7338909999999</v>
      </c>
      <c r="B398">
        <v>19.984317999999998</v>
      </c>
      <c r="C398">
        <v>8.0626300000000004</v>
      </c>
      <c r="D398">
        <f t="shared" si="21"/>
        <v>1.9819000000000004</v>
      </c>
      <c r="E398">
        <f t="shared" si="19"/>
        <v>115.51228700000001</v>
      </c>
      <c r="F398">
        <f t="shared" si="20"/>
        <v>2.6483715459833902E-2</v>
      </c>
    </row>
    <row r="399" spans="1:6" x14ac:dyDescent="0.2">
      <c r="A399">
        <v>2200.66075</v>
      </c>
      <c r="B399">
        <v>19.997288999999999</v>
      </c>
      <c r="C399">
        <v>8.0676349999999992</v>
      </c>
      <c r="D399">
        <f t="shared" si="21"/>
        <v>1.9869049999999993</v>
      </c>
      <c r="E399">
        <f t="shared" si="19"/>
        <v>115.43914600000016</v>
      </c>
      <c r="F399">
        <f t="shared" si="20"/>
        <v>2.6401153670010863E-2</v>
      </c>
    </row>
    <row r="400" spans="1:6" x14ac:dyDescent="0.2">
      <c r="A400">
        <v>2200.5399689999999</v>
      </c>
      <c r="B400">
        <v>20.006968000000001</v>
      </c>
      <c r="C400">
        <v>8.0726399999999998</v>
      </c>
      <c r="D400">
        <f t="shared" si="21"/>
        <v>1.9919099999999998</v>
      </c>
      <c r="E400">
        <f t="shared" si="19"/>
        <v>115.31836500000009</v>
      </c>
      <c r="F400">
        <f t="shared" si="20"/>
        <v>2.6308706936208782E-2</v>
      </c>
    </row>
    <row r="401" spans="1:6" x14ac:dyDescent="0.2">
      <c r="A401">
        <v>2200.107121</v>
      </c>
      <c r="B401">
        <v>20.010297999999999</v>
      </c>
      <c r="C401">
        <v>8.0776450000000004</v>
      </c>
      <c r="D401">
        <f t="shared" si="21"/>
        <v>1.9969150000000004</v>
      </c>
      <c r="E401">
        <f t="shared" si="19"/>
        <v>114.88551700000016</v>
      </c>
      <c r="F401">
        <f t="shared" si="20"/>
        <v>2.6149408949640792E-2</v>
      </c>
    </row>
    <row r="402" spans="1:6" x14ac:dyDescent="0.2">
      <c r="A402">
        <v>2199.5403670000001</v>
      </c>
      <c r="B402">
        <v>20.019881000000002</v>
      </c>
      <c r="C402">
        <v>8.0826499999999992</v>
      </c>
      <c r="D402">
        <f t="shared" si="21"/>
        <v>2.0019199999999993</v>
      </c>
      <c r="E402">
        <f t="shared" si="19"/>
        <v>114.31876300000022</v>
      </c>
      <c r="F402">
        <f t="shared" si="20"/>
        <v>2.5962042787698317E-2</v>
      </c>
    </row>
    <row r="403" spans="1:6" x14ac:dyDescent="0.2">
      <c r="A403">
        <v>2198.6434079999999</v>
      </c>
      <c r="B403">
        <v>20.032830000000001</v>
      </c>
      <c r="C403">
        <v>8.0876540000000006</v>
      </c>
      <c r="D403">
        <f t="shared" si="21"/>
        <v>2.0069240000000006</v>
      </c>
      <c r="E403">
        <f t="shared" si="19"/>
        <v>113.42180400000007</v>
      </c>
      <c r="F403">
        <f t="shared" si="20"/>
        <v>2.5704598577449129E-2</v>
      </c>
    </row>
    <row r="404" spans="1:6" x14ac:dyDescent="0.2">
      <c r="A404">
        <v>2197.5167299999998</v>
      </c>
      <c r="B404">
        <v>20.021585999999999</v>
      </c>
      <c r="C404">
        <v>8.0926589999999994</v>
      </c>
      <c r="D404">
        <f t="shared" si="21"/>
        <v>2.0119289999999994</v>
      </c>
      <c r="E404">
        <f t="shared" si="19"/>
        <v>112.29512599999998</v>
      </c>
      <c r="F404">
        <f t="shared" si="20"/>
        <v>2.539896771635345E-2</v>
      </c>
    </row>
    <row r="405" spans="1:6" x14ac:dyDescent="0.2">
      <c r="A405">
        <v>2195.1389300000001</v>
      </c>
      <c r="B405">
        <v>20.02535</v>
      </c>
      <c r="C405">
        <v>8.097664</v>
      </c>
      <c r="D405">
        <f t="shared" si="21"/>
        <v>2.016934</v>
      </c>
      <c r="E405">
        <f t="shared" si="19"/>
        <v>109.91732600000023</v>
      </c>
      <c r="F405">
        <f t="shared" si="20"/>
        <v>2.4826326100462447E-2</v>
      </c>
    </row>
    <row r="406" spans="1:6" x14ac:dyDescent="0.2">
      <c r="A406">
        <v>2192.6627480000002</v>
      </c>
      <c r="B406">
        <v>20.002203999999999</v>
      </c>
      <c r="C406">
        <v>8.1026690000000006</v>
      </c>
      <c r="D406">
        <f t="shared" si="21"/>
        <v>2.0219390000000006</v>
      </c>
      <c r="E406">
        <f t="shared" si="19"/>
        <v>107.44114400000035</v>
      </c>
      <c r="F406">
        <f t="shared" si="20"/>
        <v>2.4234314322633919E-2</v>
      </c>
    </row>
    <row r="407" spans="1:6" x14ac:dyDescent="0.2">
      <c r="A407">
        <v>2190.6819660000001</v>
      </c>
      <c r="B407">
        <v>19.976718999999999</v>
      </c>
      <c r="C407">
        <v>8.1076739999999994</v>
      </c>
      <c r="D407">
        <f t="shared" si="21"/>
        <v>2.0269439999999994</v>
      </c>
      <c r="E407">
        <f t="shared" si="19"/>
        <v>105.46036200000026</v>
      </c>
      <c r="F407">
        <f t="shared" si="20"/>
        <v>2.3750249395075803E-2</v>
      </c>
    </row>
    <row r="408" spans="1:6" x14ac:dyDescent="0.2">
      <c r="A408">
        <v>2188.5497500000001</v>
      </c>
      <c r="B408">
        <v>19.959166</v>
      </c>
      <c r="C408">
        <v>8.1126780000000007</v>
      </c>
      <c r="D408">
        <f t="shared" si="21"/>
        <v>2.0319480000000008</v>
      </c>
      <c r="E408">
        <f t="shared" si="19"/>
        <v>103.32814600000029</v>
      </c>
      <c r="F408">
        <f t="shared" si="20"/>
        <v>2.3235371677488306E-2</v>
      </c>
    </row>
    <row r="409" spans="1:6" x14ac:dyDescent="0.2">
      <c r="A409" s="1">
        <v>2186.772614</v>
      </c>
      <c r="B409">
        <v>19.912123000000001</v>
      </c>
      <c r="C409">
        <v>8.1176829999999995</v>
      </c>
      <c r="D409">
        <f t="shared" si="21"/>
        <v>2.0369529999999996</v>
      </c>
      <c r="E409">
        <f t="shared" si="19"/>
        <v>101.55101000000013</v>
      </c>
      <c r="F409">
        <f t="shared" si="20"/>
        <v>2.2798150297030851E-2</v>
      </c>
    </row>
    <row r="410" spans="1:6" ht="15" x14ac:dyDescent="0.25">
      <c r="A410">
        <f>MAX(A2:A409)</f>
        <v>2202.4290209999999</v>
      </c>
      <c r="B410" s="3" t="s">
        <v>16</v>
      </c>
    </row>
    <row r="411" spans="1:6" ht="15" x14ac:dyDescent="0.25">
      <c r="A411">
        <f>MIN(A2:A409)</f>
        <v>2085.2216039999998</v>
      </c>
      <c r="B411" s="3" t="s">
        <v>17</v>
      </c>
    </row>
    <row r="413" spans="1:6" x14ac:dyDescent="0.2">
      <c r="A413" t="s">
        <v>20</v>
      </c>
      <c r="C413" s="13">
        <f>E409/A411</f>
        <v>4.8700344272857507E-2</v>
      </c>
    </row>
  </sheetData>
  <pageMargins left="0.7" right="0.7" top="0.75" bottom="0.75" header="0.3" footer="0.3"/>
  <drawing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05"/>
  <sheetViews>
    <sheetView workbookViewId="0"/>
  </sheetViews>
  <sheetFormatPr defaultRowHeight="14.25" x14ac:dyDescent="0.2"/>
  <cols>
    <col min="1" max="1" width="11.875" bestFit="1" customWidth="1"/>
    <col min="2" max="3" width="9.875" bestFit="1" customWidth="1"/>
    <col min="4" max="4" width="9.5" bestFit="1" customWidth="1"/>
    <col min="5" max="5" width="8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>
        <v>1008.310967</v>
      </c>
      <c r="B2">
        <v>19.977432</v>
      </c>
      <c r="C2">
        <v>7.1603969999999997</v>
      </c>
      <c r="D2">
        <f>C2-$C$2</f>
        <v>0</v>
      </c>
      <c r="E2">
        <f>A2-$A$2</f>
        <v>0</v>
      </c>
      <c r="G2" s="3">
        <f>(A402-A403)/A402</f>
        <v>4.670574909351894E-2</v>
      </c>
    </row>
    <row r="3" spans="1:7" x14ac:dyDescent="0.2">
      <c r="A3">
        <v>1008.330192</v>
      </c>
      <c r="B3">
        <v>20.006619000000001</v>
      </c>
      <c r="C3">
        <v>7.1654020000000003</v>
      </c>
      <c r="D3">
        <f t="shared" ref="D3:D66" si="0">C3-$C$2</f>
        <v>5.0050000000005923E-3</v>
      </c>
      <c r="E3">
        <f t="shared" ref="E3:E66" si="1">A3-$A$2</f>
        <v>1.9225000000005821E-2</v>
      </c>
      <c r="F3">
        <f t="shared" ref="F3:F65" si="2">(1/A3)*(E3/D3)</f>
        <v>3.8094255945472569E-3</v>
      </c>
      <c r="G3" s="4">
        <f>G2*100</f>
        <v>4.6705749093518945</v>
      </c>
    </row>
    <row r="4" spans="1:7" x14ac:dyDescent="0.2">
      <c r="A4">
        <v>1008.651219</v>
      </c>
      <c r="B4">
        <v>19.973032</v>
      </c>
      <c r="C4">
        <v>7.1704059999999998</v>
      </c>
      <c r="D4">
        <f t="shared" si="0"/>
        <v>1.0009000000000157E-2</v>
      </c>
      <c r="E4">
        <f t="shared" si="1"/>
        <v>0.34025199999996403</v>
      </c>
      <c r="F4">
        <f t="shared" si="2"/>
        <v>3.3703032540156788E-2</v>
      </c>
    </row>
    <row r="5" spans="1:7" x14ac:dyDescent="0.2">
      <c r="A5">
        <v>1009.188809</v>
      </c>
      <c r="B5">
        <v>19.949238000000001</v>
      </c>
      <c r="C5">
        <v>7.1754110000000004</v>
      </c>
      <c r="D5">
        <f t="shared" si="0"/>
        <v>1.5014000000000749E-2</v>
      </c>
      <c r="E5">
        <f t="shared" si="1"/>
        <v>0.87784199999998691</v>
      </c>
      <c r="F5">
        <f t="shared" si="2"/>
        <v>5.7935868026773488E-2</v>
      </c>
    </row>
    <row r="6" spans="1:7" x14ac:dyDescent="0.2">
      <c r="A6">
        <v>1010.197426</v>
      </c>
      <c r="B6">
        <v>19.945488000000001</v>
      </c>
      <c r="C6">
        <v>7.1804160000000001</v>
      </c>
      <c r="D6">
        <f t="shared" si="0"/>
        <v>2.0019000000000453E-2</v>
      </c>
      <c r="E6">
        <f t="shared" si="1"/>
        <v>1.8864589999999453</v>
      </c>
      <c r="F6">
        <f t="shared" si="2"/>
        <v>9.3282190013384697E-2</v>
      </c>
    </row>
    <row r="7" spans="1:7" x14ac:dyDescent="0.2">
      <c r="A7">
        <v>1010.865574</v>
      </c>
      <c r="B7">
        <v>19.955000999999999</v>
      </c>
      <c r="C7">
        <v>7.1854209999999998</v>
      </c>
      <c r="D7">
        <f t="shared" si="0"/>
        <v>2.5024000000000157E-2</v>
      </c>
      <c r="E7">
        <f t="shared" si="1"/>
        <v>2.5546070000000327</v>
      </c>
      <c r="F7">
        <f t="shared" si="2"/>
        <v>0.10098897400369253</v>
      </c>
    </row>
    <row r="8" spans="1:7" x14ac:dyDescent="0.2">
      <c r="A8">
        <v>1011.283572</v>
      </c>
      <c r="B8">
        <v>19.961396000000001</v>
      </c>
      <c r="C8">
        <v>7.1904260000000004</v>
      </c>
      <c r="D8">
        <f t="shared" si="0"/>
        <v>3.002900000000075E-2</v>
      </c>
      <c r="E8">
        <f t="shared" si="1"/>
        <v>2.9726050000000441</v>
      </c>
      <c r="F8">
        <f t="shared" si="2"/>
        <v>9.7886631046910783E-2</v>
      </c>
    </row>
    <row r="9" spans="1:7" x14ac:dyDescent="0.2">
      <c r="A9">
        <v>1012.085028</v>
      </c>
      <c r="B9">
        <v>19.927935000000002</v>
      </c>
      <c r="C9">
        <v>7.19543</v>
      </c>
      <c r="D9">
        <f t="shared" si="0"/>
        <v>3.5033000000000314E-2</v>
      </c>
      <c r="E9">
        <f t="shared" si="1"/>
        <v>3.7740609999999606</v>
      </c>
      <c r="F9">
        <f t="shared" si="2"/>
        <v>0.10644238230181981</v>
      </c>
    </row>
    <row r="10" spans="1:7" x14ac:dyDescent="0.2">
      <c r="A10">
        <v>1013.258969</v>
      </c>
      <c r="B10">
        <v>19.952133</v>
      </c>
      <c r="C10">
        <v>7.2004349999999997</v>
      </c>
      <c r="D10">
        <f t="shared" si="0"/>
        <v>4.0038000000000018E-2</v>
      </c>
      <c r="E10">
        <f t="shared" si="1"/>
        <v>4.948001999999974</v>
      </c>
      <c r="F10">
        <f t="shared" si="2"/>
        <v>0.12196550957530952</v>
      </c>
    </row>
    <row r="11" spans="1:7" x14ac:dyDescent="0.2">
      <c r="A11">
        <v>1013.4907009999999</v>
      </c>
      <c r="B11">
        <v>19.998262</v>
      </c>
      <c r="C11">
        <v>7.2054400000000003</v>
      </c>
      <c r="D11">
        <f t="shared" si="0"/>
        <v>4.504300000000061E-2</v>
      </c>
      <c r="E11">
        <f t="shared" si="1"/>
        <v>5.1797339999999394</v>
      </c>
      <c r="F11">
        <f t="shared" si="2"/>
        <v>0.1134645986133471</v>
      </c>
    </row>
    <row r="12" spans="1:7" x14ac:dyDescent="0.2">
      <c r="A12">
        <v>1013.968166</v>
      </c>
      <c r="B12">
        <v>19.963913000000002</v>
      </c>
      <c r="C12">
        <v>7.210445</v>
      </c>
      <c r="D12">
        <f t="shared" si="0"/>
        <v>5.0048000000000314E-2</v>
      </c>
      <c r="E12">
        <f t="shared" si="1"/>
        <v>5.6571989999999914</v>
      </c>
      <c r="F12">
        <f t="shared" si="2"/>
        <v>0.11147831829730692</v>
      </c>
    </row>
    <row r="13" spans="1:7" x14ac:dyDescent="0.2">
      <c r="A13">
        <v>1014.511724</v>
      </c>
      <c r="B13">
        <v>19.954954000000001</v>
      </c>
      <c r="C13">
        <v>7.2154499999999997</v>
      </c>
      <c r="D13">
        <f t="shared" si="0"/>
        <v>5.5053000000000019E-2</v>
      </c>
      <c r="E13">
        <f t="shared" si="1"/>
        <v>6.2007569999999532</v>
      </c>
      <c r="F13">
        <f t="shared" si="2"/>
        <v>0.11102138785268691</v>
      </c>
    </row>
    <row r="14" spans="1:7" x14ac:dyDescent="0.2">
      <c r="A14">
        <v>1015.295256</v>
      </c>
      <c r="B14">
        <v>19.963685000000002</v>
      </c>
      <c r="C14">
        <v>7.2204540000000001</v>
      </c>
      <c r="D14">
        <f t="shared" si="0"/>
        <v>6.0057000000000471E-2</v>
      </c>
      <c r="E14">
        <f t="shared" si="1"/>
        <v>6.9842889999999898</v>
      </c>
      <c r="F14">
        <f t="shared" si="2"/>
        <v>0.11454238199106825</v>
      </c>
    </row>
    <row r="15" spans="1:7" x14ac:dyDescent="0.2">
      <c r="A15">
        <v>1015.541934</v>
      </c>
      <c r="B15">
        <v>19.977781</v>
      </c>
      <c r="C15">
        <v>7.2254589999999999</v>
      </c>
      <c r="D15">
        <f t="shared" si="0"/>
        <v>6.5062000000000175E-2</v>
      </c>
      <c r="E15">
        <f t="shared" si="1"/>
        <v>7.2309669999999642</v>
      </c>
      <c r="F15">
        <f t="shared" si="2"/>
        <v>0.10943874626793029</v>
      </c>
    </row>
    <row r="16" spans="1:7" x14ac:dyDescent="0.2">
      <c r="A16">
        <v>1015.419769</v>
      </c>
      <c r="B16">
        <v>20.013760000000001</v>
      </c>
      <c r="C16">
        <v>7.2304639999999996</v>
      </c>
      <c r="D16">
        <f t="shared" si="0"/>
        <v>7.0066999999999879E-2</v>
      </c>
      <c r="E16">
        <f t="shared" si="1"/>
        <v>7.1088019999999688</v>
      </c>
      <c r="F16">
        <f t="shared" si="2"/>
        <v>9.9916515655710816E-2</v>
      </c>
    </row>
    <row r="17" spans="1:6" x14ac:dyDescent="0.2">
      <c r="A17">
        <v>1015.267885</v>
      </c>
      <c r="B17">
        <v>20.005151000000001</v>
      </c>
      <c r="C17">
        <v>7.2354690000000002</v>
      </c>
      <c r="D17">
        <f t="shared" si="0"/>
        <v>7.5072000000000472E-2</v>
      </c>
      <c r="E17">
        <f t="shared" si="1"/>
        <v>6.9569179999999733</v>
      </c>
      <c r="F17">
        <f t="shared" si="2"/>
        <v>9.1276346755404053E-2</v>
      </c>
    </row>
    <row r="18" spans="1:6" x14ac:dyDescent="0.2">
      <c r="A18">
        <v>1015.555916</v>
      </c>
      <c r="B18">
        <v>19.978251</v>
      </c>
      <c r="C18">
        <v>7.2404739999999999</v>
      </c>
      <c r="D18">
        <f t="shared" si="0"/>
        <v>8.0077000000000176E-2</v>
      </c>
      <c r="E18">
        <f t="shared" si="1"/>
        <v>7.2449490000000196</v>
      </c>
      <c r="F18">
        <f t="shared" si="2"/>
        <v>8.9088920755935927E-2</v>
      </c>
    </row>
    <row r="19" spans="1:6" x14ac:dyDescent="0.2">
      <c r="A19">
        <v>1015.187169</v>
      </c>
      <c r="B19">
        <v>20.040828000000001</v>
      </c>
      <c r="C19">
        <v>7.2454780000000003</v>
      </c>
      <c r="D19">
        <f t="shared" si="0"/>
        <v>8.5081000000000628E-2</v>
      </c>
      <c r="E19">
        <f t="shared" si="1"/>
        <v>6.8762020000000348</v>
      </c>
      <c r="F19">
        <f t="shared" si="2"/>
        <v>7.9610420991526792E-2</v>
      </c>
    </row>
    <row r="20" spans="1:6" x14ac:dyDescent="0.2">
      <c r="A20">
        <v>1014.431492</v>
      </c>
      <c r="B20">
        <v>20.035219000000001</v>
      </c>
      <c r="C20">
        <v>7.250483</v>
      </c>
      <c r="D20">
        <f t="shared" si="0"/>
        <v>9.0086000000000332E-2</v>
      </c>
      <c r="E20">
        <f t="shared" si="1"/>
        <v>6.1205250000000433</v>
      </c>
      <c r="F20">
        <f t="shared" si="2"/>
        <v>6.6974371905053023E-2</v>
      </c>
    </row>
    <row r="21" spans="1:6" x14ac:dyDescent="0.2">
      <c r="A21">
        <v>1014.623973</v>
      </c>
      <c r="B21">
        <v>19.9513</v>
      </c>
      <c r="C21">
        <v>7.2554879999999997</v>
      </c>
      <c r="D21">
        <f t="shared" si="0"/>
        <v>9.5091000000000037E-2</v>
      </c>
      <c r="E21">
        <f t="shared" si="1"/>
        <v>6.313005999999973</v>
      </c>
      <c r="F21">
        <f t="shared" si="2"/>
        <v>6.543222191975781E-2</v>
      </c>
    </row>
    <row r="22" spans="1:6" x14ac:dyDescent="0.2">
      <c r="A22">
        <v>1015.418868</v>
      </c>
      <c r="B22">
        <v>19.943294999999999</v>
      </c>
      <c r="C22">
        <v>7.2604930000000003</v>
      </c>
      <c r="D22">
        <f t="shared" si="0"/>
        <v>0.10009600000000063</v>
      </c>
      <c r="E22">
        <f t="shared" si="1"/>
        <v>7.1079009999999698</v>
      </c>
      <c r="F22">
        <f t="shared" si="2"/>
        <v>6.9932558702453643E-2</v>
      </c>
    </row>
    <row r="23" spans="1:6" x14ac:dyDescent="0.2">
      <c r="A23">
        <v>1016.161081</v>
      </c>
      <c r="B23">
        <v>19.979724999999998</v>
      </c>
      <c r="C23">
        <v>7.265498</v>
      </c>
      <c r="D23">
        <f t="shared" si="0"/>
        <v>0.10510100000000033</v>
      </c>
      <c r="E23">
        <f t="shared" si="1"/>
        <v>7.8501139999999623</v>
      </c>
      <c r="F23">
        <f t="shared" si="2"/>
        <v>7.3503252687968992E-2</v>
      </c>
    </row>
    <row r="24" spans="1:6" x14ac:dyDescent="0.2">
      <c r="A24">
        <v>1016.2083</v>
      </c>
      <c r="B24">
        <v>19.994721999999999</v>
      </c>
      <c r="C24">
        <v>7.2705019999999996</v>
      </c>
      <c r="D24">
        <f t="shared" si="0"/>
        <v>0.1101049999999999</v>
      </c>
      <c r="E24">
        <f t="shared" si="1"/>
        <v>7.8973330000000033</v>
      </c>
      <c r="F24">
        <f t="shared" si="2"/>
        <v>7.0581465572740851E-2</v>
      </c>
    </row>
    <row r="25" spans="1:6" x14ac:dyDescent="0.2">
      <c r="A25">
        <v>1016.385556</v>
      </c>
      <c r="B25">
        <v>19.975636000000002</v>
      </c>
      <c r="C25">
        <v>7.2755070000000002</v>
      </c>
      <c r="D25">
        <f t="shared" si="0"/>
        <v>0.11511000000000049</v>
      </c>
      <c r="E25">
        <f t="shared" si="1"/>
        <v>8.0745889999999463</v>
      </c>
      <c r="F25">
        <f t="shared" si="2"/>
        <v>6.9015857332972233E-2</v>
      </c>
    </row>
    <row r="26" spans="1:6" x14ac:dyDescent="0.2">
      <c r="A26">
        <v>1017.115463</v>
      </c>
      <c r="B26">
        <v>19.933384</v>
      </c>
      <c r="C26">
        <v>7.2805119999999999</v>
      </c>
      <c r="D26">
        <f t="shared" si="0"/>
        <v>0.12011500000000019</v>
      </c>
      <c r="E26">
        <f t="shared" si="1"/>
        <v>8.8044959999999719</v>
      </c>
      <c r="F26">
        <f t="shared" si="2"/>
        <v>7.2067091989632251E-2</v>
      </c>
    </row>
    <row r="27" spans="1:6" x14ac:dyDescent="0.2">
      <c r="A27">
        <v>1018.1536620000001</v>
      </c>
      <c r="B27">
        <v>19.949978999999999</v>
      </c>
      <c r="C27">
        <v>7.2855169999999996</v>
      </c>
      <c r="D27">
        <f t="shared" si="0"/>
        <v>0.1251199999999999</v>
      </c>
      <c r="E27">
        <f t="shared" si="1"/>
        <v>9.8426950000000488</v>
      </c>
      <c r="F27">
        <f t="shared" si="2"/>
        <v>7.7263426471890898E-2</v>
      </c>
    </row>
    <row r="28" spans="1:6" x14ac:dyDescent="0.2">
      <c r="A28">
        <v>1018.639504</v>
      </c>
      <c r="B28">
        <v>19.990542000000001</v>
      </c>
      <c r="C28">
        <v>7.2905220000000002</v>
      </c>
      <c r="D28">
        <f t="shared" si="0"/>
        <v>0.13012500000000049</v>
      </c>
      <c r="E28">
        <f t="shared" si="1"/>
        <v>10.328536999999983</v>
      </c>
      <c r="F28">
        <f t="shared" si="2"/>
        <v>7.7921544555214328E-2</v>
      </c>
    </row>
    <row r="29" spans="1:6" x14ac:dyDescent="0.2">
      <c r="A29">
        <v>1018.777052</v>
      </c>
      <c r="B29">
        <v>19.984850000000002</v>
      </c>
      <c r="C29">
        <v>7.2955259999999997</v>
      </c>
      <c r="D29">
        <f t="shared" si="0"/>
        <v>0.13512900000000005</v>
      </c>
      <c r="E29">
        <f t="shared" si="1"/>
        <v>10.466085000000021</v>
      </c>
      <c r="F29">
        <f t="shared" si="2"/>
        <v>7.6025019599242807E-2</v>
      </c>
    </row>
    <row r="30" spans="1:6" x14ac:dyDescent="0.2">
      <c r="A30">
        <v>1019.284233</v>
      </c>
      <c r="B30">
        <v>19.956417999999999</v>
      </c>
      <c r="C30">
        <v>7.3005310000000003</v>
      </c>
      <c r="D30">
        <f t="shared" si="0"/>
        <v>0.14013400000000065</v>
      </c>
      <c r="E30">
        <f t="shared" si="1"/>
        <v>10.973265999999967</v>
      </c>
      <c r="F30">
        <f t="shared" si="2"/>
        <v>7.6824029375180125E-2</v>
      </c>
    </row>
    <row r="31" spans="1:6" x14ac:dyDescent="0.2">
      <c r="A31">
        <v>1020.0265450000001</v>
      </c>
      <c r="B31">
        <v>19.952929999999999</v>
      </c>
      <c r="C31">
        <v>7.305536</v>
      </c>
      <c r="D31">
        <f t="shared" si="0"/>
        <v>0.14513900000000035</v>
      </c>
      <c r="E31">
        <f t="shared" si="1"/>
        <v>11.71557800000005</v>
      </c>
      <c r="F31">
        <f t="shared" si="2"/>
        <v>7.9134911210605313E-2</v>
      </c>
    </row>
    <row r="32" spans="1:6" x14ac:dyDescent="0.2">
      <c r="A32">
        <v>1020.247057</v>
      </c>
      <c r="B32">
        <v>19.998045999999999</v>
      </c>
      <c r="C32">
        <v>7.3105409999999997</v>
      </c>
      <c r="D32">
        <f t="shared" si="0"/>
        <v>0.15014400000000006</v>
      </c>
      <c r="E32">
        <f t="shared" si="1"/>
        <v>11.936090000000036</v>
      </c>
      <c r="F32">
        <f t="shared" si="2"/>
        <v>7.7919965636652738E-2</v>
      </c>
    </row>
    <row r="33" spans="1:6" x14ac:dyDescent="0.2">
      <c r="A33">
        <v>1020.139259</v>
      </c>
      <c r="B33">
        <v>19.997242</v>
      </c>
      <c r="C33">
        <v>7.3155460000000003</v>
      </c>
      <c r="D33">
        <f t="shared" si="0"/>
        <v>0.15514900000000065</v>
      </c>
      <c r="E33">
        <f t="shared" si="1"/>
        <v>11.828292000000033</v>
      </c>
      <c r="F33">
        <f t="shared" si="2"/>
        <v>7.4733202847110158E-2</v>
      </c>
    </row>
    <row r="34" spans="1:6" x14ac:dyDescent="0.2">
      <c r="A34">
        <v>1020.670624</v>
      </c>
      <c r="B34">
        <v>19.943158</v>
      </c>
      <c r="C34">
        <v>7.3205499999999999</v>
      </c>
      <c r="D34">
        <f t="shared" si="0"/>
        <v>0.16015300000000021</v>
      </c>
      <c r="E34">
        <f t="shared" si="1"/>
        <v>12.35965699999997</v>
      </c>
      <c r="F34">
        <f t="shared" si="2"/>
        <v>7.5611129331870586E-2</v>
      </c>
    </row>
    <row r="35" spans="1:6" x14ac:dyDescent="0.2">
      <c r="A35">
        <v>1021.413632</v>
      </c>
      <c r="B35">
        <v>19.937028999999999</v>
      </c>
      <c r="C35">
        <v>7.3255549999999996</v>
      </c>
      <c r="D35">
        <f t="shared" si="0"/>
        <v>0.16515799999999992</v>
      </c>
      <c r="E35">
        <f t="shared" si="1"/>
        <v>13.102665000000002</v>
      </c>
      <c r="F35">
        <f t="shared" si="2"/>
        <v>7.7670906272630166E-2</v>
      </c>
    </row>
    <row r="36" spans="1:6" x14ac:dyDescent="0.2">
      <c r="A36">
        <v>1021.734604</v>
      </c>
      <c r="B36">
        <v>20.004334</v>
      </c>
      <c r="C36">
        <v>7.3305600000000002</v>
      </c>
      <c r="D36">
        <f t="shared" si="0"/>
        <v>0.17016300000000051</v>
      </c>
      <c r="E36">
        <f t="shared" si="1"/>
        <v>13.423636999999985</v>
      </c>
      <c r="F36">
        <f t="shared" si="2"/>
        <v>7.7208828626231144E-2</v>
      </c>
    </row>
    <row r="37" spans="1:6" x14ac:dyDescent="0.2">
      <c r="A37">
        <v>1022.075386</v>
      </c>
      <c r="B37">
        <v>19.984518999999999</v>
      </c>
      <c r="C37">
        <v>7.3355649999999999</v>
      </c>
      <c r="D37">
        <f t="shared" si="0"/>
        <v>0.17516800000000021</v>
      </c>
      <c r="E37">
        <f t="shared" si="1"/>
        <v>13.764418999999975</v>
      </c>
      <c r="F37">
        <f t="shared" si="2"/>
        <v>7.6881205321426047E-2</v>
      </c>
    </row>
    <row r="38" spans="1:6" x14ac:dyDescent="0.2">
      <c r="A38">
        <v>1022.120412</v>
      </c>
      <c r="B38">
        <v>19.970883000000001</v>
      </c>
      <c r="C38">
        <v>7.3405699999999996</v>
      </c>
      <c r="D38">
        <f t="shared" si="0"/>
        <v>0.18017299999999992</v>
      </c>
      <c r="E38">
        <f t="shared" si="1"/>
        <v>13.809444999999982</v>
      </c>
      <c r="F38">
        <f t="shared" si="2"/>
        <v>7.4986736564793016E-2</v>
      </c>
    </row>
    <row r="39" spans="1:6" x14ac:dyDescent="0.2">
      <c r="A39">
        <v>1022.796605</v>
      </c>
      <c r="B39">
        <v>19.951875000000001</v>
      </c>
      <c r="C39">
        <v>7.345574</v>
      </c>
      <c r="D39">
        <f t="shared" si="0"/>
        <v>0.18517700000000037</v>
      </c>
      <c r="E39">
        <f t="shared" si="1"/>
        <v>14.485637999999994</v>
      </c>
      <c r="F39">
        <f t="shared" si="2"/>
        <v>7.6482364531218719E-2</v>
      </c>
    </row>
    <row r="40" spans="1:6" x14ac:dyDescent="0.2">
      <c r="A40">
        <v>1023.493022</v>
      </c>
      <c r="B40">
        <v>19.956060999999998</v>
      </c>
      <c r="C40">
        <v>7.3505789999999998</v>
      </c>
      <c r="D40">
        <f t="shared" si="0"/>
        <v>0.19018200000000007</v>
      </c>
      <c r="E40">
        <f t="shared" si="1"/>
        <v>15.182054999999991</v>
      </c>
      <c r="F40">
        <f t="shared" si="2"/>
        <v>7.7996706431311055E-2</v>
      </c>
    </row>
    <row r="41" spans="1:6" x14ac:dyDescent="0.2">
      <c r="A41">
        <v>1024.0105160000001</v>
      </c>
      <c r="B41">
        <v>19.976458999999998</v>
      </c>
      <c r="C41">
        <v>7.3555840000000003</v>
      </c>
      <c r="D41">
        <f t="shared" si="0"/>
        <v>0.19518700000000067</v>
      </c>
      <c r="E41">
        <f t="shared" si="1"/>
        <v>15.699549000000047</v>
      </c>
      <c r="F41">
        <f t="shared" si="2"/>
        <v>7.854741029719374E-2</v>
      </c>
    </row>
    <row r="42" spans="1:6" x14ac:dyDescent="0.2">
      <c r="A42">
        <v>1024.0969849999999</v>
      </c>
      <c r="B42">
        <v>20.004079999999998</v>
      </c>
      <c r="C42">
        <v>7.360589</v>
      </c>
      <c r="D42">
        <f t="shared" si="0"/>
        <v>0.20019200000000037</v>
      </c>
      <c r="E42">
        <f t="shared" si="1"/>
        <v>15.786017999999899</v>
      </c>
      <c r="F42">
        <f t="shared" si="2"/>
        <v>7.6998947307519897E-2</v>
      </c>
    </row>
    <row r="43" spans="1:6" x14ac:dyDescent="0.2">
      <c r="A43">
        <v>1024.333302</v>
      </c>
      <c r="B43">
        <v>19.988151999999999</v>
      </c>
      <c r="C43">
        <v>7.3655939999999998</v>
      </c>
      <c r="D43">
        <f t="shared" si="0"/>
        <v>0.20519700000000007</v>
      </c>
      <c r="E43">
        <f t="shared" si="1"/>
        <v>16.022334999999998</v>
      </c>
      <c r="F43">
        <f t="shared" si="2"/>
        <v>7.6227821538483717E-2</v>
      </c>
    </row>
    <row r="44" spans="1:6" x14ac:dyDescent="0.2">
      <c r="A44">
        <v>1024.4813389999999</v>
      </c>
      <c r="B44">
        <v>20.000741000000001</v>
      </c>
      <c r="C44">
        <v>7.3705980000000002</v>
      </c>
      <c r="D44">
        <f t="shared" si="0"/>
        <v>0.21020100000000053</v>
      </c>
      <c r="E44">
        <f t="shared" si="1"/>
        <v>16.170371999999929</v>
      </c>
      <c r="F44">
        <f t="shared" si="2"/>
        <v>7.5089840371076688E-2</v>
      </c>
    </row>
    <row r="45" spans="1:6" x14ac:dyDescent="0.2">
      <c r="A45">
        <v>1024.2255259999999</v>
      </c>
      <c r="B45">
        <v>20.018515000000001</v>
      </c>
      <c r="C45">
        <v>7.3756029999999999</v>
      </c>
      <c r="D45">
        <f t="shared" si="0"/>
        <v>0.21520600000000023</v>
      </c>
      <c r="E45">
        <f t="shared" si="1"/>
        <v>15.91455899999994</v>
      </c>
      <c r="F45">
        <f t="shared" si="2"/>
        <v>7.220123695424023E-2</v>
      </c>
    </row>
    <row r="46" spans="1:6" x14ac:dyDescent="0.2">
      <c r="A46">
        <v>1024.1738319999999</v>
      </c>
      <c r="B46">
        <v>19.982695</v>
      </c>
      <c r="C46">
        <v>7.3806079999999996</v>
      </c>
      <c r="D46">
        <f t="shared" si="0"/>
        <v>0.22021099999999993</v>
      </c>
      <c r="E46">
        <f t="shared" si="1"/>
        <v>15.862864999999942</v>
      </c>
      <c r="F46">
        <f t="shared" si="2"/>
        <v>7.0334587355775302E-2</v>
      </c>
    </row>
    <row r="47" spans="1:6" x14ac:dyDescent="0.2">
      <c r="A47">
        <v>1023.984143</v>
      </c>
      <c r="B47">
        <v>20.013974000000001</v>
      </c>
      <c r="C47">
        <v>7.3856130000000002</v>
      </c>
      <c r="D47">
        <f t="shared" si="0"/>
        <v>0.22521600000000053</v>
      </c>
      <c r="E47">
        <f t="shared" si="1"/>
        <v>15.673176000000012</v>
      </c>
      <c r="F47">
        <f t="shared" si="2"/>
        <v>6.7961747644131695E-2</v>
      </c>
    </row>
    <row r="48" spans="1:6" x14ac:dyDescent="0.2">
      <c r="A48">
        <v>1023.435714</v>
      </c>
      <c r="B48">
        <v>20.042553999999999</v>
      </c>
      <c r="C48">
        <v>7.3906179999999999</v>
      </c>
      <c r="D48">
        <f t="shared" si="0"/>
        <v>0.23022100000000023</v>
      </c>
      <c r="E48">
        <f t="shared" si="1"/>
        <v>15.124746999999957</v>
      </c>
      <c r="F48">
        <f t="shared" si="2"/>
        <v>6.419225239171937E-2</v>
      </c>
    </row>
    <row r="49" spans="1:6" x14ac:dyDescent="0.2">
      <c r="A49">
        <v>1022.345894</v>
      </c>
      <c r="B49">
        <v>20.079656</v>
      </c>
      <c r="C49">
        <v>7.3956220000000004</v>
      </c>
      <c r="D49">
        <f t="shared" si="0"/>
        <v>0.23522500000000068</v>
      </c>
      <c r="E49">
        <f t="shared" si="1"/>
        <v>14.034927000000039</v>
      </c>
      <c r="F49">
        <f t="shared" si="2"/>
        <v>5.8361819593415291E-2</v>
      </c>
    </row>
    <row r="50" spans="1:6" x14ac:dyDescent="0.2">
      <c r="A50">
        <v>1021.448934</v>
      </c>
      <c r="B50">
        <v>20.038595999999998</v>
      </c>
      <c r="C50">
        <v>7.4006270000000001</v>
      </c>
      <c r="D50">
        <f t="shared" si="0"/>
        <v>0.24023000000000039</v>
      </c>
      <c r="E50">
        <f t="shared" si="1"/>
        <v>13.137967000000003</v>
      </c>
      <c r="F50">
        <f t="shared" si="2"/>
        <v>5.3540727236381959E-2</v>
      </c>
    </row>
    <row r="51" spans="1:6" x14ac:dyDescent="0.2">
      <c r="A51">
        <v>1021.096356</v>
      </c>
      <c r="B51">
        <v>20.013135999999999</v>
      </c>
      <c r="C51">
        <v>7.4056319999999998</v>
      </c>
      <c r="D51">
        <f t="shared" si="0"/>
        <v>0.24523500000000009</v>
      </c>
      <c r="E51">
        <f t="shared" si="1"/>
        <v>12.785389000000009</v>
      </c>
      <c r="F51">
        <f t="shared" si="2"/>
        <v>5.1058113794794781E-2</v>
      </c>
    </row>
    <row r="52" spans="1:6" x14ac:dyDescent="0.2">
      <c r="A52">
        <v>1020.620366</v>
      </c>
      <c r="B52">
        <v>20.009840000000001</v>
      </c>
      <c r="C52">
        <v>7.4106370000000004</v>
      </c>
      <c r="D52">
        <f t="shared" si="0"/>
        <v>0.25024000000000068</v>
      </c>
      <c r="E52">
        <f t="shared" si="1"/>
        <v>12.309398999999985</v>
      </c>
      <c r="F52">
        <f t="shared" si="2"/>
        <v>4.8196542887414602E-2</v>
      </c>
    </row>
    <row r="53" spans="1:6" x14ac:dyDescent="0.2">
      <c r="A53">
        <v>1020.872561</v>
      </c>
      <c r="B53">
        <v>19.983149999999998</v>
      </c>
      <c r="C53">
        <v>7.4156420000000001</v>
      </c>
      <c r="D53">
        <f t="shared" si="0"/>
        <v>0.25524500000000039</v>
      </c>
      <c r="E53">
        <f t="shared" si="1"/>
        <v>12.561594000000014</v>
      </c>
      <c r="F53">
        <f t="shared" si="2"/>
        <v>4.8207651873402445E-2</v>
      </c>
    </row>
    <row r="54" spans="1:6" x14ac:dyDescent="0.2">
      <c r="A54">
        <v>1021.74406</v>
      </c>
      <c r="B54">
        <v>19.931484000000001</v>
      </c>
      <c r="C54">
        <v>7.4206459999999996</v>
      </c>
      <c r="D54">
        <f t="shared" si="0"/>
        <v>0.26024899999999995</v>
      </c>
      <c r="E54">
        <f t="shared" si="1"/>
        <v>13.433092999999985</v>
      </c>
      <c r="F54">
        <f t="shared" si="2"/>
        <v>5.0517846675691931E-2</v>
      </c>
    </row>
    <row r="55" spans="1:6" x14ac:dyDescent="0.2">
      <c r="A55">
        <v>1022.769211</v>
      </c>
      <c r="B55">
        <v>19.9299</v>
      </c>
      <c r="C55">
        <v>7.4256510000000002</v>
      </c>
      <c r="D55">
        <f t="shared" si="0"/>
        <v>0.26525400000000054</v>
      </c>
      <c r="E55">
        <f t="shared" si="1"/>
        <v>14.458244000000036</v>
      </c>
      <c r="F55">
        <f t="shared" si="2"/>
        <v>5.3293710965724723E-2</v>
      </c>
    </row>
    <row r="56" spans="1:6" x14ac:dyDescent="0.2">
      <c r="A56">
        <v>1023.826967</v>
      </c>
      <c r="B56">
        <v>19.920756999999998</v>
      </c>
      <c r="C56">
        <v>7.4306559999999999</v>
      </c>
      <c r="D56">
        <f t="shared" si="0"/>
        <v>0.27025900000000025</v>
      </c>
      <c r="E56">
        <f t="shared" si="1"/>
        <v>15.515999999999963</v>
      </c>
      <c r="F56">
        <f t="shared" si="2"/>
        <v>5.6075485325121605E-2</v>
      </c>
    </row>
    <row r="57" spans="1:6" x14ac:dyDescent="0.2">
      <c r="A57">
        <v>1024.9948199999999</v>
      </c>
      <c r="B57">
        <v>19.938264</v>
      </c>
      <c r="C57">
        <v>7.4356609999999996</v>
      </c>
      <c r="D57">
        <f t="shared" si="0"/>
        <v>0.27526399999999995</v>
      </c>
      <c r="E57">
        <f t="shared" si="1"/>
        <v>16.683852999999885</v>
      </c>
      <c r="F57">
        <f t="shared" si="2"/>
        <v>5.9132367525568802E-2</v>
      </c>
    </row>
    <row r="58" spans="1:6" x14ac:dyDescent="0.2">
      <c r="A58">
        <v>1026.2305630000001</v>
      </c>
      <c r="B58">
        <v>19.932171</v>
      </c>
      <c r="C58">
        <v>7.4406660000000002</v>
      </c>
      <c r="D58">
        <f t="shared" si="0"/>
        <v>0.28026900000000055</v>
      </c>
      <c r="E58">
        <f t="shared" si="1"/>
        <v>17.91959600000007</v>
      </c>
      <c r="F58">
        <f t="shared" si="2"/>
        <v>6.230289189596426E-2</v>
      </c>
    </row>
    <row r="59" spans="1:6" x14ac:dyDescent="0.2">
      <c r="A59">
        <v>1026.7947799999999</v>
      </c>
      <c r="B59">
        <v>19.968889000000001</v>
      </c>
      <c r="C59">
        <v>7.4456699999999998</v>
      </c>
      <c r="D59">
        <f t="shared" si="0"/>
        <v>0.28527300000000011</v>
      </c>
      <c r="E59">
        <f t="shared" si="1"/>
        <v>18.483812999999941</v>
      </c>
      <c r="F59">
        <f t="shared" si="2"/>
        <v>6.3102598686317554E-2</v>
      </c>
    </row>
    <row r="60" spans="1:6" x14ac:dyDescent="0.2">
      <c r="A60">
        <v>1026.8903250000001</v>
      </c>
      <c r="B60">
        <v>19.988918999999999</v>
      </c>
      <c r="C60">
        <v>7.4506750000000004</v>
      </c>
      <c r="D60">
        <f t="shared" si="0"/>
        <v>0.2902780000000007</v>
      </c>
      <c r="E60">
        <f t="shared" si="1"/>
        <v>18.57935800000007</v>
      </c>
      <c r="F60">
        <f t="shared" si="2"/>
        <v>6.2329338654939559E-2</v>
      </c>
    </row>
    <row r="61" spans="1:6" x14ac:dyDescent="0.2">
      <c r="A61">
        <v>1026.875826</v>
      </c>
      <c r="B61">
        <v>20.000150999999999</v>
      </c>
      <c r="C61">
        <v>7.4556800000000001</v>
      </c>
      <c r="D61">
        <f t="shared" si="0"/>
        <v>0.29528300000000041</v>
      </c>
      <c r="E61">
        <f t="shared" si="1"/>
        <v>18.564858999999956</v>
      </c>
      <c r="F61">
        <f t="shared" si="2"/>
        <v>6.1225914469409955E-2</v>
      </c>
    </row>
    <row r="62" spans="1:6" x14ac:dyDescent="0.2">
      <c r="A62">
        <v>1027.3405949999999</v>
      </c>
      <c r="B62">
        <v>19.963836000000001</v>
      </c>
      <c r="C62">
        <v>7.4606849999999998</v>
      </c>
      <c r="D62">
        <f t="shared" si="0"/>
        <v>0.30028800000000011</v>
      </c>
      <c r="E62">
        <f t="shared" si="1"/>
        <v>19.029627999999889</v>
      </c>
      <c r="F62">
        <f t="shared" si="2"/>
        <v>6.1684758915501951E-2</v>
      </c>
    </row>
    <row r="63" spans="1:6" x14ac:dyDescent="0.2">
      <c r="A63">
        <v>1027.6762759999999</v>
      </c>
      <c r="B63">
        <v>19.975726999999999</v>
      </c>
      <c r="C63">
        <v>7.4656900000000004</v>
      </c>
      <c r="D63">
        <f t="shared" si="0"/>
        <v>0.3052930000000007</v>
      </c>
      <c r="E63">
        <f t="shared" si="1"/>
        <v>19.365308999999911</v>
      </c>
      <c r="F63">
        <f t="shared" si="2"/>
        <v>6.1723600782801979E-2</v>
      </c>
    </row>
    <row r="64" spans="1:6" x14ac:dyDescent="0.2">
      <c r="A64">
        <v>1028.120958</v>
      </c>
      <c r="B64">
        <v>19.980699000000001</v>
      </c>
      <c r="C64">
        <v>7.4706939999999999</v>
      </c>
      <c r="D64">
        <f t="shared" si="0"/>
        <v>0.31029700000000027</v>
      </c>
      <c r="E64">
        <f t="shared" si="1"/>
        <v>19.809990999999968</v>
      </c>
      <c r="F64">
        <f t="shared" si="2"/>
        <v>6.2095837549016708E-2</v>
      </c>
    </row>
    <row r="65" spans="1:6" x14ac:dyDescent="0.2">
      <c r="A65">
        <v>1028.1913010000001</v>
      </c>
      <c r="B65">
        <v>20.000171000000002</v>
      </c>
      <c r="C65">
        <v>7.4756989999999996</v>
      </c>
      <c r="D65">
        <f t="shared" si="0"/>
        <v>0.31530199999999997</v>
      </c>
      <c r="E65">
        <f t="shared" si="1"/>
        <v>19.880334000000062</v>
      </c>
      <c r="F65">
        <f t="shared" si="2"/>
        <v>6.1322948151729714E-2</v>
      </c>
    </row>
    <row r="66" spans="1:6" x14ac:dyDescent="0.2">
      <c r="A66">
        <v>1028.3158350000001</v>
      </c>
      <c r="B66">
        <v>19.962403999999999</v>
      </c>
      <c r="C66">
        <v>7.4807040000000002</v>
      </c>
      <c r="D66">
        <f t="shared" si="0"/>
        <v>0.32030700000000056</v>
      </c>
      <c r="E66">
        <f t="shared" si="1"/>
        <v>20.004868000000101</v>
      </c>
      <c r="F66">
        <f t="shared" ref="F66:F129" si="3">(1/A66)*(E66/D66)</f>
        <v>6.0735517558071467E-2</v>
      </c>
    </row>
    <row r="67" spans="1:6" x14ac:dyDescent="0.2">
      <c r="A67">
        <v>1028.949576</v>
      </c>
      <c r="B67">
        <v>19.991258999999999</v>
      </c>
      <c r="C67">
        <v>7.4857089999999999</v>
      </c>
      <c r="D67">
        <f t="shared" ref="D67:D130" si="4">C67-$C$2</f>
        <v>0.32531200000000027</v>
      </c>
      <c r="E67">
        <f t="shared" ref="E67:E130" si="5">A67-$A$2</f>
        <v>20.638608999999974</v>
      </c>
      <c r="F67">
        <f t="shared" si="3"/>
        <v>6.1657547639138832E-2</v>
      </c>
    </row>
    <row r="68" spans="1:6" x14ac:dyDescent="0.2">
      <c r="A68">
        <v>1028.933563</v>
      </c>
      <c r="B68">
        <v>20.017471</v>
      </c>
      <c r="C68">
        <v>7.4907139999999997</v>
      </c>
      <c r="D68">
        <f t="shared" si="4"/>
        <v>0.33031699999999997</v>
      </c>
      <c r="E68">
        <f t="shared" si="5"/>
        <v>20.622596000000044</v>
      </c>
      <c r="F68">
        <f t="shared" si="3"/>
        <v>6.0677136140114295E-2</v>
      </c>
    </row>
    <row r="69" spans="1:6" x14ac:dyDescent="0.2">
      <c r="A69">
        <v>1028.063789</v>
      </c>
      <c r="B69">
        <v>20.049609</v>
      </c>
      <c r="C69">
        <v>7.4957180000000001</v>
      </c>
      <c r="D69">
        <f t="shared" si="4"/>
        <v>0.33532100000000042</v>
      </c>
      <c r="E69">
        <f t="shared" si="5"/>
        <v>19.752822000000037</v>
      </c>
      <c r="F69">
        <f t="shared" si="3"/>
        <v>5.7299170520996562E-2</v>
      </c>
    </row>
    <row r="70" spans="1:6" x14ac:dyDescent="0.2">
      <c r="A70">
        <v>1027.246525</v>
      </c>
      <c r="B70">
        <v>20.027211000000001</v>
      </c>
      <c r="C70">
        <v>7.5007229999999998</v>
      </c>
      <c r="D70">
        <f t="shared" si="4"/>
        <v>0.34032600000000013</v>
      </c>
      <c r="E70">
        <f t="shared" si="5"/>
        <v>18.935558000000015</v>
      </c>
      <c r="F70">
        <f t="shared" si="3"/>
        <v>5.4163696698620326E-2</v>
      </c>
    </row>
    <row r="71" spans="1:6" x14ac:dyDescent="0.2">
      <c r="A71">
        <v>1027.138598</v>
      </c>
      <c r="B71">
        <v>19.999268000000001</v>
      </c>
      <c r="C71">
        <v>7.5057280000000004</v>
      </c>
      <c r="D71">
        <f t="shared" si="4"/>
        <v>0.34533100000000072</v>
      </c>
      <c r="E71">
        <f t="shared" si="5"/>
        <v>18.827630999999997</v>
      </c>
      <c r="F71">
        <f t="shared" si="3"/>
        <v>5.308001809743363E-2</v>
      </c>
    </row>
    <row r="72" spans="1:6" x14ac:dyDescent="0.2">
      <c r="A72">
        <v>1026.413049</v>
      </c>
      <c r="B72">
        <v>20.071565</v>
      </c>
      <c r="C72">
        <v>7.5107330000000001</v>
      </c>
      <c r="D72">
        <f t="shared" si="4"/>
        <v>0.35033600000000042</v>
      </c>
      <c r="E72">
        <f t="shared" si="5"/>
        <v>18.102081999999996</v>
      </c>
      <c r="F72">
        <f t="shared" si="3"/>
        <v>5.0340971922360062E-2</v>
      </c>
    </row>
    <row r="73" spans="1:6" x14ac:dyDescent="0.2">
      <c r="A73">
        <v>1024.954307</v>
      </c>
      <c r="B73">
        <v>20.083694000000001</v>
      </c>
      <c r="C73">
        <v>7.5157379999999998</v>
      </c>
      <c r="D73">
        <f t="shared" si="4"/>
        <v>0.35534100000000013</v>
      </c>
      <c r="E73">
        <f t="shared" si="5"/>
        <v>16.643339999999966</v>
      </c>
      <c r="F73">
        <f t="shared" si="3"/>
        <v>4.5697312581619638E-2</v>
      </c>
    </row>
    <row r="74" spans="1:6" x14ac:dyDescent="0.2">
      <c r="A74">
        <v>1023.982605</v>
      </c>
      <c r="B74">
        <v>20.050381000000002</v>
      </c>
      <c r="C74">
        <v>7.5207420000000003</v>
      </c>
      <c r="D74">
        <f t="shared" si="4"/>
        <v>0.36034500000000058</v>
      </c>
      <c r="E74">
        <f t="shared" si="5"/>
        <v>15.67163800000003</v>
      </c>
      <c r="F74">
        <f t="shared" si="3"/>
        <v>4.2472058633187253E-2</v>
      </c>
    </row>
    <row r="75" spans="1:6" x14ac:dyDescent="0.2">
      <c r="A75">
        <v>1023.121563</v>
      </c>
      <c r="B75">
        <v>20.054586</v>
      </c>
      <c r="C75">
        <v>7.525747</v>
      </c>
      <c r="D75">
        <f t="shared" si="4"/>
        <v>0.36535000000000029</v>
      </c>
      <c r="E75">
        <f t="shared" si="5"/>
        <v>14.810596000000032</v>
      </c>
      <c r="F75">
        <f t="shared" si="3"/>
        <v>3.9621981057517013E-2</v>
      </c>
    </row>
    <row r="76" spans="1:6" x14ac:dyDescent="0.2">
      <c r="A76">
        <v>1022.171061</v>
      </c>
      <c r="B76">
        <v>20.047301999999998</v>
      </c>
      <c r="C76">
        <v>7.5307519999999997</v>
      </c>
      <c r="D76">
        <f t="shared" si="4"/>
        <v>0.37035499999999999</v>
      </c>
      <c r="E76">
        <f t="shared" si="5"/>
        <v>13.860094000000004</v>
      </c>
      <c r="F76">
        <f t="shared" si="3"/>
        <v>3.6612078267382941E-2</v>
      </c>
    </row>
    <row r="77" spans="1:6" x14ac:dyDescent="0.2">
      <c r="A77">
        <v>1020.836167</v>
      </c>
      <c r="B77">
        <v>20.098770999999999</v>
      </c>
      <c r="C77">
        <v>7.5357570000000003</v>
      </c>
      <c r="D77">
        <f t="shared" si="4"/>
        <v>0.37536000000000058</v>
      </c>
      <c r="E77">
        <f t="shared" si="5"/>
        <v>12.525200000000041</v>
      </c>
      <c r="F77">
        <f t="shared" si="3"/>
        <v>3.2687419051584794E-2</v>
      </c>
    </row>
    <row r="78" spans="1:6" x14ac:dyDescent="0.2">
      <c r="A78">
        <v>1019.673933</v>
      </c>
      <c r="B78">
        <v>20.039676</v>
      </c>
      <c r="C78">
        <v>7.540762</v>
      </c>
      <c r="D78">
        <f t="shared" si="4"/>
        <v>0.38036500000000029</v>
      </c>
      <c r="E78">
        <f t="shared" si="5"/>
        <v>11.362966000000029</v>
      </c>
      <c r="F78">
        <f t="shared" si="3"/>
        <v>2.9297451392823366E-2</v>
      </c>
    </row>
    <row r="79" spans="1:6" x14ac:dyDescent="0.2">
      <c r="A79">
        <v>1019.7096320000001</v>
      </c>
      <c r="B79">
        <v>19.976434999999999</v>
      </c>
      <c r="C79">
        <v>7.5457660000000004</v>
      </c>
      <c r="D79">
        <f t="shared" si="4"/>
        <v>0.38536900000000074</v>
      </c>
      <c r="E79">
        <f t="shared" si="5"/>
        <v>11.398665000000051</v>
      </c>
      <c r="F79">
        <f t="shared" si="3"/>
        <v>2.9006858243116388E-2</v>
      </c>
    </row>
    <row r="80" spans="1:6" x14ac:dyDescent="0.2">
      <c r="A80">
        <v>1019.953769</v>
      </c>
      <c r="B80">
        <v>19.983187999999998</v>
      </c>
      <c r="C80">
        <v>7.5507710000000001</v>
      </c>
      <c r="D80">
        <f t="shared" si="4"/>
        <v>0.39037400000000044</v>
      </c>
      <c r="E80">
        <f t="shared" si="5"/>
        <v>11.642801999999961</v>
      </c>
      <c r="F80">
        <f t="shared" si="3"/>
        <v>2.924126387850174E-2</v>
      </c>
    </row>
    <row r="81" spans="1:6" x14ac:dyDescent="0.2">
      <c r="A81">
        <v>1020.3122509999999</v>
      </c>
      <c r="B81">
        <v>19.971527999999999</v>
      </c>
      <c r="C81">
        <v>7.5557759999999998</v>
      </c>
      <c r="D81">
        <f t="shared" si="4"/>
        <v>0.39537900000000015</v>
      </c>
      <c r="E81">
        <f t="shared" si="5"/>
        <v>12.001283999999941</v>
      </c>
      <c r="F81">
        <f t="shared" si="3"/>
        <v>2.9749591940565173E-2</v>
      </c>
    </row>
    <row r="82" spans="1:6" x14ac:dyDescent="0.2">
      <c r="A82">
        <v>1021.085592</v>
      </c>
      <c r="B82">
        <v>19.921617000000001</v>
      </c>
      <c r="C82">
        <v>7.5607810000000004</v>
      </c>
      <c r="D82">
        <f t="shared" si="4"/>
        <v>0.40038400000000074</v>
      </c>
      <c r="E82">
        <f t="shared" si="5"/>
        <v>12.774625000000015</v>
      </c>
      <c r="F82">
        <f t="shared" si="3"/>
        <v>3.1247069838693457E-2</v>
      </c>
    </row>
    <row r="83" spans="1:6" x14ac:dyDescent="0.2">
      <c r="A83">
        <v>1022.982203</v>
      </c>
      <c r="B83">
        <v>19.883196999999999</v>
      </c>
      <c r="C83">
        <v>7.5657860000000001</v>
      </c>
      <c r="D83">
        <f t="shared" si="4"/>
        <v>0.40538900000000044</v>
      </c>
      <c r="E83">
        <f t="shared" si="5"/>
        <v>14.671236000000022</v>
      </c>
      <c r="F83">
        <f t="shared" si="3"/>
        <v>3.5377461311942887E-2</v>
      </c>
    </row>
    <row r="84" spans="1:6" x14ac:dyDescent="0.2">
      <c r="A84">
        <v>1025.15293</v>
      </c>
      <c r="B84">
        <v>19.870577000000001</v>
      </c>
      <c r="C84">
        <v>7.5707899999999997</v>
      </c>
      <c r="D84">
        <f t="shared" si="4"/>
        <v>0.41039300000000001</v>
      </c>
      <c r="E84">
        <f t="shared" si="5"/>
        <v>16.841962999999964</v>
      </c>
      <c r="F84">
        <f t="shared" si="3"/>
        <v>4.0031706797588509E-2</v>
      </c>
    </row>
    <row r="85" spans="1:6" x14ac:dyDescent="0.2">
      <c r="A85">
        <v>1026.4203930000001</v>
      </c>
      <c r="B85">
        <v>19.935427000000001</v>
      </c>
      <c r="C85">
        <v>7.5757950000000003</v>
      </c>
      <c r="D85">
        <f t="shared" si="4"/>
        <v>0.4153980000000006</v>
      </c>
      <c r="E85">
        <f t="shared" si="5"/>
        <v>18.109426000000099</v>
      </c>
      <c r="F85">
        <f t="shared" si="3"/>
        <v>4.2473202845715985E-2</v>
      </c>
    </row>
    <row r="86" spans="1:6" x14ac:dyDescent="0.2">
      <c r="A86">
        <v>1027.2067950000001</v>
      </c>
      <c r="B86">
        <v>19.938058000000002</v>
      </c>
      <c r="C86">
        <v>7.5808</v>
      </c>
      <c r="D86">
        <f t="shared" si="4"/>
        <v>0.4204030000000003</v>
      </c>
      <c r="E86">
        <f t="shared" si="5"/>
        <v>18.895828000000051</v>
      </c>
      <c r="F86">
        <f t="shared" si="3"/>
        <v>4.3756465813218126E-2</v>
      </c>
    </row>
    <row r="87" spans="1:6" x14ac:dyDescent="0.2">
      <c r="A87">
        <v>1028.964833</v>
      </c>
      <c r="B87">
        <v>19.882809999999999</v>
      </c>
      <c r="C87">
        <v>7.5858049999999997</v>
      </c>
      <c r="D87">
        <f t="shared" si="4"/>
        <v>0.42540800000000001</v>
      </c>
      <c r="E87">
        <f t="shared" si="5"/>
        <v>20.653865999999994</v>
      </c>
      <c r="F87">
        <f t="shared" si="3"/>
        <v>4.7184045084423337E-2</v>
      </c>
    </row>
    <row r="88" spans="1:6" x14ac:dyDescent="0.2">
      <c r="A88">
        <v>1030.7566079999999</v>
      </c>
      <c r="B88">
        <v>19.918842000000001</v>
      </c>
      <c r="C88">
        <v>7.5908100000000003</v>
      </c>
      <c r="D88">
        <f t="shared" si="4"/>
        <v>0.4304130000000006</v>
      </c>
      <c r="E88">
        <f t="shared" si="5"/>
        <v>22.44564099999991</v>
      </c>
      <c r="F88">
        <f t="shared" si="3"/>
        <v>5.0593008418780262E-2</v>
      </c>
    </row>
    <row r="89" spans="1:6" x14ac:dyDescent="0.2">
      <c r="A89">
        <v>1031.312784</v>
      </c>
      <c r="B89">
        <v>19.98218</v>
      </c>
      <c r="C89">
        <v>7.5958139999999998</v>
      </c>
      <c r="D89">
        <f t="shared" si="4"/>
        <v>0.43541700000000017</v>
      </c>
      <c r="E89">
        <f t="shared" si="5"/>
        <v>23.00181699999996</v>
      </c>
      <c r="F89">
        <f t="shared" si="3"/>
        <v>5.1223159355050382E-2</v>
      </c>
    </row>
    <row r="90" spans="1:6" x14ac:dyDescent="0.2">
      <c r="A90">
        <v>1031.127569</v>
      </c>
      <c r="B90">
        <v>19.995628</v>
      </c>
      <c r="C90">
        <v>7.6008190000000004</v>
      </c>
      <c r="D90">
        <f t="shared" si="4"/>
        <v>0.44042200000000076</v>
      </c>
      <c r="E90">
        <f t="shared" si="5"/>
        <v>22.816601999999989</v>
      </c>
      <c r="F90">
        <f t="shared" si="3"/>
        <v>5.024230591127591E-2</v>
      </c>
    </row>
    <row r="91" spans="1:6" x14ac:dyDescent="0.2">
      <c r="A91">
        <v>1030.902963</v>
      </c>
      <c r="B91">
        <v>20.014005999999998</v>
      </c>
      <c r="C91">
        <v>7.6058240000000001</v>
      </c>
      <c r="D91">
        <f t="shared" si="4"/>
        <v>0.44542700000000046</v>
      </c>
      <c r="E91">
        <f t="shared" si="5"/>
        <v>22.591995999999995</v>
      </c>
      <c r="F91">
        <f t="shared" si="3"/>
        <v>4.919945318358724E-2</v>
      </c>
    </row>
    <row r="92" spans="1:6" x14ac:dyDescent="0.2">
      <c r="A92">
        <v>1030.8730399999999</v>
      </c>
      <c r="B92">
        <v>20.012222999999999</v>
      </c>
      <c r="C92">
        <v>7.6108289999999998</v>
      </c>
      <c r="D92">
        <f t="shared" si="4"/>
        <v>0.45043200000000017</v>
      </c>
      <c r="E92">
        <f t="shared" si="5"/>
        <v>22.562072999999941</v>
      </c>
      <c r="F92">
        <f t="shared" si="3"/>
        <v>4.8589740731224337E-2</v>
      </c>
    </row>
    <row r="93" spans="1:6" x14ac:dyDescent="0.2">
      <c r="A93">
        <v>1030.47723</v>
      </c>
      <c r="B93">
        <v>20.031545000000001</v>
      </c>
      <c r="C93">
        <v>7.6158340000000004</v>
      </c>
      <c r="D93">
        <f t="shared" si="4"/>
        <v>0.45543700000000076</v>
      </c>
      <c r="E93">
        <f t="shared" si="5"/>
        <v>22.166262999999958</v>
      </c>
      <c r="F93">
        <f t="shared" si="3"/>
        <v>4.7230851128015984E-2</v>
      </c>
    </row>
    <row r="94" spans="1:6" x14ac:dyDescent="0.2">
      <c r="A94">
        <v>1029.4426109999999</v>
      </c>
      <c r="B94">
        <v>20.080089000000001</v>
      </c>
      <c r="C94">
        <v>7.620838</v>
      </c>
      <c r="D94">
        <f t="shared" si="4"/>
        <v>0.46044100000000032</v>
      </c>
      <c r="E94">
        <f t="shared" si="5"/>
        <v>21.131643999999937</v>
      </c>
      <c r="F94">
        <f t="shared" si="3"/>
        <v>4.458175454372789E-2</v>
      </c>
    </row>
    <row r="95" spans="1:6" x14ac:dyDescent="0.2">
      <c r="A95">
        <v>1028.497439</v>
      </c>
      <c r="B95">
        <v>20.028068000000001</v>
      </c>
      <c r="C95">
        <v>7.6258429999999997</v>
      </c>
      <c r="D95">
        <f t="shared" si="4"/>
        <v>0.46544600000000003</v>
      </c>
      <c r="E95">
        <f t="shared" si="5"/>
        <v>20.186471999999981</v>
      </c>
      <c r="F95">
        <f t="shared" si="3"/>
        <v>4.2168476111012508E-2</v>
      </c>
    </row>
    <row r="96" spans="1:6" x14ac:dyDescent="0.2">
      <c r="A96">
        <v>1027.8937249999999</v>
      </c>
      <c r="B96">
        <v>20.039231000000001</v>
      </c>
      <c r="C96">
        <v>7.6308480000000003</v>
      </c>
      <c r="D96">
        <f t="shared" si="4"/>
        <v>0.47045100000000062</v>
      </c>
      <c r="E96">
        <f t="shared" si="5"/>
        <v>19.582757999999899</v>
      </c>
      <c r="F96">
        <f t="shared" si="3"/>
        <v>4.0495917791866017E-2</v>
      </c>
    </row>
    <row r="97" spans="1:6" x14ac:dyDescent="0.2">
      <c r="A97">
        <v>1026.8724090000001</v>
      </c>
      <c r="B97">
        <v>20.083022</v>
      </c>
      <c r="C97">
        <v>7.635853</v>
      </c>
      <c r="D97">
        <f t="shared" si="4"/>
        <v>0.47545600000000032</v>
      </c>
      <c r="E97">
        <f t="shared" si="5"/>
        <v>18.561442000000056</v>
      </c>
      <c r="F97">
        <f t="shared" si="3"/>
        <v>3.801761736434562E-2</v>
      </c>
    </row>
    <row r="98" spans="1:6" x14ac:dyDescent="0.2">
      <c r="A98">
        <v>1025.5102340000001</v>
      </c>
      <c r="B98">
        <v>20.059937999999999</v>
      </c>
      <c r="C98">
        <v>7.6408579999999997</v>
      </c>
      <c r="D98">
        <f t="shared" si="4"/>
        <v>0.48046100000000003</v>
      </c>
      <c r="E98">
        <f t="shared" si="5"/>
        <v>17.199267000000077</v>
      </c>
      <c r="F98">
        <f t="shared" si="3"/>
        <v>3.4906941558257194E-2</v>
      </c>
    </row>
    <row r="99" spans="1:6" x14ac:dyDescent="0.2">
      <c r="A99">
        <v>1024.7269249999999</v>
      </c>
      <c r="B99">
        <v>20.041665999999999</v>
      </c>
      <c r="C99">
        <v>7.6458620000000002</v>
      </c>
      <c r="D99">
        <f t="shared" si="4"/>
        <v>0.48546500000000048</v>
      </c>
      <c r="E99">
        <f t="shared" si="5"/>
        <v>16.415957999999932</v>
      </c>
      <c r="F99">
        <f t="shared" si="3"/>
        <v>3.2998952961430968E-2</v>
      </c>
    </row>
    <row r="100" spans="1:6" x14ac:dyDescent="0.2">
      <c r="A100">
        <v>1025.032154</v>
      </c>
      <c r="B100">
        <v>19.948136000000002</v>
      </c>
      <c r="C100">
        <v>7.6508669999999999</v>
      </c>
      <c r="D100">
        <f t="shared" si="4"/>
        <v>0.49047000000000018</v>
      </c>
      <c r="E100">
        <f t="shared" si="5"/>
        <v>16.721186999999986</v>
      </c>
      <c r="F100">
        <f t="shared" si="3"/>
        <v>3.3259611068718636E-2</v>
      </c>
    </row>
    <row r="101" spans="1:6" x14ac:dyDescent="0.2">
      <c r="A101">
        <v>1024.7599029999999</v>
      </c>
      <c r="B101">
        <v>20.043365999999999</v>
      </c>
      <c r="C101">
        <v>7.6558719999999996</v>
      </c>
      <c r="D101">
        <f t="shared" si="4"/>
        <v>0.49547499999999989</v>
      </c>
      <c r="E101">
        <f t="shared" si="5"/>
        <v>16.44893599999989</v>
      </c>
      <c r="F101">
        <f t="shared" si="3"/>
        <v>3.239619023885517E-2</v>
      </c>
    </row>
    <row r="102" spans="1:6" x14ac:dyDescent="0.2">
      <c r="A102">
        <v>1023.785589</v>
      </c>
      <c r="B102">
        <v>20.070564999999998</v>
      </c>
      <c r="C102">
        <v>7.6608770000000002</v>
      </c>
      <c r="D102">
        <f t="shared" si="4"/>
        <v>0.50048000000000048</v>
      </c>
      <c r="E102">
        <f t="shared" si="5"/>
        <v>15.474621999999954</v>
      </c>
      <c r="F102">
        <f t="shared" si="3"/>
        <v>3.0201207707395754E-2</v>
      </c>
    </row>
    <row r="103" spans="1:6" x14ac:dyDescent="0.2">
      <c r="A103">
        <v>1023.240461</v>
      </c>
      <c r="B103">
        <v>19.999207999999999</v>
      </c>
      <c r="C103">
        <v>7.6658819999999999</v>
      </c>
      <c r="D103">
        <f t="shared" si="4"/>
        <v>0.50548500000000018</v>
      </c>
      <c r="E103">
        <f t="shared" si="5"/>
        <v>14.929493999999977</v>
      </c>
      <c r="F103">
        <f t="shared" si="3"/>
        <v>2.8864172493681332E-2</v>
      </c>
    </row>
    <row r="104" spans="1:6" x14ac:dyDescent="0.2">
      <c r="A104">
        <v>1024.0136649999999</v>
      </c>
      <c r="B104">
        <v>19.925439999999998</v>
      </c>
      <c r="C104">
        <v>7.6708860000000003</v>
      </c>
      <c r="D104">
        <f t="shared" si="4"/>
        <v>0.51048900000000064</v>
      </c>
      <c r="E104">
        <f t="shared" si="5"/>
        <v>15.702697999999941</v>
      </c>
      <c r="F104">
        <f t="shared" si="3"/>
        <v>3.0038769457188707E-2</v>
      </c>
    </row>
    <row r="105" spans="1:6" x14ac:dyDescent="0.2">
      <c r="A105">
        <v>1025.2066440000001</v>
      </c>
      <c r="B105">
        <v>19.934365</v>
      </c>
      <c r="C105">
        <v>7.675891</v>
      </c>
      <c r="D105">
        <f t="shared" si="4"/>
        <v>0.51549400000000034</v>
      </c>
      <c r="E105">
        <f t="shared" si="5"/>
        <v>16.895677000000092</v>
      </c>
      <c r="F105">
        <f t="shared" si="3"/>
        <v>3.1969848012527814E-2</v>
      </c>
    </row>
    <row r="106" spans="1:6" x14ac:dyDescent="0.2">
      <c r="A106">
        <v>1026.4602809999999</v>
      </c>
      <c r="B106">
        <v>19.898806</v>
      </c>
      <c r="C106">
        <v>7.6808959999999997</v>
      </c>
      <c r="D106">
        <f t="shared" si="4"/>
        <v>0.52049900000000004</v>
      </c>
      <c r="E106">
        <f t="shared" si="5"/>
        <v>18.14931399999989</v>
      </c>
      <c r="F106">
        <f t="shared" si="3"/>
        <v>3.3970204864523471E-2</v>
      </c>
    </row>
    <row r="107" spans="1:6" x14ac:dyDescent="0.2">
      <c r="A107">
        <v>1028.0627440000001</v>
      </c>
      <c r="B107">
        <v>19.893438</v>
      </c>
      <c r="C107">
        <v>7.6859010000000003</v>
      </c>
      <c r="D107">
        <f t="shared" si="4"/>
        <v>0.52550400000000064</v>
      </c>
      <c r="E107">
        <f t="shared" si="5"/>
        <v>19.751777000000061</v>
      </c>
      <c r="F107">
        <f t="shared" si="3"/>
        <v>3.6560365313117918E-2</v>
      </c>
    </row>
    <row r="108" spans="1:6" x14ac:dyDescent="0.2">
      <c r="A108">
        <v>1030.169089</v>
      </c>
      <c r="B108">
        <v>19.879261</v>
      </c>
      <c r="C108">
        <v>7.690906</v>
      </c>
      <c r="D108">
        <f t="shared" si="4"/>
        <v>0.53050900000000034</v>
      </c>
      <c r="E108">
        <f t="shared" si="5"/>
        <v>21.85812199999998</v>
      </c>
      <c r="F108">
        <f t="shared" si="3"/>
        <v>3.9995540956734112E-2</v>
      </c>
    </row>
    <row r="109" spans="1:6" x14ac:dyDescent="0.2">
      <c r="A109">
        <v>1032.2331139999999</v>
      </c>
      <c r="B109">
        <v>19.859802999999999</v>
      </c>
      <c r="C109">
        <v>7.6959099999999996</v>
      </c>
      <c r="D109">
        <f t="shared" si="4"/>
        <v>0.53551299999999991</v>
      </c>
      <c r="E109">
        <f t="shared" si="5"/>
        <v>23.922146999999882</v>
      </c>
      <c r="F109">
        <f t="shared" si="3"/>
        <v>4.3276521892494008E-2</v>
      </c>
    </row>
    <row r="110" spans="1:6" x14ac:dyDescent="0.2">
      <c r="A110">
        <v>1034.100488</v>
      </c>
      <c r="B110">
        <v>19.899151</v>
      </c>
      <c r="C110">
        <v>7.7009150000000002</v>
      </c>
      <c r="D110">
        <f t="shared" si="4"/>
        <v>0.5405180000000005</v>
      </c>
      <c r="E110">
        <f t="shared" si="5"/>
        <v>25.789521000000036</v>
      </c>
      <c r="F110">
        <f t="shared" si="3"/>
        <v>4.6139233100878814E-2</v>
      </c>
    </row>
    <row r="111" spans="1:6" x14ac:dyDescent="0.2">
      <c r="A111">
        <v>1035.5641109999999</v>
      </c>
      <c r="B111">
        <v>19.904751000000001</v>
      </c>
      <c r="C111">
        <v>7.7059199999999999</v>
      </c>
      <c r="D111">
        <f t="shared" si="4"/>
        <v>0.5455230000000002</v>
      </c>
      <c r="E111">
        <f t="shared" si="5"/>
        <v>27.253143999999907</v>
      </c>
      <c r="F111">
        <f t="shared" si="3"/>
        <v>4.8242138845198047E-2</v>
      </c>
    </row>
    <row r="112" spans="1:6" x14ac:dyDescent="0.2">
      <c r="A112">
        <v>1036.929936</v>
      </c>
      <c r="B112">
        <v>19.925685000000001</v>
      </c>
      <c r="C112">
        <v>7.7109249999999996</v>
      </c>
      <c r="D112">
        <f t="shared" si="4"/>
        <v>0.55052799999999991</v>
      </c>
      <c r="E112">
        <f t="shared" si="5"/>
        <v>28.618968999999993</v>
      </c>
      <c r="F112">
        <f t="shared" si="3"/>
        <v>5.0133169161753595E-2</v>
      </c>
    </row>
    <row r="113" spans="1:6" x14ac:dyDescent="0.2">
      <c r="A113">
        <v>1037.7437749999999</v>
      </c>
      <c r="B113">
        <v>19.979846999999999</v>
      </c>
      <c r="C113">
        <v>7.7159300000000002</v>
      </c>
      <c r="D113">
        <f t="shared" si="4"/>
        <v>0.5555330000000005</v>
      </c>
      <c r="E113">
        <f t="shared" si="5"/>
        <v>29.432807999999909</v>
      </c>
      <c r="F113">
        <f t="shared" si="3"/>
        <v>5.1054226210068596E-2</v>
      </c>
    </row>
    <row r="114" spans="1:6" x14ac:dyDescent="0.2">
      <c r="A114">
        <v>1037.0070639999999</v>
      </c>
      <c r="B114">
        <v>20.066915000000002</v>
      </c>
      <c r="C114">
        <v>7.7209339999999997</v>
      </c>
      <c r="D114">
        <f t="shared" si="4"/>
        <v>0.56053700000000006</v>
      </c>
      <c r="E114">
        <f t="shared" si="5"/>
        <v>28.696096999999895</v>
      </c>
      <c r="F114">
        <f t="shared" si="3"/>
        <v>4.9367010894659009E-2</v>
      </c>
    </row>
    <row r="115" spans="1:6" x14ac:dyDescent="0.2">
      <c r="A115">
        <v>1036.3277169999999</v>
      </c>
      <c r="B115">
        <v>20.009331</v>
      </c>
      <c r="C115">
        <v>7.7259390000000003</v>
      </c>
      <c r="D115">
        <f t="shared" si="4"/>
        <v>0.56554200000000066</v>
      </c>
      <c r="E115">
        <f t="shared" si="5"/>
        <v>28.016749999999888</v>
      </c>
      <c r="F115">
        <f t="shared" si="3"/>
        <v>4.7803068799480396E-2</v>
      </c>
    </row>
    <row r="116" spans="1:6" x14ac:dyDescent="0.2">
      <c r="A116">
        <v>1036.0246400000001</v>
      </c>
      <c r="B116">
        <v>20.030636000000001</v>
      </c>
      <c r="C116">
        <v>7.730944</v>
      </c>
      <c r="D116">
        <f t="shared" si="4"/>
        <v>0.57054700000000036</v>
      </c>
      <c r="E116">
        <f t="shared" si="5"/>
        <v>27.713673000000085</v>
      </c>
      <c r="F116">
        <f t="shared" si="3"/>
        <v>4.6884855055525344E-2</v>
      </c>
    </row>
    <row r="117" spans="1:6" x14ac:dyDescent="0.2">
      <c r="A117">
        <v>1035.3380199999999</v>
      </c>
      <c r="B117">
        <v>20.046754</v>
      </c>
      <c r="C117">
        <v>7.7359489999999997</v>
      </c>
      <c r="D117">
        <f t="shared" si="4"/>
        <v>0.57555200000000006</v>
      </c>
      <c r="E117">
        <f t="shared" si="5"/>
        <v>27.02705299999991</v>
      </c>
      <c r="F117">
        <f t="shared" si="3"/>
        <v>4.5355709321009678E-2</v>
      </c>
    </row>
    <row r="118" spans="1:6" x14ac:dyDescent="0.2">
      <c r="A118">
        <v>1034.359289</v>
      </c>
      <c r="B118">
        <v>20.068577999999999</v>
      </c>
      <c r="C118">
        <v>7.7409540000000003</v>
      </c>
      <c r="D118">
        <f t="shared" si="4"/>
        <v>0.58055700000000066</v>
      </c>
      <c r="E118">
        <f t="shared" si="5"/>
        <v>26.048321999999985</v>
      </c>
      <c r="F118">
        <f t="shared" si="3"/>
        <v>4.3377394979210768E-2</v>
      </c>
    </row>
    <row r="119" spans="1:6" x14ac:dyDescent="0.2">
      <c r="A119">
        <v>1032.9582559999999</v>
      </c>
      <c r="B119">
        <v>20.073335</v>
      </c>
      <c r="C119">
        <v>7.7459579999999999</v>
      </c>
      <c r="D119">
        <f t="shared" si="4"/>
        <v>0.58556100000000022</v>
      </c>
      <c r="E119">
        <f t="shared" si="5"/>
        <v>24.647288999999887</v>
      </c>
      <c r="F119">
        <f t="shared" si="3"/>
        <v>4.0748745452527886E-2</v>
      </c>
    </row>
    <row r="120" spans="1:6" x14ac:dyDescent="0.2">
      <c r="A120">
        <v>1031.8595399999999</v>
      </c>
      <c r="B120">
        <v>20.045904</v>
      </c>
      <c r="C120">
        <v>7.7509629999999996</v>
      </c>
      <c r="D120">
        <f t="shared" si="4"/>
        <v>0.59056599999999992</v>
      </c>
      <c r="E120">
        <f t="shared" si="5"/>
        <v>23.548572999999919</v>
      </c>
      <c r="F120">
        <f t="shared" si="3"/>
        <v>3.8643421397382999E-2</v>
      </c>
    </row>
    <row r="121" spans="1:6" x14ac:dyDescent="0.2">
      <c r="A121">
        <v>1030.555914</v>
      </c>
      <c r="B121">
        <v>20.112905000000001</v>
      </c>
      <c r="C121">
        <v>7.7559680000000002</v>
      </c>
      <c r="D121">
        <f t="shared" si="4"/>
        <v>0.59557100000000052</v>
      </c>
      <c r="E121">
        <f t="shared" si="5"/>
        <v>22.244947000000025</v>
      </c>
      <c r="F121">
        <f t="shared" si="3"/>
        <v>3.6243178072145853E-2</v>
      </c>
    </row>
    <row r="122" spans="1:6" x14ac:dyDescent="0.2">
      <c r="A122">
        <v>1029.6214090000001</v>
      </c>
      <c r="B122">
        <v>20.046916</v>
      </c>
      <c r="C122">
        <v>7.7609729999999999</v>
      </c>
      <c r="D122">
        <f t="shared" si="4"/>
        <v>0.60057600000000022</v>
      </c>
      <c r="E122">
        <f t="shared" si="5"/>
        <v>21.31044200000008</v>
      </c>
      <c r="F122">
        <f t="shared" si="3"/>
        <v>3.4462511188497413E-2</v>
      </c>
    </row>
    <row r="123" spans="1:6" x14ac:dyDescent="0.2">
      <c r="A123">
        <v>1028.893851</v>
      </c>
      <c r="B123">
        <v>20.016864000000002</v>
      </c>
      <c r="C123">
        <v>7.7659779999999996</v>
      </c>
      <c r="D123">
        <f t="shared" si="4"/>
        <v>0.60558099999999992</v>
      </c>
      <c r="E123">
        <f t="shared" si="5"/>
        <v>20.582884000000035</v>
      </c>
      <c r="F123">
        <f t="shared" si="3"/>
        <v>3.3034171104738996E-2</v>
      </c>
    </row>
    <row r="124" spans="1:6" x14ac:dyDescent="0.2">
      <c r="A124">
        <v>1029.2115510000001</v>
      </c>
      <c r="B124">
        <v>19.975369000000001</v>
      </c>
      <c r="C124">
        <v>7.7709820000000001</v>
      </c>
      <c r="D124">
        <f t="shared" si="4"/>
        <v>0.61058500000000038</v>
      </c>
      <c r="E124">
        <f t="shared" si="5"/>
        <v>20.900584000000094</v>
      </c>
      <c r="F124">
        <f t="shared" si="3"/>
        <v>3.3258881409856417E-2</v>
      </c>
    </row>
    <row r="125" spans="1:6" x14ac:dyDescent="0.2">
      <c r="A125">
        <v>1029.5892409999999</v>
      </c>
      <c r="B125">
        <v>19.959223000000001</v>
      </c>
      <c r="C125">
        <v>7.7759869999999998</v>
      </c>
      <c r="D125">
        <f t="shared" si="4"/>
        <v>0.61559000000000008</v>
      </c>
      <c r="E125">
        <f t="shared" si="5"/>
        <v>21.278273999999897</v>
      </c>
      <c r="F125">
        <f t="shared" si="3"/>
        <v>3.357228065801194E-2</v>
      </c>
    </row>
    <row r="126" spans="1:6" x14ac:dyDescent="0.2">
      <c r="A126">
        <v>1029.642775</v>
      </c>
      <c r="B126">
        <v>20.008161000000001</v>
      </c>
      <c r="C126">
        <v>7.7809920000000004</v>
      </c>
      <c r="D126">
        <f t="shared" si="4"/>
        <v>0.62059500000000067</v>
      </c>
      <c r="E126">
        <f t="shared" si="5"/>
        <v>21.331808000000024</v>
      </c>
      <c r="F126">
        <f t="shared" si="3"/>
        <v>3.338357305036703E-2</v>
      </c>
    </row>
    <row r="127" spans="1:6" x14ac:dyDescent="0.2">
      <c r="A127">
        <v>1030.1892009999999</v>
      </c>
      <c r="B127">
        <v>19.954668000000002</v>
      </c>
      <c r="C127">
        <v>7.7859970000000001</v>
      </c>
      <c r="D127">
        <f t="shared" si="4"/>
        <v>0.62560000000000038</v>
      </c>
      <c r="E127">
        <f t="shared" si="5"/>
        <v>21.878233999999907</v>
      </c>
      <c r="F127">
        <f t="shared" si="3"/>
        <v>3.3946775629619438E-2</v>
      </c>
    </row>
    <row r="128" spans="1:6" x14ac:dyDescent="0.2">
      <c r="A128">
        <v>1031.4105300000001</v>
      </c>
      <c r="B128">
        <v>19.886136</v>
      </c>
      <c r="C128">
        <v>7.7910019999999998</v>
      </c>
      <c r="D128">
        <f t="shared" si="4"/>
        <v>0.63060500000000008</v>
      </c>
      <c r="E128">
        <f t="shared" si="5"/>
        <v>23.099563000000103</v>
      </c>
      <c r="F128">
        <f t="shared" si="3"/>
        <v>3.5515243210731004E-2</v>
      </c>
    </row>
    <row r="129" spans="1:6" x14ac:dyDescent="0.2">
      <c r="A129">
        <v>1033.633969</v>
      </c>
      <c r="B129">
        <v>19.856515999999999</v>
      </c>
      <c r="C129">
        <v>7.7960060000000002</v>
      </c>
      <c r="D129">
        <f t="shared" si="4"/>
        <v>0.63560900000000053</v>
      </c>
      <c r="E129">
        <f t="shared" si="5"/>
        <v>25.323001999999974</v>
      </c>
      <c r="F129">
        <f t="shared" si="3"/>
        <v>3.8544141576105827E-2</v>
      </c>
    </row>
    <row r="130" spans="1:6" x14ac:dyDescent="0.2">
      <c r="A130">
        <v>1035.3222410000001</v>
      </c>
      <c r="B130">
        <v>19.905688999999999</v>
      </c>
      <c r="C130">
        <v>7.8010109999999999</v>
      </c>
      <c r="D130">
        <f t="shared" si="4"/>
        <v>0.64061400000000024</v>
      </c>
      <c r="E130">
        <f t="shared" si="5"/>
        <v>27.011274000000071</v>
      </c>
      <c r="F130">
        <f t="shared" ref="F130:F193" si="6">(1/A130)*(E130/D130)</f>
        <v>4.07261258676761E-2</v>
      </c>
    </row>
    <row r="131" spans="1:6" x14ac:dyDescent="0.2">
      <c r="A131">
        <v>1036.5155540000001</v>
      </c>
      <c r="B131">
        <v>19.938651</v>
      </c>
      <c r="C131">
        <v>7.8060159999999996</v>
      </c>
      <c r="D131">
        <f t="shared" ref="D131:D194" si="7">C131-$C$2</f>
        <v>0.64561899999999994</v>
      </c>
      <c r="E131">
        <f t="shared" ref="E131:E194" si="8">A131-$A$2</f>
        <v>28.20458700000006</v>
      </c>
      <c r="F131">
        <f t="shared" si="6"/>
        <v>4.2147092309318894E-2</v>
      </c>
    </row>
    <row r="132" spans="1:6" x14ac:dyDescent="0.2">
      <c r="A132">
        <v>1037.5329790000001</v>
      </c>
      <c r="B132">
        <v>19.916561000000002</v>
      </c>
      <c r="C132">
        <v>7.8110210000000002</v>
      </c>
      <c r="D132">
        <f t="shared" si="7"/>
        <v>0.65062400000000054</v>
      </c>
      <c r="E132">
        <f t="shared" si="8"/>
        <v>29.222012000000063</v>
      </c>
      <c r="F132">
        <f t="shared" si="6"/>
        <v>4.3289056999859583E-2</v>
      </c>
    </row>
    <row r="133" spans="1:6" x14ac:dyDescent="0.2">
      <c r="A133">
        <v>1038.912069</v>
      </c>
      <c r="B133">
        <v>19.947417000000002</v>
      </c>
      <c r="C133">
        <v>7.8160259999999999</v>
      </c>
      <c r="D133">
        <f t="shared" si="7"/>
        <v>0.65562900000000024</v>
      </c>
      <c r="E133">
        <f t="shared" si="8"/>
        <v>30.601101999999969</v>
      </c>
      <c r="F133">
        <f t="shared" si="6"/>
        <v>4.4926244861675735E-2</v>
      </c>
    </row>
    <row r="134" spans="1:6" x14ac:dyDescent="0.2">
      <c r="A134">
        <v>1039.281056</v>
      </c>
      <c r="B134">
        <v>19.986864000000001</v>
      </c>
      <c r="C134">
        <v>7.8210300000000004</v>
      </c>
      <c r="D134">
        <f t="shared" si="7"/>
        <v>0.66063300000000069</v>
      </c>
      <c r="E134">
        <f t="shared" si="8"/>
        <v>30.97008900000003</v>
      </c>
      <c r="F134">
        <f t="shared" si="6"/>
        <v>4.5107543701203151E-2</v>
      </c>
    </row>
    <row r="135" spans="1:6" x14ac:dyDescent="0.2">
      <c r="A135">
        <v>1038.9266439999999</v>
      </c>
      <c r="B135">
        <v>20.025382</v>
      </c>
      <c r="C135">
        <v>7.8260350000000001</v>
      </c>
      <c r="D135">
        <f t="shared" si="7"/>
        <v>0.6656380000000004</v>
      </c>
      <c r="E135">
        <f t="shared" si="8"/>
        <v>30.615676999999891</v>
      </c>
      <c r="F135">
        <f t="shared" si="6"/>
        <v>4.4271157406508783E-2</v>
      </c>
    </row>
    <row r="136" spans="1:6" x14ac:dyDescent="0.2">
      <c r="A136">
        <v>1038.5051000000001</v>
      </c>
      <c r="B136">
        <v>20.020661</v>
      </c>
      <c r="C136">
        <v>7.8310399999999998</v>
      </c>
      <c r="D136">
        <f t="shared" si="7"/>
        <v>0.6706430000000001</v>
      </c>
      <c r="E136">
        <f t="shared" si="8"/>
        <v>30.194133000000079</v>
      </c>
      <c r="F136">
        <f t="shared" si="6"/>
        <v>4.3353337247447533E-2</v>
      </c>
    </row>
    <row r="137" spans="1:6" x14ac:dyDescent="0.2">
      <c r="A137">
        <v>1038.675714</v>
      </c>
      <c r="B137">
        <v>19.980561000000002</v>
      </c>
      <c r="C137">
        <v>7.8360450000000004</v>
      </c>
      <c r="D137">
        <f t="shared" si="7"/>
        <v>0.67564800000000069</v>
      </c>
      <c r="E137">
        <f t="shared" si="8"/>
        <v>30.364746999999966</v>
      </c>
      <c r="F137">
        <f t="shared" si="6"/>
        <v>4.3268236433084105E-2</v>
      </c>
    </row>
    <row r="138" spans="1:6" x14ac:dyDescent="0.2">
      <c r="A138">
        <v>1038.5325580000001</v>
      </c>
      <c r="B138">
        <v>20.024906000000001</v>
      </c>
      <c r="C138">
        <v>7.8410500000000001</v>
      </c>
      <c r="D138">
        <f t="shared" si="7"/>
        <v>0.6806530000000004</v>
      </c>
      <c r="E138">
        <f t="shared" si="8"/>
        <v>30.221591000000103</v>
      </c>
      <c r="F138">
        <f t="shared" si="6"/>
        <v>4.275347742564041E-2</v>
      </c>
    </row>
    <row r="139" spans="1:6" x14ac:dyDescent="0.2">
      <c r="A139">
        <v>1037.3085840000001</v>
      </c>
      <c r="B139">
        <v>20.089278</v>
      </c>
      <c r="C139">
        <v>7.8460539999999996</v>
      </c>
      <c r="D139">
        <f t="shared" si="7"/>
        <v>0.68565699999999996</v>
      </c>
      <c r="E139">
        <f t="shared" si="8"/>
        <v>28.997617000000105</v>
      </c>
      <c r="F139">
        <f t="shared" si="6"/>
        <v>4.0770630101612138E-2</v>
      </c>
    </row>
    <row r="140" spans="1:6" x14ac:dyDescent="0.2">
      <c r="A140">
        <v>1036.18507</v>
      </c>
      <c r="B140">
        <v>20.057313000000001</v>
      </c>
      <c r="C140">
        <v>7.8510590000000002</v>
      </c>
      <c r="D140">
        <f t="shared" si="7"/>
        <v>0.69066200000000055</v>
      </c>
      <c r="E140">
        <f t="shared" si="8"/>
        <v>27.874102999999991</v>
      </c>
      <c r="F140">
        <f t="shared" si="6"/>
        <v>3.894915213568171E-2</v>
      </c>
    </row>
    <row r="141" spans="1:6" x14ac:dyDescent="0.2">
      <c r="A141">
        <v>1035.4766010000001</v>
      </c>
      <c r="B141">
        <v>20.031779</v>
      </c>
      <c r="C141">
        <v>7.8560639999999999</v>
      </c>
      <c r="D141">
        <f t="shared" si="7"/>
        <v>0.69566700000000026</v>
      </c>
      <c r="E141">
        <f t="shared" si="8"/>
        <v>27.165634000000068</v>
      </c>
      <c r="F141">
        <f t="shared" si="6"/>
        <v>3.7711877399389776E-2</v>
      </c>
    </row>
    <row r="142" spans="1:6" x14ac:dyDescent="0.2">
      <c r="A142">
        <v>1034.778806</v>
      </c>
      <c r="B142">
        <v>20.028623</v>
      </c>
      <c r="C142">
        <v>7.8610689999999996</v>
      </c>
      <c r="D142">
        <f t="shared" si="7"/>
        <v>0.70067199999999996</v>
      </c>
      <c r="E142">
        <f t="shared" si="8"/>
        <v>26.467839000000026</v>
      </c>
      <c r="F142">
        <f t="shared" si="6"/>
        <v>3.6505323084651389E-2</v>
      </c>
    </row>
    <row r="143" spans="1:6" x14ac:dyDescent="0.2">
      <c r="A143">
        <v>1033.8269969999999</v>
      </c>
      <c r="B143">
        <v>20.071241000000001</v>
      </c>
      <c r="C143">
        <v>7.8660740000000002</v>
      </c>
      <c r="D143">
        <f t="shared" si="7"/>
        <v>0.70567700000000055</v>
      </c>
      <c r="E143">
        <f t="shared" si="8"/>
        <v>25.516029999999887</v>
      </c>
      <c r="F143">
        <f t="shared" si="6"/>
        <v>3.4975124757635229E-2</v>
      </c>
    </row>
    <row r="144" spans="1:6" x14ac:dyDescent="0.2">
      <c r="A144">
        <v>1032.7559409999999</v>
      </c>
      <c r="B144">
        <v>20.045923999999999</v>
      </c>
      <c r="C144">
        <v>7.8710779999999998</v>
      </c>
      <c r="D144">
        <f t="shared" si="7"/>
        <v>0.71068100000000012</v>
      </c>
      <c r="E144">
        <f t="shared" si="8"/>
        <v>24.444973999999888</v>
      </c>
      <c r="F144">
        <f t="shared" si="6"/>
        <v>3.3305593180141625E-2</v>
      </c>
    </row>
    <row r="145" spans="1:6" x14ac:dyDescent="0.2">
      <c r="A145">
        <v>1032.7205280000001</v>
      </c>
      <c r="B145">
        <v>19.995336999999999</v>
      </c>
      <c r="C145">
        <v>7.8760830000000004</v>
      </c>
      <c r="D145">
        <f t="shared" si="7"/>
        <v>0.71568600000000071</v>
      </c>
      <c r="E145">
        <f t="shared" si="8"/>
        <v>24.409561000000053</v>
      </c>
      <c r="F145">
        <f t="shared" si="6"/>
        <v>3.302589814731078E-2</v>
      </c>
    </row>
    <row r="146" spans="1:6" x14ac:dyDescent="0.2">
      <c r="A146">
        <v>1032.6930789999999</v>
      </c>
      <c r="B146">
        <v>19.988631999999999</v>
      </c>
      <c r="C146">
        <v>7.8810880000000001</v>
      </c>
      <c r="D146">
        <f t="shared" si="7"/>
        <v>0.72069100000000041</v>
      </c>
      <c r="E146">
        <f t="shared" si="8"/>
        <v>24.382111999999893</v>
      </c>
      <c r="F146">
        <f t="shared" si="6"/>
        <v>3.2760532841331971E-2</v>
      </c>
    </row>
    <row r="147" spans="1:6" x14ac:dyDescent="0.2">
      <c r="A147">
        <v>1032.800258</v>
      </c>
      <c r="B147">
        <v>20.001631</v>
      </c>
      <c r="C147">
        <v>7.8860929999999998</v>
      </c>
      <c r="D147">
        <f t="shared" si="7"/>
        <v>0.72569600000000012</v>
      </c>
      <c r="E147">
        <f t="shared" si="8"/>
        <v>24.48929099999998</v>
      </c>
      <c r="F147">
        <f t="shared" si="6"/>
        <v>3.2674213676397765E-2</v>
      </c>
    </row>
    <row r="148" spans="1:6" x14ac:dyDescent="0.2">
      <c r="A148">
        <v>1032.497314</v>
      </c>
      <c r="B148">
        <v>20.009079</v>
      </c>
      <c r="C148">
        <v>7.8910980000000004</v>
      </c>
      <c r="D148">
        <f t="shared" si="7"/>
        <v>0.73070100000000071</v>
      </c>
      <c r="E148">
        <f t="shared" si="8"/>
        <v>24.186346999999955</v>
      </c>
      <c r="F148">
        <f t="shared" si="6"/>
        <v>3.2058385513801753E-2</v>
      </c>
    </row>
    <row r="149" spans="1:6" x14ac:dyDescent="0.2">
      <c r="A149">
        <v>1032.58053</v>
      </c>
      <c r="B149">
        <v>19.959589999999999</v>
      </c>
      <c r="C149">
        <v>7.896102</v>
      </c>
      <c r="D149">
        <f t="shared" si="7"/>
        <v>0.73570500000000028</v>
      </c>
      <c r="E149">
        <f t="shared" si="8"/>
        <v>24.269562999999948</v>
      </c>
      <c r="F149">
        <f t="shared" si="6"/>
        <v>3.1947311547263088E-2</v>
      </c>
    </row>
    <row r="150" spans="1:6" x14ac:dyDescent="0.2">
      <c r="A150">
        <v>1034.1357909999999</v>
      </c>
      <c r="B150">
        <v>19.893304000000001</v>
      </c>
      <c r="C150">
        <v>7.9011069999999997</v>
      </c>
      <c r="D150">
        <f t="shared" si="7"/>
        <v>0.74070999999999998</v>
      </c>
      <c r="E150">
        <f t="shared" si="8"/>
        <v>25.824823999999921</v>
      </c>
      <c r="F150">
        <f t="shared" si="6"/>
        <v>3.3714101764234047E-2</v>
      </c>
    </row>
    <row r="151" spans="1:6" x14ac:dyDescent="0.2">
      <c r="A151">
        <v>1035.5948069999999</v>
      </c>
      <c r="B151">
        <v>19.930001000000001</v>
      </c>
      <c r="C151">
        <v>7.9061120000000003</v>
      </c>
      <c r="D151">
        <f t="shared" si="7"/>
        <v>0.74571500000000057</v>
      </c>
      <c r="E151">
        <f t="shared" si="8"/>
        <v>27.283839999999941</v>
      </c>
      <c r="F151">
        <f t="shared" si="6"/>
        <v>3.5329927894014714E-2</v>
      </c>
    </row>
    <row r="152" spans="1:6" x14ac:dyDescent="0.2">
      <c r="A152">
        <v>1036.23894</v>
      </c>
      <c r="B152">
        <v>19.976642999999999</v>
      </c>
      <c r="C152">
        <v>7.911117</v>
      </c>
      <c r="D152">
        <f t="shared" si="7"/>
        <v>0.75072000000000028</v>
      </c>
      <c r="E152">
        <f t="shared" si="8"/>
        <v>27.927972999999952</v>
      </c>
      <c r="F152">
        <f t="shared" si="6"/>
        <v>3.5900584678735289E-2</v>
      </c>
    </row>
    <row r="153" spans="1:6" x14ac:dyDescent="0.2">
      <c r="A153">
        <v>1037.3994949999999</v>
      </c>
      <c r="B153">
        <v>19.881174000000001</v>
      </c>
      <c r="C153">
        <v>7.9161219999999997</v>
      </c>
      <c r="D153">
        <f t="shared" si="7"/>
        <v>0.75572499999999998</v>
      </c>
      <c r="E153">
        <f t="shared" si="8"/>
        <v>29.088527999999883</v>
      </c>
      <c r="F153">
        <f t="shared" si="6"/>
        <v>3.7103247485936075E-2</v>
      </c>
    </row>
    <row r="154" spans="1:6" x14ac:dyDescent="0.2">
      <c r="A154">
        <v>1039.512905</v>
      </c>
      <c r="B154">
        <v>19.876049999999999</v>
      </c>
      <c r="C154">
        <v>7.9211260000000001</v>
      </c>
      <c r="D154">
        <f t="shared" si="7"/>
        <v>0.76072900000000043</v>
      </c>
      <c r="E154">
        <f t="shared" si="8"/>
        <v>31.201938000000041</v>
      </c>
      <c r="F154">
        <f t="shared" si="6"/>
        <v>3.9456786498161131E-2</v>
      </c>
    </row>
    <row r="155" spans="1:6" x14ac:dyDescent="0.2">
      <c r="A155">
        <v>1041.08925</v>
      </c>
      <c r="B155">
        <v>19.921993000000001</v>
      </c>
      <c r="C155">
        <v>7.9261309999999998</v>
      </c>
      <c r="D155">
        <f t="shared" si="7"/>
        <v>0.76573400000000014</v>
      </c>
      <c r="E155">
        <f t="shared" si="8"/>
        <v>32.778282999999988</v>
      </c>
      <c r="F155">
        <f t="shared" si="6"/>
        <v>4.1116894673364948E-2</v>
      </c>
    </row>
    <row r="156" spans="1:6" x14ac:dyDescent="0.2">
      <c r="A156">
        <v>1042.0586350000001</v>
      </c>
      <c r="B156">
        <v>19.93787</v>
      </c>
      <c r="C156">
        <v>7.9311360000000004</v>
      </c>
      <c r="D156">
        <f t="shared" si="7"/>
        <v>0.77073900000000073</v>
      </c>
      <c r="E156">
        <f t="shared" si="8"/>
        <v>33.74766800000009</v>
      </c>
      <c r="F156">
        <f t="shared" si="6"/>
        <v>4.2018861021650353E-2</v>
      </c>
    </row>
    <row r="157" spans="1:6" x14ac:dyDescent="0.2">
      <c r="A157">
        <v>1043.054128</v>
      </c>
      <c r="B157">
        <v>19.946045999999999</v>
      </c>
      <c r="C157">
        <v>7.9361410000000001</v>
      </c>
      <c r="D157">
        <f t="shared" si="7"/>
        <v>0.77574400000000043</v>
      </c>
      <c r="E157">
        <f t="shared" si="8"/>
        <v>34.743160999999986</v>
      </c>
      <c r="F157">
        <f t="shared" si="6"/>
        <v>4.2938222039358084E-2</v>
      </c>
    </row>
    <row r="158" spans="1:6" x14ac:dyDescent="0.2">
      <c r="A158">
        <v>1044.1422299999999</v>
      </c>
      <c r="B158">
        <v>19.927111</v>
      </c>
      <c r="C158">
        <v>7.9411459999999998</v>
      </c>
      <c r="D158">
        <f t="shared" si="7"/>
        <v>0.78074900000000014</v>
      </c>
      <c r="E158">
        <f t="shared" si="8"/>
        <v>35.831262999999922</v>
      </c>
      <c r="F158">
        <f t="shared" si="6"/>
        <v>4.3953252604114847E-2</v>
      </c>
    </row>
    <row r="159" spans="1:6" x14ac:dyDescent="0.2">
      <c r="A159">
        <v>1044.3230639999999</v>
      </c>
      <c r="B159">
        <v>20.012975000000001</v>
      </c>
      <c r="C159">
        <v>7.9461500000000003</v>
      </c>
      <c r="D159">
        <f t="shared" si="7"/>
        <v>0.78575300000000059</v>
      </c>
      <c r="E159">
        <f t="shared" si="8"/>
        <v>36.012096999999926</v>
      </c>
      <c r="F159">
        <f t="shared" si="6"/>
        <v>4.3886151082727122E-2</v>
      </c>
    </row>
    <row r="160" spans="1:6" x14ac:dyDescent="0.2">
      <c r="A160">
        <v>1043.5059180000001</v>
      </c>
      <c r="B160">
        <v>20.061729</v>
      </c>
      <c r="C160">
        <v>7.951155</v>
      </c>
      <c r="D160">
        <f t="shared" si="7"/>
        <v>0.79075800000000029</v>
      </c>
      <c r="E160">
        <f t="shared" si="8"/>
        <v>35.19495100000006</v>
      </c>
      <c r="F160">
        <f t="shared" si="6"/>
        <v>4.2652240972215212E-2</v>
      </c>
    </row>
    <row r="161" spans="1:6" x14ac:dyDescent="0.2">
      <c r="A161">
        <v>1042.5388660000001</v>
      </c>
      <c r="B161">
        <v>20.058644999999999</v>
      </c>
      <c r="C161">
        <v>7.9561599999999997</v>
      </c>
      <c r="D161">
        <f t="shared" si="7"/>
        <v>0.795763</v>
      </c>
      <c r="E161">
        <f t="shared" si="8"/>
        <v>34.227899000000093</v>
      </c>
      <c r="F161">
        <f t="shared" si="6"/>
        <v>4.1257626988671803E-2</v>
      </c>
    </row>
    <row r="162" spans="1:6" x14ac:dyDescent="0.2">
      <c r="A162">
        <v>1041.7108229999999</v>
      </c>
      <c r="B162">
        <v>20.055814000000002</v>
      </c>
      <c r="C162">
        <v>7.9611650000000003</v>
      </c>
      <c r="D162">
        <f t="shared" si="7"/>
        <v>0.80076800000000059</v>
      </c>
      <c r="E162">
        <f t="shared" si="8"/>
        <v>33.399855999999886</v>
      </c>
      <c r="F162">
        <f t="shared" si="6"/>
        <v>4.0039690182360525E-2</v>
      </c>
    </row>
    <row r="163" spans="1:6" x14ac:dyDescent="0.2">
      <c r="A163">
        <v>1040.688744</v>
      </c>
      <c r="B163">
        <v>20.050184999999999</v>
      </c>
      <c r="C163">
        <v>7.96617</v>
      </c>
      <c r="D163">
        <f t="shared" si="7"/>
        <v>0.80577300000000029</v>
      </c>
      <c r="E163">
        <f t="shared" si="8"/>
        <v>32.377777000000037</v>
      </c>
      <c r="F163">
        <f t="shared" si="6"/>
        <v>3.8611214233346819E-2</v>
      </c>
    </row>
    <row r="164" spans="1:6" x14ac:dyDescent="0.2">
      <c r="A164">
        <v>1039.6044850000001</v>
      </c>
      <c r="B164">
        <v>20.068185</v>
      </c>
      <c r="C164">
        <v>7.9711740000000004</v>
      </c>
      <c r="D164">
        <f t="shared" si="7"/>
        <v>0.81077700000000075</v>
      </c>
      <c r="E164">
        <f t="shared" si="8"/>
        <v>31.293518000000063</v>
      </c>
      <c r="F164">
        <f t="shared" si="6"/>
        <v>3.7126569687137595E-2</v>
      </c>
    </row>
    <row r="165" spans="1:6" x14ac:dyDescent="0.2">
      <c r="A165">
        <v>1037.9557569999999</v>
      </c>
      <c r="B165">
        <v>20.111736000000001</v>
      </c>
      <c r="C165">
        <v>7.9761790000000001</v>
      </c>
      <c r="D165">
        <f t="shared" si="7"/>
        <v>0.81578200000000045</v>
      </c>
      <c r="E165">
        <f t="shared" si="8"/>
        <v>29.644789999999944</v>
      </c>
      <c r="F165">
        <f t="shared" si="6"/>
        <v>3.5010266580973129E-2</v>
      </c>
    </row>
    <row r="166" spans="1:6" x14ac:dyDescent="0.2">
      <c r="A166">
        <v>1036.3333110000001</v>
      </c>
      <c r="B166">
        <v>20.077893</v>
      </c>
      <c r="C166">
        <v>7.9811839999999998</v>
      </c>
      <c r="D166">
        <f t="shared" si="7"/>
        <v>0.82078700000000016</v>
      </c>
      <c r="E166">
        <f t="shared" si="8"/>
        <v>28.022344000000089</v>
      </c>
      <c r="F166">
        <f t="shared" si="6"/>
        <v>3.2943863733901887E-2</v>
      </c>
    </row>
    <row r="167" spans="1:6" x14ac:dyDescent="0.2">
      <c r="A167">
        <v>1035.2181820000001</v>
      </c>
      <c r="B167">
        <v>20.039221000000001</v>
      </c>
      <c r="C167">
        <v>7.9861890000000004</v>
      </c>
      <c r="D167">
        <f t="shared" si="7"/>
        <v>0.82579200000000075</v>
      </c>
      <c r="E167">
        <f t="shared" si="8"/>
        <v>26.907215000000065</v>
      </c>
      <c r="F167">
        <f t="shared" si="6"/>
        <v>3.1475032454332773E-2</v>
      </c>
    </row>
    <row r="168" spans="1:6" x14ac:dyDescent="0.2">
      <c r="A168">
        <v>1035.06547</v>
      </c>
      <c r="B168">
        <v>20.007649000000001</v>
      </c>
      <c r="C168">
        <v>7.9911940000000001</v>
      </c>
      <c r="D168">
        <f t="shared" si="7"/>
        <v>0.83079700000000045</v>
      </c>
      <c r="E168">
        <f t="shared" si="8"/>
        <v>26.754503</v>
      </c>
      <c r="F168">
        <f t="shared" si="6"/>
        <v>3.1112445401922047E-2</v>
      </c>
    </row>
    <row r="169" spans="1:6" x14ac:dyDescent="0.2">
      <c r="A169">
        <v>1035.0474059999999</v>
      </c>
      <c r="B169">
        <v>19.987735000000001</v>
      </c>
      <c r="C169">
        <v>7.9961979999999997</v>
      </c>
      <c r="D169">
        <f t="shared" si="7"/>
        <v>0.83580100000000002</v>
      </c>
      <c r="E169">
        <f t="shared" si="8"/>
        <v>26.736438999999905</v>
      </c>
      <c r="F169">
        <f t="shared" si="6"/>
        <v>3.0905831737649467E-2</v>
      </c>
    </row>
    <row r="170" spans="1:6" x14ac:dyDescent="0.2">
      <c r="A170">
        <v>1035.006304</v>
      </c>
      <c r="B170">
        <v>20.007792999999999</v>
      </c>
      <c r="C170">
        <v>8.0012030000000003</v>
      </c>
      <c r="D170">
        <f t="shared" si="7"/>
        <v>0.84080600000000061</v>
      </c>
      <c r="E170">
        <f t="shared" si="8"/>
        <v>26.695336999999995</v>
      </c>
      <c r="F170">
        <f t="shared" si="6"/>
        <v>3.0675850360403874E-2</v>
      </c>
    </row>
    <row r="171" spans="1:6" x14ac:dyDescent="0.2">
      <c r="A171">
        <v>1034.9618230000001</v>
      </c>
      <c r="B171">
        <v>20.00142</v>
      </c>
      <c r="C171">
        <v>8.0062080000000009</v>
      </c>
      <c r="D171">
        <f t="shared" si="7"/>
        <v>0.8458110000000012</v>
      </c>
      <c r="E171">
        <f t="shared" si="8"/>
        <v>26.65085600000009</v>
      </c>
      <c r="F171">
        <f t="shared" si="6"/>
        <v>3.0444826514335645E-2</v>
      </c>
    </row>
    <row r="172" spans="1:6" x14ac:dyDescent="0.2">
      <c r="A172">
        <v>1035.6277219999999</v>
      </c>
      <c r="B172">
        <v>19.925892999999999</v>
      </c>
      <c r="C172">
        <v>8.0112129999999997</v>
      </c>
      <c r="D172">
        <f t="shared" si="7"/>
        <v>0.85081600000000002</v>
      </c>
      <c r="E172">
        <f t="shared" si="8"/>
        <v>27.316754999999944</v>
      </c>
      <c r="F172">
        <f t="shared" si="6"/>
        <v>3.1002005707648331E-2</v>
      </c>
    </row>
    <row r="173" spans="1:6" x14ac:dyDescent="0.2">
      <c r="A173">
        <v>1036.764193</v>
      </c>
      <c r="B173">
        <v>19.934460999999999</v>
      </c>
      <c r="C173">
        <v>8.0162180000000003</v>
      </c>
      <c r="D173">
        <f t="shared" si="7"/>
        <v>0.85582100000000061</v>
      </c>
      <c r="E173">
        <f t="shared" si="8"/>
        <v>28.453225999999972</v>
      </c>
      <c r="F173">
        <f t="shared" si="6"/>
        <v>3.2067757079049269E-2</v>
      </c>
    </row>
    <row r="174" spans="1:6" x14ac:dyDescent="0.2">
      <c r="A174">
        <v>1037.2466219999999</v>
      </c>
      <c r="B174">
        <v>20.001415000000001</v>
      </c>
      <c r="C174">
        <v>8.0212219999999999</v>
      </c>
      <c r="D174">
        <f t="shared" si="7"/>
        <v>0.86082500000000017</v>
      </c>
      <c r="E174">
        <f t="shared" si="8"/>
        <v>28.935654999999883</v>
      </c>
      <c r="F174">
        <f t="shared" si="6"/>
        <v>3.2406820030720936E-2</v>
      </c>
    </row>
    <row r="175" spans="1:6" x14ac:dyDescent="0.2">
      <c r="A175">
        <v>1037.446344</v>
      </c>
      <c r="B175">
        <v>19.974494</v>
      </c>
      <c r="C175">
        <v>8.0262270000000004</v>
      </c>
      <c r="D175">
        <f t="shared" si="7"/>
        <v>0.86583000000000077</v>
      </c>
      <c r="E175">
        <f t="shared" si="8"/>
        <v>29.135376999999949</v>
      </c>
      <c r="F175">
        <f t="shared" si="6"/>
        <v>3.2435632261309688E-2</v>
      </c>
    </row>
    <row r="176" spans="1:6" x14ac:dyDescent="0.2">
      <c r="A176">
        <v>1037.7242550000001</v>
      </c>
      <c r="B176">
        <v>19.978590000000001</v>
      </c>
      <c r="C176">
        <v>8.0312319999999993</v>
      </c>
      <c r="D176">
        <f t="shared" si="7"/>
        <v>0.87083499999999958</v>
      </c>
      <c r="E176">
        <f t="shared" si="8"/>
        <v>29.41328800000008</v>
      </c>
      <c r="F176">
        <f t="shared" si="6"/>
        <v>3.2548106774879605E-2</v>
      </c>
    </row>
    <row r="177" spans="1:6" x14ac:dyDescent="0.2">
      <c r="A177">
        <v>1038.927097</v>
      </c>
      <c r="B177">
        <v>19.901555999999999</v>
      </c>
      <c r="C177">
        <v>8.0362369999999999</v>
      </c>
      <c r="D177">
        <f t="shared" si="7"/>
        <v>0.87584000000000017</v>
      </c>
      <c r="E177">
        <f t="shared" si="8"/>
        <v>30.616129999999998</v>
      </c>
      <c r="F177">
        <f t="shared" si="6"/>
        <v>3.3646542577886476E-2</v>
      </c>
    </row>
    <row r="178" spans="1:6" x14ac:dyDescent="0.2">
      <c r="A178">
        <v>1040.352112</v>
      </c>
      <c r="B178">
        <v>19.913810000000002</v>
      </c>
      <c r="C178">
        <v>8.0412420000000004</v>
      </c>
      <c r="D178">
        <f t="shared" si="7"/>
        <v>0.88084500000000077</v>
      </c>
      <c r="E178">
        <f t="shared" si="8"/>
        <v>32.041145000000029</v>
      </c>
      <c r="F178">
        <f t="shared" si="6"/>
        <v>3.4964569124173242E-2</v>
      </c>
    </row>
    <row r="179" spans="1:6" x14ac:dyDescent="0.2">
      <c r="A179">
        <v>1040.62843</v>
      </c>
      <c r="B179">
        <v>20.003820000000001</v>
      </c>
      <c r="C179">
        <v>8.046246</v>
      </c>
      <c r="D179">
        <f t="shared" si="7"/>
        <v>0.88584900000000033</v>
      </c>
      <c r="E179">
        <f t="shared" si="8"/>
        <v>32.317462999999975</v>
      </c>
      <c r="F179">
        <f t="shared" si="6"/>
        <v>3.5057575204882105E-2</v>
      </c>
    </row>
    <row r="180" spans="1:6" x14ac:dyDescent="0.2">
      <c r="A180">
        <v>1040.979306</v>
      </c>
      <c r="B180">
        <v>19.962824000000001</v>
      </c>
      <c r="C180">
        <v>8.0512510000000006</v>
      </c>
      <c r="D180">
        <f t="shared" si="7"/>
        <v>0.89085400000000092</v>
      </c>
      <c r="E180">
        <f t="shared" si="8"/>
        <v>32.668338999999946</v>
      </c>
      <c r="F180">
        <f t="shared" si="6"/>
        <v>3.522722417955957E-2</v>
      </c>
    </row>
    <row r="181" spans="1:6" x14ac:dyDescent="0.2">
      <c r="A181">
        <v>1042.1443770000001</v>
      </c>
      <c r="B181">
        <v>19.911947000000001</v>
      </c>
      <c r="C181">
        <v>8.0562559999999994</v>
      </c>
      <c r="D181">
        <f t="shared" si="7"/>
        <v>0.89585899999999974</v>
      </c>
      <c r="E181">
        <f t="shared" si="8"/>
        <v>33.833410000000072</v>
      </c>
      <c r="F181">
        <f t="shared" si="6"/>
        <v>3.6239168221588625E-2</v>
      </c>
    </row>
    <row r="182" spans="1:6" x14ac:dyDescent="0.2">
      <c r="A182">
        <v>1043.5988460000001</v>
      </c>
      <c r="B182">
        <v>19.916568999999999</v>
      </c>
      <c r="C182">
        <v>8.061261</v>
      </c>
      <c r="D182">
        <f t="shared" si="7"/>
        <v>0.90086400000000033</v>
      </c>
      <c r="E182">
        <f t="shared" si="8"/>
        <v>35.287879000000089</v>
      </c>
      <c r="F182">
        <f t="shared" si="6"/>
        <v>3.7534681348535937E-2</v>
      </c>
    </row>
    <row r="183" spans="1:6" x14ac:dyDescent="0.2">
      <c r="A183">
        <v>1043.801224</v>
      </c>
      <c r="B183">
        <v>20.008689</v>
      </c>
      <c r="C183">
        <v>8.0662660000000006</v>
      </c>
      <c r="D183">
        <f t="shared" si="7"/>
        <v>0.90586900000000092</v>
      </c>
      <c r="E183">
        <f t="shared" si="8"/>
        <v>35.490257000000042</v>
      </c>
      <c r="F183">
        <f t="shared" si="6"/>
        <v>3.7534094637583615E-2</v>
      </c>
    </row>
    <row r="184" spans="1:6" x14ac:dyDescent="0.2">
      <c r="A184">
        <v>1043.7486859999999</v>
      </c>
      <c r="B184">
        <v>19.995681000000001</v>
      </c>
      <c r="C184">
        <v>8.0712700000000002</v>
      </c>
      <c r="D184">
        <f t="shared" si="7"/>
        <v>0.91087300000000049</v>
      </c>
      <c r="E184">
        <f t="shared" si="8"/>
        <v>35.437718999999902</v>
      </c>
      <c r="F184">
        <f t="shared" si="6"/>
        <v>3.7274513979562475E-2</v>
      </c>
    </row>
    <row r="185" spans="1:6" x14ac:dyDescent="0.2">
      <c r="A185">
        <v>1043.801111</v>
      </c>
      <c r="B185">
        <v>19.975909000000001</v>
      </c>
      <c r="C185">
        <v>8.0762750000000008</v>
      </c>
      <c r="D185">
        <f t="shared" si="7"/>
        <v>0.91587800000000108</v>
      </c>
      <c r="E185">
        <f t="shared" si="8"/>
        <v>35.490143999999987</v>
      </c>
      <c r="F185">
        <f t="shared" si="6"/>
        <v>3.7123796180238561E-2</v>
      </c>
    </row>
    <row r="186" spans="1:6" x14ac:dyDescent="0.2">
      <c r="A186">
        <v>1044.298982</v>
      </c>
      <c r="B186">
        <v>19.970061999999999</v>
      </c>
      <c r="C186">
        <v>8.0812799999999996</v>
      </c>
      <c r="D186">
        <f t="shared" si="7"/>
        <v>0.9208829999999999</v>
      </c>
      <c r="E186">
        <f t="shared" si="8"/>
        <v>35.988015000000019</v>
      </c>
      <c r="F186">
        <f t="shared" si="6"/>
        <v>3.7422136834852453E-2</v>
      </c>
    </row>
    <row r="187" spans="1:6" x14ac:dyDescent="0.2">
      <c r="A187">
        <v>1044.0533660000001</v>
      </c>
      <c r="B187">
        <v>20.044039000000001</v>
      </c>
      <c r="C187">
        <v>8.0862850000000002</v>
      </c>
      <c r="D187">
        <f t="shared" si="7"/>
        <v>0.92588800000000049</v>
      </c>
      <c r="E187">
        <f t="shared" si="8"/>
        <v>35.742399000000091</v>
      </c>
      <c r="F187">
        <f t="shared" si="6"/>
        <v>3.697452004969818E-2</v>
      </c>
    </row>
    <row r="188" spans="1:6" x14ac:dyDescent="0.2">
      <c r="A188">
        <v>1042.6433010000001</v>
      </c>
      <c r="B188">
        <v>20.117162</v>
      </c>
      <c r="C188">
        <v>8.0912900000000008</v>
      </c>
      <c r="D188">
        <f t="shared" si="7"/>
        <v>0.93089300000000108</v>
      </c>
      <c r="E188">
        <f t="shared" si="8"/>
        <v>34.33233400000006</v>
      </c>
      <c r="F188">
        <f t="shared" si="6"/>
        <v>3.5372667118106146E-2</v>
      </c>
    </row>
    <row r="189" spans="1:6" x14ac:dyDescent="0.2">
      <c r="A189">
        <v>1041.573044</v>
      </c>
      <c r="B189">
        <v>20.047730000000001</v>
      </c>
      <c r="C189">
        <v>8.0962940000000003</v>
      </c>
      <c r="D189">
        <f t="shared" si="7"/>
        <v>0.93589700000000065</v>
      </c>
      <c r="E189">
        <f t="shared" si="8"/>
        <v>33.262076999999977</v>
      </c>
      <c r="F189">
        <f t="shared" si="6"/>
        <v>3.4121772073317569E-2</v>
      </c>
    </row>
    <row r="190" spans="1:6" x14ac:dyDescent="0.2">
      <c r="A190">
        <v>1041.0987190000001</v>
      </c>
      <c r="B190">
        <v>20.008475000000001</v>
      </c>
      <c r="C190">
        <v>8.1012989999999991</v>
      </c>
      <c r="D190">
        <f t="shared" si="7"/>
        <v>0.94090199999999946</v>
      </c>
      <c r="E190">
        <f t="shared" si="8"/>
        <v>32.787752000000069</v>
      </c>
      <c r="F190">
        <f t="shared" si="6"/>
        <v>3.3471512512512104E-2</v>
      </c>
    </row>
    <row r="191" spans="1:6" x14ac:dyDescent="0.2">
      <c r="A191">
        <v>1040.1966210000001</v>
      </c>
      <c r="B191">
        <v>20.053671999999999</v>
      </c>
      <c r="C191">
        <v>8.1063039999999997</v>
      </c>
      <c r="D191">
        <f t="shared" si="7"/>
        <v>0.94590700000000005</v>
      </c>
      <c r="E191">
        <f t="shared" si="8"/>
        <v>31.885654000000045</v>
      </c>
      <c r="F191">
        <f t="shared" si="6"/>
        <v>3.2406449455651548E-2</v>
      </c>
    </row>
    <row r="192" spans="1:6" x14ac:dyDescent="0.2">
      <c r="A192">
        <v>1038.3550009999999</v>
      </c>
      <c r="B192">
        <v>20.148658000000001</v>
      </c>
      <c r="C192">
        <v>8.1113090000000003</v>
      </c>
      <c r="D192">
        <f t="shared" si="7"/>
        <v>0.95091200000000065</v>
      </c>
      <c r="E192">
        <f t="shared" si="8"/>
        <v>30.044033999999897</v>
      </c>
      <c r="F192">
        <f t="shared" si="6"/>
        <v>3.0427905434916979E-2</v>
      </c>
    </row>
    <row r="193" spans="1:6" x14ac:dyDescent="0.2">
      <c r="A193">
        <v>1036.535574</v>
      </c>
      <c r="B193">
        <v>20.069752000000001</v>
      </c>
      <c r="C193">
        <v>8.1163139999999991</v>
      </c>
      <c r="D193">
        <f t="shared" si="7"/>
        <v>0.95591699999999946</v>
      </c>
      <c r="E193">
        <f t="shared" si="8"/>
        <v>28.224606999999992</v>
      </c>
      <c r="F193">
        <f t="shared" si="6"/>
        <v>2.8485477679944936E-2</v>
      </c>
    </row>
    <row r="194" spans="1:6" x14ac:dyDescent="0.2">
      <c r="A194">
        <v>1036.5483959999999</v>
      </c>
      <c r="B194">
        <v>19.981895999999999</v>
      </c>
      <c r="C194">
        <v>8.1213180000000005</v>
      </c>
      <c r="D194">
        <f t="shared" si="7"/>
        <v>0.9609210000000008</v>
      </c>
      <c r="E194">
        <f t="shared" si="8"/>
        <v>28.237428999999906</v>
      </c>
      <c r="F194">
        <f t="shared" ref="F194:F257" si="9">(1/A194)*(E194/D194)</f>
        <v>2.8349661874454344E-2</v>
      </c>
    </row>
    <row r="195" spans="1:6" x14ac:dyDescent="0.2">
      <c r="A195">
        <v>1036.7952990000001</v>
      </c>
      <c r="B195">
        <v>19.984912000000001</v>
      </c>
      <c r="C195">
        <v>8.1263229999999993</v>
      </c>
      <c r="D195">
        <f t="shared" ref="D195:D258" si="10">C195-$C$2</f>
        <v>0.96592599999999962</v>
      </c>
      <c r="E195">
        <f t="shared" ref="E195:E258" si="11">A195-$A$2</f>
        <v>28.484332000000109</v>
      </c>
      <c r="F195">
        <f t="shared" si="9"/>
        <v>2.8442591473594875E-2</v>
      </c>
    </row>
    <row r="196" spans="1:6" x14ac:dyDescent="0.2">
      <c r="A196">
        <v>1036.704808</v>
      </c>
      <c r="B196">
        <v>19.991779000000001</v>
      </c>
      <c r="C196">
        <v>8.1313279999999999</v>
      </c>
      <c r="D196">
        <f t="shared" si="10"/>
        <v>0.97093100000000021</v>
      </c>
      <c r="E196">
        <f t="shared" si="11"/>
        <v>28.393840999999952</v>
      </c>
      <c r="F196">
        <f t="shared" si="9"/>
        <v>2.8208543704405228E-2</v>
      </c>
    </row>
    <row r="197" spans="1:6" x14ac:dyDescent="0.2">
      <c r="A197">
        <v>1037.0372150000001</v>
      </c>
      <c r="B197">
        <v>19.974639</v>
      </c>
      <c r="C197">
        <v>8.1363330000000005</v>
      </c>
      <c r="D197">
        <f t="shared" si="10"/>
        <v>0.9759360000000008</v>
      </c>
      <c r="E197">
        <f t="shared" si="11"/>
        <v>28.726248000000055</v>
      </c>
      <c r="F197">
        <f t="shared" si="9"/>
        <v>2.8383322080401032E-2</v>
      </c>
    </row>
    <row r="198" spans="1:6" x14ac:dyDescent="0.2">
      <c r="A198">
        <v>1037.87619</v>
      </c>
      <c r="B198">
        <v>19.937356999999999</v>
      </c>
      <c r="C198">
        <v>8.1413379999999993</v>
      </c>
      <c r="D198">
        <f t="shared" si="10"/>
        <v>0.98094099999999962</v>
      </c>
      <c r="E198">
        <f t="shared" si="11"/>
        <v>29.565222999999946</v>
      </c>
      <c r="F198">
        <f t="shared" si="9"/>
        <v>2.9039739969868496E-2</v>
      </c>
    </row>
    <row r="199" spans="1:6" x14ac:dyDescent="0.2">
      <c r="A199">
        <v>1038.8796600000001</v>
      </c>
      <c r="B199">
        <v>19.944285000000001</v>
      </c>
      <c r="C199">
        <v>8.1463420000000006</v>
      </c>
      <c r="D199">
        <f t="shared" si="10"/>
        <v>0.98594500000000096</v>
      </c>
      <c r="E199">
        <f t="shared" si="11"/>
        <v>30.568693000000053</v>
      </c>
      <c r="F199">
        <f t="shared" si="9"/>
        <v>2.9844131027716166E-2</v>
      </c>
    </row>
    <row r="200" spans="1:6" x14ac:dyDescent="0.2">
      <c r="A200">
        <v>1039.7875690000001</v>
      </c>
      <c r="B200">
        <v>19.938419</v>
      </c>
      <c r="C200">
        <v>8.1513469999999995</v>
      </c>
      <c r="D200">
        <f t="shared" si="10"/>
        <v>0.99094999999999978</v>
      </c>
      <c r="E200">
        <f t="shared" si="11"/>
        <v>31.476602000000071</v>
      </c>
      <c r="F200">
        <f t="shared" si="9"/>
        <v>3.0548611804553649E-2</v>
      </c>
    </row>
    <row r="201" spans="1:6" x14ac:dyDescent="0.2">
      <c r="A201">
        <v>1040.675279</v>
      </c>
      <c r="B201">
        <v>19.939626000000001</v>
      </c>
      <c r="C201">
        <v>8.156352</v>
      </c>
      <c r="D201">
        <f t="shared" si="10"/>
        <v>0.99595500000000037</v>
      </c>
      <c r="E201">
        <f t="shared" si="11"/>
        <v>32.364312000000041</v>
      </c>
      <c r="F201">
        <f t="shared" si="9"/>
        <v>3.1225645495931872E-2</v>
      </c>
    </row>
    <row r="202" spans="1:6" x14ac:dyDescent="0.2">
      <c r="A202">
        <v>1041.7495980000001</v>
      </c>
      <c r="B202">
        <v>19.920750000000002</v>
      </c>
      <c r="C202">
        <v>8.1613570000000006</v>
      </c>
      <c r="D202">
        <f t="shared" si="10"/>
        <v>1.000960000000001</v>
      </c>
      <c r="E202">
        <f t="shared" si="11"/>
        <v>33.4386310000001</v>
      </c>
      <c r="F202">
        <f t="shared" si="9"/>
        <v>3.2067745229623218E-2</v>
      </c>
    </row>
    <row r="203" spans="1:6" x14ac:dyDescent="0.2">
      <c r="A203">
        <v>1042.81348</v>
      </c>
      <c r="B203">
        <v>19.942381999999998</v>
      </c>
      <c r="C203">
        <v>8.1663619999999995</v>
      </c>
      <c r="D203">
        <f t="shared" si="10"/>
        <v>1.0059649999999998</v>
      </c>
      <c r="E203">
        <f t="shared" si="11"/>
        <v>34.502513000000022</v>
      </c>
      <c r="F203">
        <f t="shared" si="9"/>
        <v>3.2889799115535523E-2</v>
      </c>
    </row>
    <row r="204" spans="1:6" x14ac:dyDescent="0.2">
      <c r="A204">
        <v>1043.252675</v>
      </c>
      <c r="B204">
        <v>19.975639000000001</v>
      </c>
      <c r="C204">
        <v>8.1713660000000008</v>
      </c>
      <c r="D204">
        <f t="shared" si="10"/>
        <v>1.0109690000000011</v>
      </c>
      <c r="E204">
        <f t="shared" si="11"/>
        <v>34.941707999999949</v>
      </c>
      <c r="F204">
        <f t="shared" si="9"/>
        <v>3.3129645164800832E-2</v>
      </c>
    </row>
    <row r="205" spans="1:6" x14ac:dyDescent="0.2">
      <c r="A205">
        <v>1042.9409430000001</v>
      </c>
      <c r="B205">
        <v>20.033111999999999</v>
      </c>
      <c r="C205">
        <v>8.1763709999999996</v>
      </c>
      <c r="D205">
        <f t="shared" si="10"/>
        <v>1.0159739999999999</v>
      </c>
      <c r="E205">
        <f t="shared" si="11"/>
        <v>34.629976000000056</v>
      </c>
      <c r="F205">
        <f t="shared" si="9"/>
        <v>3.2682094362682351E-2</v>
      </c>
    </row>
    <row r="206" spans="1:6" x14ac:dyDescent="0.2">
      <c r="A206">
        <v>1042.730697</v>
      </c>
      <c r="B206">
        <v>20.017257000000001</v>
      </c>
      <c r="C206">
        <v>8.1813760000000002</v>
      </c>
      <c r="D206">
        <f t="shared" si="10"/>
        <v>1.0209790000000005</v>
      </c>
      <c r="E206">
        <f t="shared" si="11"/>
        <v>34.419729999999959</v>
      </c>
      <c r="F206">
        <f t="shared" si="9"/>
        <v>3.2330951859082607E-2</v>
      </c>
    </row>
    <row r="207" spans="1:6" x14ac:dyDescent="0.2">
      <c r="A207">
        <v>1042.5615769999999</v>
      </c>
      <c r="B207">
        <v>20.011752000000001</v>
      </c>
      <c r="C207">
        <v>8.1863810000000008</v>
      </c>
      <c r="D207">
        <f t="shared" si="10"/>
        <v>1.0259840000000011</v>
      </c>
      <c r="E207">
        <f t="shared" si="11"/>
        <v>34.250609999999938</v>
      </c>
      <c r="F207">
        <f t="shared" si="9"/>
        <v>3.2020345033428196E-2</v>
      </c>
    </row>
    <row r="208" spans="1:6" x14ac:dyDescent="0.2">
      <c r="A208">
        <v>1042.3743340000001</v>
      </c>
      <c r="B208">
        <v>20.009879999999999</v>
      </c>
      <c r="C208">
        <v>8.1913859999999996</v>
      </c>
      <c r="D208">
        <f t="shared" si="10"/>
        <v>1.0309889999999999</v>
      </c>
      <c r="E208">
        <f t="shared" si="11"/>
        <v>34.063367000000085</v>
      </c>
      <c r="F208">
        <f t="shared" si="9"/>
        <v>3.1696392244557677E-2</v>
      </c>
    </row>
    <row r="209" spans="1:6" x14ac:dyDescent="0.2">
      <c r="A209">
        <v>1042.017918</v>
      </c>
      <c r="B209">
        <v>20.02319</v>
      </c>
      <c r="C209">
        <v>8.1963899999999992</v>
      </c>
      <c r="D209">
        <f t="shared" si="10"/>
        <v>1.0359929999999995</v>
      </c>
      <c r="E209">
        <f t="shared" si="11"/>
        <v>33.706951000000004</v>
      </c>
      <c r="F209">
        <f t="shared" si="9"/>
        <v>3.1223922605801247E-2</v>
      </c>
    </row>
    <row r="210" spans="1:6" x14ac:dyDescent="0.2">
      <c r="A210">
        <v>1041.711671</v>
      </c>
      <c r="B210">
        <v>20.012623000000001</v>
      </c>
      <c r="C210">
        <v>8.2013949999999998</v>
      </c>
      <c r="D210">
        <f t="shared" si="10"/>
        <v>1.0409980000000001</v>
      </c>
      <c r="E210">
        <f t="shared" si="11"/>
        <v>33.400704000000019</v>
      </c>
      <c r="F210">
        <f t="shared" si="9"/>
        <v>3.0800530426056533E-2</v>
      </c>
    </row>
    <row r="211" spans="1:6" x14ac:dyDescent="0.2">
      <c r="A211">
        <v>1041.74504</v>
      </c>
      <c r="B211">
        <v>19.975711</v>
      </c>
      <c r="C211">
        <v>8.2064000000000004</v>
      </c>
      <c r="D211">
        <f t="shared" si="10"/>
        <v>1.0460030000000007</v>
      </c>
      <c r="E211">
        <f t="shared" si="11"/>
        <v>33.434073000000012</v>
      </c>
      <c r="F211">
        <f t="shared" si="9"/>
        <v>3.068279474969788E-2</v>
      </c>
    </row>
    <row r="212" spans="1:6" x14ac:dyDescent="0.2">
      <c r="A212">
        <v>1041.7551100000001</v>
      </c>
      <c r="B212">
        <v>20.004405999999999</v>
      </c>
      <c r="C212">
        <v>8.2114049999999992</v>
      </c>
      <c r="D212">
        <f t="shared" si="10"/>
        <v>1.0510079999999995</v>
      </c>
      <c r="E212">
        <f t="shared" si="11"/>
        <v>33.444143000000054</v>
      </c>
      <c r="F212">
        <f t="shared" si="9"/>
        <v>3.0545582431539296E-2</v>
      </c>
    </row>
    <row r="213" spans="1:6" x14ac:dyDescent="0.2">
      <c r="A213">
        <v>1041.9374660000001</v>
      </c>
      <c r="B213">
        <v>19.99305</v>
      </c>
      <c r="C213">
        <v>8.2164099999999998</v>
      </c>
      <c r="D213">
        <f t="shared" si="10"/>
        <v>1.0560130000000001</v>
      </c>
      <c r="E213">
        <f t="shared" si="11"/>
        <v>33.626499000000081</v>
      </c>
      <c r="F213">
        <f t="shared" si="9"/>
        <v>3.0561223299927401E-2</v>
      </c>
    </row>
    <row r="214" spans="1:6" x14ac:dyDescent="0.2">
      <c r="A214">
        <v>1041.655287</v>
      </c>
      <c r="B214">
        <v>20.003623000000001</v>
      </c>
      <c r="C214">
        <v>8.2214139999999993</v>
      </c>
      <c r="D214">
        <f t="shared" si="10"/>
        <v>1.0610169999999997</v>
      </c>
      <c r="E214">
        <f t="shared" si="11"/>
        <v>33.344320000000039</v>
      </c>
      <c r="F214">
        <f t="shared" si="9"/>
        <v>3.017001320657731E-2</v>
      </c>
    </row>
    <row r="215" spans="1:6" x14ac:dyDescent="0.2">
      <c r="A215">
        <v>1041.4210720000001</v>
      </c>
      <c r="B215">
        <v>20.045712000000002</v>
      </c>
      <c r="C215">
        <v>8.2264189999999999</v>
      </c>
      <c r="D215">
        <f t="shared" si="10"/>
        <v>1.0660220000000002</v>
      </c>
      <c r="E215">
        <f t="shared" si="11"/>
        <v>33.11010500000009</v>
      </c>
      <c r="F215">
        <f t="shared" si="9"/>
        <v>2.9824146884366739E-2</v>
      </c>
    </row>
    <row r="216" spans="1:6" x14ac:dyDescent="0.2">
      <c r="A216">
        <v>1041.2127829999999</v>
      </c>
      <c r="B216">
        <v>19.995533999999999</v>
      </c>
      <c r="C216">
        <v>8.2314240000000005</v>
      </c>
      <c r="D216">
        <f t="shared" si="10"/>
        <v>1.0710270000000008</v>
      </c>
      <c r="E216">
        <f t="shared" si="11"/>
        <v>32.90181599999994</v>
      </c>
      <c r="F216">
        <f t="shared" si="9"/>
        <v>2.9503936093438578E-2</v>
      </c>
    </row>
    <row r="217" spans="1:6" x14ac:dyDescent="0.2">
      <c r="A217">
        <v>1040.7217659999999</v>
      </c>
      <c r="B217">
        <v>20.017454000000001</v>
      </c>
      <c r="C217">
        <v>8.2364289999999993</v>
      </c>
      <c r="D217">
        <f t="shared" si="10"/>
        <v>1.0760319999999997</v>
      </c>
      <c r="E217">
        <f t="shared" si="11"/>
        <v>32.410798999999884</v>
      </c>
      <c r="F217">
        <f t="shared" si="9"/>
        <v>2.8942091547525289E-2</v>
      </c>
    </row>
    <row r="218" spans="1:6" x14ac:dyDescent="0.2">
      <c r="A218">
        <v>1040.286985</v>
      </c>
      <c r="B218">
        <v>20.030654999999999</v>
      </c>
      <c r="C218">
        <v>8.2414339999999999</v>
      </c>
      <c r="D218">
        <f t="shared" si="10"/>
        <v>1.0810370000000002</v>
      </c>
      <c r="E218">
        <f t="shared" si="11"/>
        <v>31.976017999999954</v>
      </c>
      <c r="F218">
        <f t="shared" si="9"/>
        <v>2.843352186574934E-2</v>
      </c>
    </row>
    <row r="219" spans="1:6" x14ac:dyDescent="0.2">
      <c r="A219">
        <v>1039.8150459999999</v>
      </c>
      <c r="B219">
        <v>20.021708</v>
      </c>
      <c r="C219">
        <v>8.2464379999999995</v>
      </c>
      <c r="D219">
        <f t="shared" si="10"/>
        <v>1.0860409999999998</v>
      </c>
      <c r="E219">
        <f t="shared" si="11"/>
        <v>31.504078999999933</v>
      </c>
      <c r="F219">
        <f t="shared" si="9"/>
        <v>2.7897447537652609E-2</v>
      </c>
    </row>
    <row r="220" spans="1:6" x14ac:dyDescent="0.2">
      <c r="A220">
        <v>1039.911961</v>
      </c>
      <c r="B220">
        <v>19.966170000000002</v>
      </c>
      <c r="C220">
        <v>8.2514430000000001</v>
      </c>
      <c r="D220">
        <f t="shared" si="10"/>
        <v>1.0910460000000004</v>
      </c>
      <c r="E220">
        <f t="shared" si="11"/>
        <v>31.600994000000014</v>
      </c>
      <c r="F220">
        <f t="shared" si="9"/>
        <v>2.7852302834032502E-2</v>
      </c>
    </row>
    <row r="221" spans="1:6" x14ac:dyDescent="0.2">
      <c r="A221">
        <v>1040.356016</v>
      </c>
      <c r="B221">
        <v>19.985296999999999</v>
      </c>
      <c r="C221">
        <v>8.2564480000000007</v>
      </c>
      <c r="D221">
        <f t="shared" si="10"/>
        <v>1.096051000000001</v>
      </c>
      <c r="E221">
        <f t="shared" si="11"/>
        <v>32.045048999999949</v>
      </c>
      <c r="F221">
        <f t="shared" si="9"/>
        <v>2.8102709526275339E-2</v>
      </c>
    </row>
    <row r="222" spans="1:6" x14ac:dyDescent="0.2">
      <c r="A222">
        <v>1040.4791889999999</v>
      </c>
      <c r="B222">
        <v>19.98019</v>
      </c>
      <c r="C222">
        <v>8.2614529999999995</v>
      </c>
      <c r="D222">
        <f t="shared" si="10"/>
        <v>1.1010559999999998</v>
      </c>
      <c r="E222">
        <f t="shared" si="11"/>
        <v>32.168221999999901</v>
      </c>
      <c r="F222">
        <f t="shared" si="9"/>
        <v>2.8079169032218444E-2</v>
      </c>
    </row>
    <row r="223" spans="1:6" x14ac:dyDescent="0.2">
      <c r="A223">
        <v>1041.3128220000001</v>
      </c>
      <c r="B223">
        <v>19.953171999999999</v>
      </c>
      <c r="C223">
        <v>8.2664580000000001</v>
      </c>
      <c r="D223">
        <f t="shared" si="10"/>
        <v>1.1060610000000004</v>
      </c>
      <c r="E223">
        <f t="shared" si="11"/>
        <v>33.001855000000091</v>
      </c>
      <c r="F223">
        <f t="shared" si="9"/>
        <v>2.865352495838798E-2</v>
      </c>
    </row>
    <row r="224" spans="1:6" x14ac:dyDescent="0.2">
      <c r="A224">
        <v>1041.939777</v>
      </c>
      <c r="B224">
        <v>19.939945999999999</v>
      </c>
      <c r="C224">
        <v>8.2714619999999996</v>
      </c>
      <c r="D224">
        <f t="shared" si="10"/>
        <v>1.111065</v>
      </c>
      <c r="E224">
        <f t="shared" si="11"/>
        <v>33.628810000000044</v>
      </c>
      <c r="F224">
        <f t="shared" si="9"/>
        <v>2.9048881476938949E-2</v>
      </c>
    </row>
    <row r="225" spans="1:6" x14ac:dyDescent="0.2">
      <c r="A225">
        <v>1042.977543</v>
      </c>
      <c r="B225">
        <v>19.932701000000002</v>
      </c>
      <c r="C225">
        <v>8.2764670000000002</v>
      </c>
      <c r="D225">
        <f t="shared" si="10"/>
        <v>1.1160700000000006</v>
      </c>
      <c r="E225">
        <f t="shared" si="11"/>
        <v>34.666575999999964</v>
      </c>
      <c r="F225">
        <f t="shared" si="9"/>
        <v>2.9781362084853179E-2</v>
      </c>
    </row>
    <row r="226" spans="1:6" x14ac:dyDescent="0.2">
      <c r="A226">
        <v>1043.7638730000001</v>
      </c>
      <c r="B226">
        <v>19.964293999999999</v>
      </c>
      <c r="C226">
        <v>8.2814720000000008</v>
      </c>
      <c r="D226">
        <f t="shared" si="10"/>
        <v>1.1210750000000012</v>
      </c>
      <c r="E226">
        <f t="shared" si="11"/>
        <v>35.452906000000098</v>
      </c>
      <c r="F226">
        <f t="shared" si="9"/>
        <v>3.0298066216390002E-2</v>
      </c>
    </row>
    <row r="227" spans="1:6" x14ac:dyDescent="0.2">
      <c r="A227">
        <v>1044.725408</v>
      </c>
      <c r="B227">
        <v>19.930239</v>
      </c>
      <c r="C227">
        <v>8.2864769999999996</v>
      </c>
      <c r="D227">
        <f t="shared" si="10"/>
        <v>1.12608</v>
      </c>
      <c r="E227">
        <f t="shared" si="11"/>
        <v>36.414441000000011</v>
      </c>
      <c r="F227">
        <f t="shared" si="9"/>
        <v>3.095296419341996E-2</v>
      </c>
    </row>
    <row r="228" spans="1:6" x14ac:dyDescent="0.2">
      <c r="A228">
        <v>1045.7544069999999</v>
      </c>
      <c r="B228">
        <v>19.925142000000001</v>
      </c>
      <c r="C228">
        <v>8.2914820000000002</v>
      </c>
      <c r="D228">
        <f t="shared" si="10"/>
        <v>1.1310850000000006</v>
      </c>
      <c r="E228">
        <f t="shared" si="11"/>
        <v>37.443439999999896</v>
      </c>
      <c r="F228">
        <f t="shared" si="9"/>
        <v>3.1655617885118503E-2</v>
      </c>
    </row>
    <row r="229" spans="1:6" x14ac:dyDescent="0.2">
      <c r="A229">
        <v>1047.019824</v>
      </c>
      <c r="B229">
        <v>19.942184999999998</v>
      </c>
      <c r="C229">
        <v>8.2964859999999998</v>
      </c>
      <c r="D229">
        <f t="shared" si="10"/>
        <v>1.1360890000000001</v>
      </c>
      <c r="E229">
        <f t="shared" si="11"/>
        <v>38.708856999999966</v>
      </c>
      <c r="F229">
        <f t="shared" si="9"/>
        <v>3.2541913636100608E-2</v>
      </c>
    </row>
    <row r="230" spans="1:6" x14ac:dyDescent="0.2">
      <c r="A230">
        <v>1047.6385069999999</v>
      </c>
      <c r="B230">
        <v>19.969529000000001</v>
      </c>
      <c r="C230">
        <v>8.3014910000000004</v>
      </c>
      <c r="D230">
        <f t="shared" si="10"/>
        <v>1.1410940000000007</v>
      </c>
      <c r="E230">
        <f t="shared" si="11"/>
        <v>39.327539999999885</v>
      </c>
      <c r="F230">
        <f t="shared" si="9"/>
        <v>3.2897576588280242E-2</v>
      </c>
    </row>
    <row r="231" spans="1:6" x14ac:dyDescent="0.2">
      <c r="A231">
        <v>1047.952088</v>
      </c>
      <c r="B231">
        <v>20.000191000000001</v>
      </c>
      <c r="C231">
        <v>8.3064959999999992</v>
      </c>
      <c r="D231">
        <f t="shared" si="10"/>
        <v>1.1460989999999995</v>
      </c>
      <c r="E231">
        <f t="shared" si="11"/>
        <v>39.641120999999998</v>
      </c>
      <c r="F231">
        <f t="shared" si="9"/>
        <v>3.3005199817640586E-2</v>
      </c>
    </row>
    <row r="232" spans="1:6" x14ac:dyDescent="0.2">
      <c r="A232">
        <v>1047.9371100000001</v>
      </c>
      <c r="B232">
        <v>20.006173</v>
      </c>
      <c r="C232">
        <v>8.3115009999999998</v>
      </c>
      <c r="D232">
        <f t="shared" si="10"/>
        <v>1.1511040000000001</v>
      </c>
      <c r="E232">
        <f t="shared" si="11"/>
        <v>39.62614300000007</v>
      </c>
      <c r="F232">
        <f t="shared" si="9"/>
        <v>3.2849746262671946E-2</v>
      </c>
    </row>
    <row r="233" spans="1:6" x14ac:dyDescent="0.2">
      <c r="A233">
        <v>1047.2053800000001</v>
      </c>
      <c r="B233">
        <v>20.030722000000001</v>
      </c>
      <c r="C233">
        <v>8.3165060000000004</v>
      </c>
      <c r="D233">
        <f t="shared" si="10"/>
        <v>1.1561090000000007</v>
      </c>
      <c r="E233">
        <f t="shared" si="11"/>
        <v>38.8944130000001</v>
      </c>
      <c r="F233">
        <f t="shared" si="9"/>
        <v>3.2125994054207435E-2</v>
      </c>
    </row>
    <row r="234" spans="1:6" x14ac:dyDescent="0.2">
      <c r="A234">
        <v>1046.128549</v>
      </c>
      <c r="B234">
        <v>20.070233000000002</v>
      </c>
      <c r="C234">
        <v>8.32151</v>
      </c>
      <c r="D234">
        <f t="shared" si="10"/>
        <v>1.1611130000000003</v>
      </c>
      <c r="E234">
        <f t="shared" si="11"/>
        <v>37.817582000000016</v>
      </c>
      <c r="F234">
        <f t="shared" si="9"/>
        <v>3.1133949419552751E-2</v>
      </c>
    </row>
    <row r="235" spans="1:6" x14ac:dyDescent="0.2">
      <c r="A235">
        <v>1044.7294400000001</v>
      </c>
      <c r="B235">
        <v>20.092956999999998</v>
      </c>
      <c r="C235">
        <v>8.3265150000000006</v>
      </c>
      <c r="D235">
        <f t="shared" si="10"/>
        <v>1.1661180000000009</v>
      </c>
      <c r="E235">
        <f t="shared" si="11"/>
        <v>36.418473000000063</v>
      </c>
      <c r="F235">
        <f t="shared" si="9"/>
        <v>2.989340595973065E-2</v>
      </c>
    </row>
    <row r="236" spans="1:6" x14ac:dyDescent="0.2">
      <c r="A236">
        <v>1043.2752809999999</v>
      </c>
      <c r="B236">
        <v>20.083113000000001</v>
      </c>
      <c r="C236">
        <v>8.3315199999999994</v>
      </c>
      <c r="D236">
        <f t="shared" si="10"/>
        <v>1.1711229999999997</v>
      </c>
      <c r="E236">
        <f t="shared" si="11"/>
        <v>34.964313999999945</v>
      </c>
      <c r="F236">
        <f t="shared" si="9"/>
        <v>2.8616965770155697E-2</v>
      </c>
    </row>
    <row r="237" spans="1:6" x14ac:dyDescent="0.2">
      <c r="A237">
        <v>1041.976361</v>
      </c>
      <c r="B237">
        <v>20.079315000000001</v>
      </c>
      <c r="C237">
        <v>8.336525</v>
      </c>
      <c r="D237">
        <f t="shared" si="10"/>
        <v>1.1761280000000003</v>
      </c>
      <c r="E237">
        <f t="shared" si="11"/>
        <v>33.665393999999992</v>
      </c>
      <c r="F237">
        <f t="shared" si="9"/>
        <v>2.7470796130237757E-2</v>
      </c>
    </row>
    <row r="238" spans="1:6" x14ac:dyDescent="0.2">
      <c r="A238">
        <v>1041.011141</v>
      </c>
      <c r="B238">
        <v>20.052035</v>
      </c>
      <c r="C238">
        <v>8.3415300000000006</v>
      </c>
      <c r="D238">
        <f t="shared" si="10"/>
        <v>1.1811330000000009</v>
      </c>
      <c r="E238">
        <f t="shared" si="11"/>
        <v>32.700173999999947</v>
      </c>
      <c r="F238">
        <f t="shared" si="9"/>
        <v>2.6594748192005687E-2</v>
      </c>
    </row>
    <row r="239" spans="1:6" x14ac:dyDescent="0.2">
      <c r="A239">
        <v>1040.1979309999999</v>
      </c>
      <c r="B239">
        <v>20.022869</v>
      </c>
      <c r="C239">
        <v>8.3465340000000001</v>
      </c>
      <c r="D239">
        <f t="shared" si="10"/>
        <v>1.1861370000000004</v>
      </c>
      <c r="E239">
        <f t="shared" si="11"/>
        <v>31.886963999999921</v>
      </c>
      <c r="F239">
        <f t="shared" si="9"/>
        <v>2.5844154728072784E-2</v>
      </c>
    </row>
    <row r="240" spans="1:6" x14ac:dyDescent="0.2">
      <c r="A240">
        <v>1039.944043</v>
      </c>
      <c r="B240">
        <v>20.019000999999999</v>
      </c>
      <c r="C240">
        <v>8.3515390000000007</v>
      </c>
      <c r="D240">
        <f t="shared" si="10"/>
        <v>1.191142000000001</v>
      </c>
      <c r="E240">
        <f t="shared" si="11"/>
        <v>31.63307599999996</v>
      </c>
      <c r="F240">
        <f t="shared" si="9"/>
        <v>2.5536884660616065E-2</v>
      </c>
    </row>
    <row r="241" spans="1:6" x14ac:dyDescent="0.2">
      <c r="A241">
        <v>1040.1193840000001</v>
      </c>
      <c r="B241">
        <v>19.978221999999999</v>
      </c>
      <c r="C241">
        <v>8.3565439999999995</v>
      </c>
      <c r="D241">
        <f t="shared" si="10"/>
        <v>1.1961469999999998</v>
      </c>
      <c r="E241">
        <f t="shared" si="11"/>
        <v>31.808417000000077</v>
      </c>
      <c r="F241">
        <f t="shared" si="9"/>
        <v>2.5566678530755518E-2</v>
      </c>
    </row>
    <row r="242" spans="1:6" x14ac:dyDescent="0.2">
      <c r="A242">
        <v>1040.5110239999999</v>
      </c>
      <c r="B242">
        <v>19.974139000000001</v>
      </c>
      <c r="C242">
        <v>8.3615490000000001</v>
      </c>
      <c r="D242">
        <f t="shared" si="10"/>
        <v>1.2011520000000004</v>
      </c>
      <c r="E242">
        <f t="shared" si="11"/>
        <v>32.200056999999902</v>
      </c>
      <c r="F242">
        <f t="shared" si="9"/>
        <v>2.5763922606608858E-2</v>
      </c>
    </row>
    <row r="243" spans="1:6" x14ac:dyDescent="0.2">
      <c r="A243">
        <v>1040.3677680000001</v>
      </c>
      <c r="B243">
        <v>20.019245999999999</v>
      </c>
      <c r="C243">
        <v>8.3665540000000007</v>
      </c>
      <c r="D243">
        <f t="shared" si="10"/>
        <v>1.206157000000001</v>
      </c>
      <c r="E243">
        <f t="shared" si="11"/>
        <v>32.056801000000064</v>
      </c>
      <c r="F243">
        <f t="shared" si="9"/>
        <v>2.5546384877642336E-2</v>
      </c>
    </row>
    <row r="244" spans="1:6" x14ac:dyDescent="0.2">
      <c r="A244">
        <v>1040.3887709999999</v>
      </c>
      <c r="B244">
        <v>19.966927999999999</v>
      </c>
      <c r="C244">
        <v>8.3715580000000003</v>
      </c>
      <c r="D244">
        <f t="shared" si="10"/>
        <v>1.2111610000000006</v>
      </c>
      <c r="E244">
        <f t="shared" si="11"/>
        <v>32.077803999999901</v>
      </c>
      <c r="F244">
        <f t="shared" si="9"/>
        <v>2.5456992546589226E-2</v>
      </c>
    </row>
    <row r="245" spans="1:6" x14ac:dyDescent="0.2">
      <c r="A245">
        <v>1041.2829180000001</v>
      </c>
      <c r="B245">
        <v>19.913512000000001</v>
      </c>
      <c r="C245">
        <v>8.3765630000000009</v>
      </c>
      <c r="D245">
        <f t="shared" si="10"/>
        <v>1.2161660000000012</v>
      </c>
      <c r="E245">
        <f t="shared" si="11"/>
        <v>32.971951000000104</v>
      </c>
      <c r="F245">
        <f t="shared" si="9"/>
        <v>2.6036526435556828E-2</v>
      </c>
    </row>
    <row r="246" spans="1:6" x14ac:dyDescent="0.2">
      <c r="A246">
        <v>1043.1907470000001</v>
      </c>
      <c r="B246">
        <v>19.877488</v>
      </c>
      <c r="C246">
        <v>8.3815679999999997</v>
      </c>
      <c r="D246">
        <f t="shared" si="10"/>
        <v>1.221171</v>
      </c>
      <c r="E246">
        <f t="shared" si="11"/>
        <v>34.879780000000096</v>
      </c>
      <c r="F246">
        <f t="shared" si="9"/>
        <v>2.738000533995455E-2</v>
      </c>
    </row>
    <row r="247" spans="1:6" x14ac:dyDescent="0.2">
      <c r="A247">
        <v>1044.804425</v>
      </c>
      <c r="B247">
        <v>19.914545</v>
      </c>
      <c r="C247">
        <v>8.3865730000000003</v>
      </c>
      <c r="D247">
        <f t="shared" si="10"/>
        <v>1.2261760000000006</v>
      </c>
      <c r="E247">
        <f t="shared" si="11"/>
        <v>36.493458000000032</v>
      </c>
      <c r="F247">
        <f t="shared" si="9"/>
        <v>2.8485720122220955E-2</v>
      </c>
    </row>
    <row r="248" spans="1:6" x14ac:dyDescent="0.2">
      <c r="A248">
        <v>1045.8215170000001</v>
      </c>
      <c r="B248">
        <v>19.946567000000002</v>
      </c>
      <c r="C248">
        <v>8.3915780000000009</v>
      </c>
      <c r="D248">
        <f t="shared" si="10"/>
        <v>1.2311810000000012</v>
      </c>
      <c r="E248">
        <f t="shared" si="11"/>
        <v>37.51055000000008</v>
      </c>
      <c r="F248">
        <f t="shared" si="9"/>
        <v>2.9132245054247531E-2</v>
      </c>
    </row>
    <row r="249" spans="1:6" x14ac:dyDescent="0.2">
      <c r="A249">
        <v>1046.7067440000001</v>
      </c>
      <c r="B249">
        <v>19.956126999999999</v>
      </c>
      <c r="C249">
        <v>8.3965820000000004</v>
      </c>
      <c r="D249">
        <f t="shared" si="10"/>
        <v>1.2361850000000008</v>
      </c>
      <c r="E249">
        <f t="shared" si="11"/>
        <v>38.395777000000066</v>
      </c>
      <c r="F249">
        <f t="shared" si="9"/>
        <v>2.9673923230013294E-2</v>
      </c>
    </row>
    <row r="250" spans="1:6" x14ac:dyDescent="0.2">
      <c r="A250">
        <v>1047.9223890000001</v>
      </c>
      <c r="B250">
        <v>19.916854000000001</v>
      </c>
      <c r="C250">
        <v>8.4015869999999993</v>
      </c>
      <c r="D250">
        <f t="shared" si="10"/>
        <v>1.2411899999999996</v>
      </c>
      <c r="E250">
        <f t="shared" si="11"/>
        <v>39.611422000000061</v>
      </c>
      <c r="F250">
        <f t="shared" si="9"/>
        <v>3.0454610270683059E-2</v>
      </c>
    </row>
    <row r="251" spans="1:6" x14ac:dyDescent="0.2">
      <c r="A251">
        <v>1048.6716859999999</v>
      </c>
      <c r="B251">
        <v>19.954630000000002</v>
      </c>
      <c r="C251">
        <v>8.4065919999999998</v>
      </c>
      <c r="D251">
        <f t="shared" si="10"/>
        <v>1.2461950000000002</v>
      </c>
      <c r="E251">
        <f t="shared" si="11"/>
        <v>40.360718999999904</v>
      </c>
      <c r="F251">
        <f t="shared" si="9"/>
        <v>3.0883986048877113E-2</v>
      </c>
    </row>
    <row r="252" spans="1:6" x14ac:dyDescent="0.2">
      <c r="A252">
        <v>1049.3442640000001</v>
      </c>
      <c r="B252">
        <v>19.964271</v>
      </c>
      <c r="C252">
        <v>8.4115970000000004</v>
      </c>
      <c r="D252">
        <f t="shared" si="10"/>
        <v>1.2512000000000008</v>
      </c>
      <c r="E252">
        <f t="shared" si="11"/>
        <v>41.033297000000061</v>
      </c>
      <c r="F252">
        <f t="shared" si="9"/>
        <v>3.1252998064625809E-2</v>
      </c>
    </row>
    <row r="253" spans="1:6" x14ac:dyDescent="0.2">
      <c r="A253">
        <v>1049.6750549999999</v>
      </c>
      <c r="B253">
        <v>19.963550999999999</v>
      </c>
      <c r="C253">
        <v>8.4166019999999993</v>
      </c>
      <c r="D253">
        <f t="shared" si="10"/>
        <v>1.2562049999999996</v>
      </c>
      <c r="E253">
        <f t="shared" si="11"/>
        <v>41.364087999999924</v>
      </c>
      <c r="F253">
        <f t="shared" si="9"/>
        <v>3.1369533419856994E-2</v>
      </c>
    </row>
    <row r="254" spans="1:6" x14ac:dyDescent="0.2">
      <c r="A254">
        <v>1050.9369939999999</v>
      </c>
      <c r="B254">
        <v>19.914639000000001</v>
      </c>
      <c r="C254">
        <v>8.4216060000000006</v>
      </c>
      <c r="D254">
        <f t="shared" si="10"/>
        <v>1.2612090000000009</v>
      </c>
      <c r="E254">
        <f t="shared" si="11"/>
        <v>42.626026999999908</v>
      </c>
      <c r="F254">
        <f t="shared" si="9"/>
        <v>3.2159635264015579E-2</v>
      </c>
    </row>
    <row r="255" spans="1:6" x14ac:dyDescent="0.2">
      <c r="A255">
        <v>1051.962223</v>
      </c>
      <c r="B255">
        <v>19.960645</v>
      </c>
      <c r="C255">
        <v>8.4266109999999994</v>
      </c>
      <c r="D255">
        <f t="shared" si="10"/>
        <v>1.2662139999999997</v>
      </c>
      <c r="E255">
        <f t="shared" si="11"/>
        <v>43.651255999999989</v>
      </c>
      <c r="F255">
        <f t="shared" si="9"/>
        <v>3.2770984548656387E-2</v>
      </c>
    </row>
    <row r="256" spans="1:6" x14ac:dyDescent="0.2">
      <c r="A256">
        <v>1051.645072</v>
      </c>
      <c r="B256">
        <v>20.058823</v>
      </c>
      <c r="C256">
        <v>8.431616</v>
      </c>
      <c r="D256">
        <f t="shared" si="10"/>
        <v>1.2712190000000003</v>
      </c>
      <c r="E256">
        <f t="shared" si="11"/>
        <v>43.334105000000022</v>
      </c>
      <c r="F256">
        <f t="shared" si="9"/>
        <v>3.2414570008154266E-2</v>
      </c>
    </row>
    <row r="257" spans="1:6" x14ac:dyDescent="0.2">
      <c r="A257">
        <v>1050.5057609999999</v>
      </c>
      <c r="B257">
        <v>20.045282</v>
      </c>
      <c r="C257">
        <v>8.4366210000000006</v>
      </c>
      <c r="D257">
        <f t="shared" si="10"/>
        <v>1.2762240000000009</v>
      </c>
      <c r="E257">
        <f t="shared" si="11"/>
        <v>42.194793999999888</v>
      </c>
      <c r="F257">
        <f t="shared" si="9"/>
        <v>3.1472665432374113E-2</v>
      </c>
    </row>
    <row r="258" spans="1:6" x14ac:dyDescent="0.2">
      <c r="A258">
        <v>1049.9116489999999</v>
      </c>
      <c r="B258">
        <v>20.035681</v>
      </c>
      <c r="C258">
        <v>8.4416259999999994</v>
      </c>
      <c r="D258">
        <f t="shared" si="10"/>
        <v>1.2812289999999997</v>
      </c>
      <c r="E258">
        <f t="shared" si="11"/>
        <v>41.600681999999892</v>
      </c>
      <c r="F258">
        <f t="shared" ref="F258:F321" si="12">(1/A258)*(E258/D258)</f>
        <v>3.0925799506290482E-2</v>
      </c>
    </row>
    <row r="259" spans="1:6" x14ac:dyDescent="0.2">
      <c r="A259">
        <v>1049.462147</v>
      </c>
      <c r="B259">
        <v>20.030252999999998</v>
      </c>
      <c r="C259">
        <v>8.4466300000000007</v>
      </c>
      <c r="D259">
        <f t="shared" ref="D259:D322" si="13">C259-$C$2</f>
        <v>1.2862330000000011</v>
      </c>
      <c r="E259">
        <f t="shared" ref="E259:E322" si="14">A259-$A$2</f>
        <v>41.151179999999954</v>
      </c>
      <c r="F259">
        <f t="shared" si="12"/>
        <v>3.048567859112199E-2</v>
      </c>
    </row>
    <row r="260" spans="1:6" x14ac:dyDescent="0.2">
      <c r="A260">
        <v>1048.153683</v>
      </c>
      <c r="B260">
        <v>20.102626000000001</v>
      </c>
      <c r="C260">
        <v>8.4516349999999996</v>
      </c>
      <c r="D260">
        <f t="shared" si="13"/>
        <v>1.2912379999999999</v>
      </c>
      <c r="E260">
        <f t="shared" si="14"/>
        <v>39.842715999999996</v>
      </c>
      <c r="F260">
        <f t="shared" si="12"/>
        <v>2.9438635249261234E-2</v>
      </c>
    </row>
    <row r="261" spans="1:6" x14ac:dyDescent="0.2">
      <c r="A261">
        <v>1046.2898600000001</v>
      </c>
      <c r="B261">
        <v>20.100753999999998</v>
      </c>
      <c r="C261">
        <v>8.4566400000000002</v>
      </c>
      <c r="D261">
        <f t="shared" si="13"/>
        <v>1.2962430000000005</v>
      </c>
      <c r="E261">
        <f t="shared" si="14"/>
        <v>37.978893000000085</v>
      </c>
      <c r="F261">
        <f t="shared" si="12"/>
        <v>2.8002954924392365E-2</v>
      </c>
    </row>
    <row r="262" spans="1:6" x14ac:dyDescent="0.2">
      <c r="A262">
        <v>1044.6750910000001</v>
      </c>
      <c r="B262">
        <v>20.067689000000001</v>
      </c>
      <c r="C262">
        <v>8.4616450000000007</v>
      </c>
      <c r="D262">
        <f t="shared" si="13"/>
        <v>1.3012480000000011</v>
      </c>
      <c r="E262">
        <f t="shared" si="14"/>
        <v>36.364124000000061</v>
      </c>
      <c r="F262">
        <f t="shared" si="12"/>
        <v>2.6750494546453653E-2</v>
      </c>
    </row>
    <row r="263" spans="1:6" x14ac:dyDescent="0.2">
      <c r="A263">
        <v>1043.8467969999999</v>
      </c>
      <c r="B263">
        <v>20.046652999999999</v>
      </c>
      <c r="C263">
        <v>8.4666499999999996</v>
      </c>
      <c r="D263">
        <f t="shared" si="13"/>
        <v>1.3062529999999999</v>
      </c>
      <c r="E263">
        <f t="shared" si="14"/>
        <v>35.535829999999919</v>
      </c>
      <c r="F263">
        <f t="shared" si="12"/>
        <v>2.6061679508021074E-2</v>
      </c>
    </row>
    <row r="264" spans="1:6" x14ac:dyDescent="0.2">
      <c r="A264">
        <v>1043.5259699999999</v>
      </c>
      <c r="B264">
        <v>20.001131999999998</v>
      </c>
      <c r="C264">
        <v>8.4716539999999991</v>
      </c>
      <c r="D264">
        <f t="shared" si="13"/>
        <v>1.3112569999999995</v>
      </c>
      <c r="E264">
        <f t="shared" si="14"/>
        <v>35.215002999999911</v>
      </c>
      <c r="F264">
        <f t="shared" si="12"/>
        <v>2.5735739287825556E-2</v>
      </c>
    </row>
    <row r="265" spans="1:6" x14ac:dyDescent="0.2">
      <c r="A265">
        <v>1042.6066989999999</v>
      </c>
      <c r="B265">
        <v>20.063383999999999</v>
      </c>
      <c r="C265">
        <v>8.4766589999999997</v>
      </c>
      <c r="D265">
        <f t="shared" si="13"/>
        <v>1.316262</v>
      </c>
      <c r="E265">
        <f t="shared" si="14"/>
        <v>34.29573199999993</v>
      </c>
      <c r="F265">
        <f t="shared" si="12"/>
        <v>2.4990631011667357E-2</v>
      </c>
    </row>
    <row r="266" spans="1:6" x14ac:dyDescent="0.2">
      <c r="A266">
        <v>1042.2530730000001</v>
      </c>
      <c r="B266">
        <v>20.023647</v>
      </c>
      <c r="C266">
        <v>8.4816640000000003</v>
      </c>
      <c r="D266">
        <f t="shared" si="13"/>
        <v>1.3212670000000006</v>
      </c>
      <c r="E266">
        <f t="shared" si="14"/>
        <v>33.942106000000081</v>
      </c>
      <c r="F266">
        <f t="shared" si="12"/>
        <v>2.4647621319365137E-2</v>
      </c>
    </row>
    <row r="267" spans="1:6" x14ac:dyDescent="0.2">
      <c r="A267">
        <v>1042.264729</v>
      </c>
      <c r="B267">
        <v>19.969349000000001</v>
      </c>
      <c r="C267">
        <v>8.4866689999999991</v>
      </c>
      <c r="D267">
        <f t="shared" si="13"/>
        <v>1.3262719999999995</v>
      </c>
      <c r="E267">
        <f t="shared" si="14"/>
        <v>33.953761999999983</v>
      </c>
      <c r="F267">
        <f t="shared" si="12"/>
        <v>2.4562765269384335E-2</v>
      </c>
    </row>
    <row r="268" spans="1:6" x14ac:dyDescent="0.2">
      <c r="A268">
        <v>1042.872961</v>
      </c>
      <c r="B268">
        <v>19.962904000000002</v>
      </c>
      <c r="C268">
        <v>8.4916739999999997</v>
      </c>
      <c r="D268">
        <f t="shared" si="13"/>
        <v>1.331277</v>
      </c>
      <c r="E268">
        <f t="shared" si="14"/>
        <v>34.561994000000027</v>
      </c>
      <c r="F268">
        <f t="shared" si="12"/>
        <v>2.4894244694925405E-2</v>
      </c>
    </row>
    <row r="269" spans="1:6" x14ac:dyDescent="0.2">
      <c r="A269">
        <v>1043.319107</v>
      </c>
      <c r="B269">
        <v>19.972662</v>
      </c>
      <c r="C269">
        <v>8.4966779999999993</v>
      </c>
      <c r="D269">
        <f t="shared" si="13"/>
        <v>1.3362809999999996</v>
      </c>
      <c r="E269">
        <f t="shared" si="14"/>
        <v>35.008140000000026</v>
      </c>
      <c r="F269">
        <f t="shared" si="12"/>
        <v>2.5110426121334205E-2</v>
      </c>
    </row>
    <row r="270" spans="1:6" x14ac:dyDescent="0.2">
      <c r="A270">
        <v>1043.991225</v>
      </c>
      <c r="B270">
        <v>19.930015000000001</v>
      </c>
      <c r="C270">
        <v>8.5016829999999999</v>
      </c>
      <c r="D270">
        <f t="shared" si="13"/>
        <v>1.3412860000000002</v>
      </c>
      <c r="E270">
        <f t="shared" si="14"/>
        <v>35.680257999999981</v>
      </c>
      <c r="F270">
        <f t="shared" si="12"/>
        <v>2.5480605626905673E-2</v>
      </c>
    </row>
    <row r="271" spans="1:6" x14ac:dyDescent="0.2">
      <c r="A271">
        <v>1046.065889</v>
      </c>
      <c r="B271">
        <v>19.868883</v>
      </c>
      <c r="C271">
        <v>8.5066880000000005</v>
      </c>
      <c r="D271">
        <f t="shared" si="13"/>
        <v>1.3462910000000008</v>
      </c>
      <c r="E271">
        <f t="shared" si="14"/>
        <v>37.754921999999965</v>
      </c>
      <c r="F271">
        <f t="shared" si="12"/>
        <v>2.6808690095588499E-2</v>
      </c>
    </row>
    <row r="272" spans="1:6" x14ac:dyDescent="0.2">
      <c r="A272">
        <v>1048.3739439999999</v>
      </c>
      <c r="B272">
        <v>19.859006000000001</v>
      </c>
      <c r="C272">
        <v>8.5116929999999993</v>
      </c>
      <c r="D272">
        <f t="shared" si="13"/>
        <v>1.3512959999999996</v>
      </c>
      <c r="E272">
        <f t="shared" si="14"/>
        <v>40.062976999999933</v>
      </c>
      <c r="F272">
        <f t="shared" si="12"/>
        <v>2.8279811344299115E-2</v>
      </c>
    </row>
    <row r="273" spans="1:6" x14ac:dyDescent="0.2">
      <c r="A273">
        <v>1049.613871</v>
      </c>
      <c r="B273">
        <v>19.951841999999999</v>
      </c>
      <c r="C273">
        <v>8.5166979999999999</v>
      </c>
      <c r="D273">
        <f t="shared" si="13"/>
        <v>1.3563010000000002</v>
      </c>
      <c r="E273">
        <f t="shared" si="14"/>
        <v>41.302904000000012</v>
      </c>
      <c r="F273">
        <f t="shared" si="12"/>
        <v>2.901315408684943E-2</v>
      </c>
    </row>
    <row r="274" spans="1:6" x14ac:dyDescent="0.2">
      <c r="A274">
        <v>1050.290272</v>
      </c>
      <c r="B274">
        <v>19.967759000000001</v>
      </c>
      <c r="C274">
        <v>8.5217019999999994</v>
      </c>
      <c r="D274">
        <f t="shared" si="13"/>
        <v>1.3613049999999998</v>
      </c>
      <c r="E274">
        <f t="shared" si="14"/>
        <v>41.979304999999954</v>
      </c>
      <c r="F274">
        <f t="shared" si="12"/>
        <v>2.9360974211179246E-2</v>
      </c>
    </row>
    <row r="275" spans="1:6" x14ac:dyDescent="0.2">
      <c r="A275">
        <v>1050.3968620000001</v>
      </c>
      <c r="B275">
        <v>19.980377000000001</v>
      </c>
      <c r="C275">
        <v>8.526707</v>
      </c>
      <c r="D275">
        <f t="shared" si="13"/>
        <v>1.3663100000000004</v>
      </c>
      <c r="E275">
        <f t="shared" si="14"/>
        <v>42.08589500000005</v>
      </c>
      <c r="F275">
        <f t="shared" si="12"/>
        <v>2.9324722071911218E-2</v>
      </c>
    </row>
    <row r="276" spans="1:6" x14ac:dyDescent="0.2">
      <c r="A276">
        <v>1051.0857579999999</v>
      </c>
      <c r="B276">
        <v>19.960346000000001</v>
      </c>
      <c r="C276">
        <v>8.5317120000000006</v>
      </c>
      <c r="D276">
        <f t="shared" si="13"/>
        <v>1.3713150000000009</v>
      </c>
      <c r="E276">
        <f t="shared" si="14"/>
        <v>42.774790999999937</v>
      </c>
      <c r="F276">
        <f t="shared" si="12"/>
        <v>2.9676488968876213E-2</v>
      </c>
    </row>
    <row r="277" spans="1:6" x14ac:dyDescent="0.2">
      <c r="A277">
        <v>1050.795038</v>
      </c>
      <c r="B277">
        <v>20.040075999999999</v>
      </c>
      <c r="C277">
        <v>8.5367169999999994</v>
      </c>
      <c r="D277">
        <f t="shared" si="13"/>
        <v>1.3763199999999998</v>
      </c>
      <c r="E277">
        <f t="shared" si="14"/>
        <v>42.484070999999972</v>
      </c>
      <c r="F277">
        <f t="shared" si="12"/>
        <v>2.9375731619809383E-2</v>
      </c>
    </row>
    <row r="278" spans="1:6" x14ac:dyDescent="0.2">
      <c r="A278">
        <v>1050.1979920000001</v>
      </c>
      <c r="B278">
        <v>20.061976000000001</v>
      </c>
      <c r="C278">
        <v>8.541722</v>
      </c>
      <c r="D278">
        <f t="shared" si="13"/>
        <v>1.3813250000000004</v>
      </c>
      <c r="E278">
        <f t="shared" si="14"/>
        <v>41.887025000000108</v>
      </c>
      <c r="F278">
        <f t="shared" si="12"/>
        <v>2.8874366218124763E-2</v>
      </c>
    </row>
    <row r="279" spans="1:6" x14ac:dyDescent="0.2">
      <c r="A279">
        <v>1049.0582099999999</v>
      </c>
      <c r="B279">
        <v>20.039815999999998</v>
      </c>
      <c r="C279">
        <v>8.5467259999999996</v>
      </c>
      <c r="D279">
        <f t="shared" si="13"/>
        <v>1.3863289999999999</v>
      </c>
      <c r="E279">
        <f t="shared" si="14"/>
        <v>40.747242999999912</v>
      </c>
      <c r="F279">
        <f t="shared" si="12"/>
        <v>2.8017690543674555E-2</v>
      </c>
    </row>
    <row r="280" spans="1:6" x14ac:dyDescent="0.2">
      <c r="A280">
        <v>1048.449222</v>
      </c>
      <c r="B280">
        <v>20.034056</v>
      </c>
      <c r="C280">
        <v>8.5517310000000002</v>
      </c>
      <c r="D280">
        <f t="shared" si="13"/>
        <v>1.3913340000000005</v>
      </c>
      <c r="E280">
        <f t="shared" si="14"/>
        <v>40.138254999999958</v>
      </c>
      <c r="F280">
        <f t="shared" si="12"/>
        <v>2.7515644379140898E-2</v>
      </c>
    </row>
    <row r="281" spans="1:6" x14ac:dyDescent="0.2">
      <c r="A281">
        <v>1047.7073889999999</v>
      </c>
      <c r="B281">
        <v>20.043707999999999</v>
      </c>
      <c r="C281">
        <v>8.5567360000000008</v>
      </c>
      <c r="D281">
        <f t="shared" si="13"/>
        <v>1.3963390000000011</v>
      </c>
      <c r="E281">
        <f t="shared" si="14"/>
        <v>39.396421999999916</v>
      </c>
      <c r="F281">
        <f t="shared" si="12"/>
        <v>2.6929352171480035E-2</v>
      </c>
    </row>
    <row r="282" spans="1:6" x14ac:dyDescent="0.2">
      <c r="A282">
        <v>1046.381539</v>
      </c>
      <c r="B282">
        <v>20.100339000000002</v>
      </c>
      <c r="C282">
        <v>8.5617409999999996</v>
      </c>
      <c r="D282">
        <f t="shared" si="13"/>
        <v>1.4013439999999999</v>
      </c>
      <c r="E282">
        <f t="shared" si="14"/>
        <v>38.07057199999997</v>
      </c>
      <c r="F282">
        <f t="shared" si="12"/>
        <v>2.5962982147449638E-2</v>
      </c>
    </row>
    <row r="283" spans="1:6" x14ac:dyDescent="0.2">
      <c r="A283">
        <v>1044.9134409999999</v>
      </c>
      <c r="B283">
        <v>20.074158000000001</v>
      </c>
      <c r="C283">
        <v>8.5667460000000002</v>
      </c>
      <c r="D283">
        <f t="shared" si="13"/>
        <v>1.4063490000000005</v>
      </c>
      <c r="E283">
        <f t="shared" si="14"/>
        <v>36.602473999999916</v>
      </c>
      <c r="F283">
        <f t="shared" si="12"/>
        <v>2.4907894436167158E-2</v>
      </c>
    </row>
    <row r="284" spans="1:6" x14ac:dyDescent="0.2">
      <c r="A284">
        <v>1043.984185</v>
      </c>
      <c r="B284">
        <v>20.034842000000001</v>
      </c>
      <c r="C284">
        <v>8.5717499999999998</v>
      </c>
      <c r="D284">
        <f t="shared" si="13"/>
        <v>1.4113530000000001</v>
      </c>
      <c r="E284">
        <f t="shared" si="14"/>
        <v>35.67321800000002</v>
      </c>
      <c r="F284">
        <f t="shared" si="12"/>
        <v>2.4210999423473382E-2</v>
      </c>
    </row>
    <row r="285" spans="1:6" x14ac:dyDescent="0.2">
      <c r="A285">
        <v>1043.4262900000001</v>
      </c>
      <c r="B285">
        <v>20.030118999999999</v>
      </c>
      <c r="C285">
        <v>8.5767550000000004</v>
      </c>
      <c r="D285">
        <f t="shared" si="13"/>
        <v>1.4163580000000007</v>
      </c>
      <c r="E285">
        <f t="shared" si="14"/>
        <v>35.115323000000103</v>
      </c>
      <c r="F285">
        <f t="shared" si="12"/>
        <v>2.3760843435219531E-2</v>
      </c>
    </row>
    <row r="286" spans="1:6" x14ac:dyDescent="0.2">
      <c r="A286">
        <v>1042.8163119999999</v>
      </c>
      <c r="B286">
        <v>20.026738000000002</v>
      </c>
      <c r="C286">
        <v>8.5817599999999992</v>
      </c>
      <c r="D286">
        <f t="shared" si="13"/>
        <v>1.4213629999999995</v>
      </c>
      <c r="E286">
        <f t="shared" si="14"/>
        <v>34.50534499999992</v>
      </c>
      <c r="F286">
        <f t="shared" si="12"/>
        <v>2.3279494849421854E-2</v>
      </c>
    </row>
    <row r="287" spans="1:6" x14ac:dyDescent="0.2">
      <c r="A287">
        <v>1042.3130739999999</v>
      </c>
      <c r="B287">
        <v>20.014523000000001</v>
      </c>
      <c r="C287">
        <v>8.5867649999999998</v>
      </c>
      <c r="D287">
        <f t="shared" si="13"/>
        <v>1.4263680000000001</v>
      </c>
      <c r="E287">
        <f t="shared" si="14"/>
        <v>34.00210699999991</v>
      </c>
      <c r="F287">
        <f t="shared" si="12"/>
        <v>2.287052096020472E-2</v>
      </c>
    </row>
    <row r="288" spans="1:6" x14ac:dyDescent="0.2">
      <c r="A288">
        <v>1042.187504</v>
      </c>
      <c r="B288">
        <v>19.994892</v>
      </c>
      <c r="C288">
        <v>8.5917700000000004</v>
      </c>
      <c r="D288">
        <f t="shared" si="13"/>
        <v>1.4313730000000007</v>
      </c>
      <c r="E288">
        <f t="shared" si="14"/>
        <v>33.876536999999985</v>
      </c>
      <c r="F288">
        <f t="shared" si="12"/>
        <v>2.2709121091279507E-2</v>
      </c>
    </row>
    <row r="289" spans="1:6" x14ac:dyDescent="0.2">
      <c r="A289">
        <v>1042.208631</v>
      </c>
      <c r="B289">
        <v>20.011012000000001</v>
      </c>
      <c r="C289">
        <v>8.5967739999999999</v>
      </c>
      <c r="D289">
        <f t="shared" si="13"/>
        <v>1.4363770000000002</v>
      </c>
      <c r="E289">
        <f t="shared" si="14"/>
        <v>33.897663999999963</v>
      </c>
      <c r="F289">
        <f t="shared" si="12"/>
        <v>2.2643661957398878E-2</v>
      </c>
    </row>
    <row r="290" spans="1:6" x14ac:dyDescent="0.2">
      <c r="A290">
        <v>1042.329945</v>
      </c>
      <c r="B290">
        <v>20.001290000000001</v>
      </c>
      <c r="C290">
        <v>8.6017790000000005</v>
      </c>
      <c r="D290">
        <f t="shared" si="13"/>
        <v>1.4413820000000008</v>
      </c>
      <c r="E290">
        <f t="shared" si="14"/>
        <v>34.018977999999947</v>
      </c>
      <c r="F290">
        <f t="shared" si="12"/>
        <v>2.264315572368876E-2</v>
      </c>
    </row>
    <row r="291" spans="1:6" x14ac:dyDescent="0.2">
      <c r="A291">
        <v>1042.0352069999999</v>
      </c>
      <c r="B291">
        <v>19.994793000000001</v>
      </c>
      <c r="C291">
        <v>8.6067839999999993</v>
      </c>
      <c r="D291">
        <f t="shared" si="13"/>
        <v>1.4463869999999996</v>
      </c>
      <c r="E291">
        <f t="shared" si="14"/>
        <v>33.724239999999895</v>
      </c>
      <c r="F291">
        <f t="shared" si="12"/>
        <v>2.2375629843096267E-2</v>
      </c>
    </row>
    <row r="292" spans="1:6" x14ac:dyDescent="0.2">
      <c r="A292">
        <v>1042.9045160000001</v>
      </c>
      <c r="B292">
        <v>19.913432</v>
      </c>
      <c r="C292">
        <v>8.6117889999999999</v>
      </c>
      <c r="D292">
        <f t="shared" si="13"/>
        <v>1.4513920000000002</v>
      </c>
      <c r="E292">
        <f t="shared" si="14"/>
        <v>34.593549000000053</v>
      </c>
      <c r="F292">
        <f t="shared" si="12"/>
        <v>2.2854190661971561E-2</v>
      </c>
    </row>
    <row r="293" spans="1:6" x14ac:dyDescent="0.2">
      <c r="A293">
        <v>1044.6405669999999</v>
      </c>
      <c r="B293">
        <v>19.910746</v>
      </c>
      <c r="C293">
        <v>8.6167940000000005</v>
      </c>
      <c r="D293">
        <f t="shared" si="13"/>
        <v>1.4563970000000008</v>
      </c>
      <c r="E293">
        <f t="shared" si="14"/>
        <v>36.329599999999914</v>
      </c>
      <c r="F293">
        <f t="shared" si="12"/>
        <v>2.3878880025454505E-2</v>
      </c>
    </row>
    <row r="294" spans="1:6" x14ac:dyDescent="0.2">
      <c r="A294">
        <v>1045.9617880000001</v>
      </c>
      <c r="B294">
        <v>19.934331</v>
      </c>
      <c r="C294">
        <v>8.6217980000000001</v>
      </c>
      <c r="D294">
        <f t="shared" si="13"/>
        <v>1.4614010000000004</v>
      </c>
      <c r="E294">
        <f t="shared" si="14"/>
        <v>37.650821000000064</v>
      </c>
      <c r="F294">
        <f t="shared" si="12"/>
        <v>2.4631407642452689E-2</v>
      </c>
    </row>
    <row r="295" spans="1:6" x14ac:dyDescent="0.2">
      <c r="A295">
        <v>1046.598191</v>
      </c>
      <c r="B295">
        <v>19.961601999999999</v>
      </c>
      <c r="C295">
        <v>8.6268030000000007</v>
      </c>
      <c r="D295">
        <f t="shared" si="13"/>
        <v>1.466406000000001</v>
      </c>
      <c r="E295">
        <f t="shared" si="14"/>
        <v>38.287224000000037</v>
      </c>
      <c r="F295">
        <f t="shared" si="12"/>
        <v>2.4947077169631442E-2</v>
      </c>
    </row>
    <row r="296" spans="1:6" x14ac:dyDescent="0.2">
      <c r="A296">
        <v>1047.499763</v>
      </c>
      <c r="B296">
        <v>19.931062000000001</v>
      </c>
      <c r="C296">
        <v>8.6318079999999995</v>
      </c>
      <c r="D296">
        <f t="shared" si="13"/>
        <v>1.4714109999999998</v>
      </c>
      <c r="E296">
        <f t="shared" si="14"/>
        <v>39.188796000000025</v>
      </c>
      <c r="F296">
        <f t="shared" si="12"/>
        <v>2.5425762679047781E-2</v>
      </c>
    </row>
    <row r="297" spans="1:6" x14ac:dyDescent="0.2">
      <c r="A297">
        <v>1048.749204</v>
      </c>
      <c r="B297">
        <v>19.919547999999999</v>
      </c>
      <c r="C297">
        <v>8.6368130000000001</v>
      </c>
      <c r="D297">
        <f t="shared" si="13"/>
        <v>1.4764160000000004</v>
      </c>
      <c r="E297">
        <f t="shared" si="14"/>
        <v>40.438236999999958</v>
      </c>
      <c r="F297">
        <f t="shared" si="12"/>
        <v>2.6116310660569551E-2</v>
      </c>
    </row>
    <row r="298" spans="1:6" x14ac:dyDescent="0.2">
      <c r="A298">
        <v>1050.3601349999999</v>
      </c>
      <c r="B298">
        <v>19.913591</v>
      </c>
      <c r="C298">
        <v>8.6418180000000007</v>
      </c>
      <c r="D298">
        <f t="shared" si="13"/>
        <v>1.481421000000001</v>
      </c>
      <c r="E298">
        <f t="shared" si="14"/>
        <v>42.049167999999895</v>
      </c>
      <c r="F298">
        <f t="shared" si="12"/>
        <v>2.7023442955566839E-2</v>
      </c>
    </row>
    <row r="299" spans="1:6" x14ac:dyDescent="0.2">
      <c r="A299">
        <v>1050.9337780000001</v>
      </c>
      <c r="B299">
        <v>19.960445</v>
      </c>
      <c r="C299">
        <v>8.6468220000000002</v>
      </c>
      <c r="D299">
        <f t="shared" si="13"/>
        <v>1.4864250000000006</v>
      </c>
      <c r="E299">
        <f t="shared" si="14"/>
        <v>42.62281100000007</v>
      </c>
      <c r="F299">
        <f t="shared" si="12"/>
        <v>2.7284986067334951E-2</v>
      </c>
    </row>
    <row r="300" spans="1:6" x14ac:dyDescent="0.2">
      <c r="A300">
        <v>1051.0991289999999</v>
      </c>
      <c r="B300">
        <v>20.017075999999999</v>
      </c>
      <c r="C300">
        <v>8.6518270000000008</v>
      </c>
      <c r="D300">
        <f t="shared" si="13"/>
        <v>1.4914300000000011</v>
      </c>
      <c r="E300">
        <f t="shared" si="14"/>
        <v>42.788161999999943</v>
      </c>
      <c r="F300">
        <f t="shared" si="12"/>
        <v>2.7294621772175013E-2</v>
      </c>
    </row>
    <row r="301" spans="1:6" x14ac:dyDescent="0.2">
      <c r="A301">
        <v>1051.088994</v>
      </c>
      <c r="B301">
        <v>19.976075000000002</v>
      </c>
      <c r="C301">
        <v>8.6568319999999996</v>
      </c>
      <c r="D301">
        <f t="shared" si="13"/>
        <v>1.496435</v>
      </c>
      <c r="E301">
        <f t="shared" si="14"/>
        <v>42.778026999999952</v>
      </c>
      <c r="F301">
        <f t="shared" si="12"/>
        <v>2.7197150488587455E-2</v>
      </c>
    </row>
    <row r="302" spans="1:6" x14ac:dyDescent="0.2">
      <c r="A302">
        <v>1051.503594</v>
      </c>
      <c r="B302">
        <v>20.003043000000002</v>
      </c>
      <c r="C302">
        <v>8.6618370000000002</v>
      </c>
      <c r="D302">
        <f t="shared" si="13"/>
        <v>1.5014400000000006</v>
      </c>
      <c r="E302">
        <f t="shared" si="14"/>
        <v>43.192627000000016</v>
      </c>
      <c r="F302">
        <f t="shared" si="12"/>
        <v>2.7358411385025736E-2</v>
      </c>
    </row>
    <row r="303" spans="1:6" x14ac:dyDescent="0.2">
      <c r="A303">
        <v>1051.2767329999999</v>
      </c>
      <c r="B303">
        <v>20.017648000000001</v>
      </c>
      <c r="C303">
        <v>8.6668420000000008</v>
      </c>
      <c r="D303">
        <f t="shared" si="13"/>
        <v>1.5064450000000011</v>
      </c>
      <c r="E303">
        <f t="shared" si="14"/>
        <v>42.965765999999917</v>
      </c>
      <c r="F303">
        <f t="shared" si="12"/>
        <v>2.7130151934768369E-2</v>
      </c>
    </row>
    <row r="304" spans="1:6" x14ac:dyDescent="0.2">
      <c r="A304">
        <v>1050.169083</v>
      </c>
      <c r="B304">
        <v>20.058982</v>
      </c>
      <c r="C304">
        <v>8.6718460000000004</v>
      </c>
      <c r="D304">
        <f t="shared" si="13"/>
        <v>1.5114490000000007</v>
      </c>
      <c r="E304">
        <f t="shared" si="14"/>
        <v>41.858115999999995</v>
      </c>
      <c r="F304">
        <f t="shared" si="12"/>
        <v>2.6371021395480379E-2</v>
      </c>
    </row>
    <row r="305" spans="1:6" x14ac:dyDescent="0.2">
      <c r="A305">
        <v>1049.37691</v>
      </c>
      <c r="B305">
        <v>20.042193999999999</v>
      </c>
      <c r="C305">
        <v>8.6768509999999992</v>
      </c>
      <c r="D305">
        <f t="shared" si="13"/>
        <v>1.5164539999999995</v>
      </c>
      <c r="E305">
        <f t="shared" si="14"/>
        <v>41.065942999999947</v>
      </c>
      <c r="F305">
        <f t="shared" si="12"/>
        <v>2.5806021517859073E-2</v>
      </c>
    </row>
    <row r="306" spans="1:6" x14ac:dyDescent="0.2">
      <c r="A306">
        <v>1048.3377439999999</v>
      </c>
      <c r="B306">
        <v>20.058858000000001</v>
      </c>
      <c r="C306">
        <v>8.6818559999999998</v>
      </c>
      <c r="D306">
        <f t="shared" si="13"/>
        <v>1.5214590000000001</v>
      </c>
      <c r="E306">
        <f t="shared" si="14"/>
        <v>40.026776999999925</v>
      </c>
      <c r="F306">
        <f t="shared" si="12"/>
        <v>2.5095112434718087E-2</v>
      </c>
    </row>
    <row r="307" spans="1:6" x14ac:dyDescent="0.2">
      <c r="A307">
        <v>1047.216459</v>
      </c>
      <c r="B307">
        <v>20.080826999999999</v>
      </c>
      <c r="C307">
        <v>8.6868610000000004</v>
      </c>
      <c r="D307">
        <f t="shared" si="13"/>
        <v>1.5264640000000007</v>
      </c>
      <c r="E307">
        <f t="shared" si="14"/>
        <v>38.905491999999981</v>
      </c>
      <c r="F307">
        <f t="shared" si="12"/>
        <v>2.433816808049127E-2</v>
      </c>
    </row>
    <row r="308" spans="1:6" x14ac:dyDescent="0.2">
      <c r="A308">
        <v>1045.3712439999999</v>
      </c>
      <c r="B308">
        <v>20.117470999999998</v>
      </c>
      <c r="C308">
        <v>8.6918659999999992</v>
      </c>
      <c r="D308">
        <f t="shared" si="13"/>
        <v>1.5314689999999995</v>
      </c>
      <c r="E308">
        <f t="shared" si="14"/>
        <v>37.060276999999928</v>
      </c>
      <c r="F308">
        <f t="shared" si="12"/>
        <v>2.3148875618523641E-2</v>
      </c>
    </row>
    <row r="309" spans="1:6" x14ac:dyDescent="0.2">
      <c r="A309">
        <v>1043.8970200000001</v>
      </c>
      <c r="B309">
        <v>20.060918999999998</v>
      </c>
      <c r="C309">
        <v>8.6968700000000005</v>
      </c>
      <c r="D309">
        <f t="shared" si="13"/>
        <v>1.5364730000000009</v>
      </c>
      <c r="E309">
        <f t="shared" si="14"/>
        <v>35.586053000000106</v>
      </c>
      <c r="F309">
        <f t="shared" si="12"/>
        <v>2.2186930885054985E-2</v>
      </c>
    </row>
    <row r="310" spans="1:6" x14ac:dyDescent="0.2">
      <c r="A310">
        <v>1043.0516729999999</v>
      </c>
      <c r="B310">
        <v>20.048949</v>
      </c>
      <c r="C310">
        <v>8.7018749999999994</v>
      </c>
      <c r="D310">
        <f t="shared" si="13"/>
        <v>1.5414779999999997</v>
      </c>
      <c r="E310">
        <f t="shared" si="14"/>
        <v>34.740705999999932</v>
      </c>
      <c r="F310">
        <f t="shared" si="12"/>
        <v>2.16070504059915E-2</v>
      </c>
    </row>
    <row r="311" spans="1:6" x14ac:dyDescent="0.2">
      <c r="A311">
        <v>1042.453763</v>
      </c>
      <c r="B311">
        <v>20.022375</v>
      </c>
      <c r="C311">
        <v>8.70688</v>
      </c>
      <c r="D311">
        <f t="shared" si="13"/>
        <v>1.5464830000000003</v>
      </c>
      <c r="E311">
        <f t="shared" si="14"/>
        <v>34.142795999999976</v>
      </c>
      <c r="F311">
        <f t="shared" si="12"/>
        <v>2.1178594324091606E-2</v>
      </c>
    </row>
    <row r="312" spans="1:6" x14ac:dyDescent="0.2">
      <c r="A312">
        <v>1041.752197</v>
      </c>
      <c r="B312">
        <v>20.031355999999999</v>
      </c>
      <c r="C312">
        <v>8.7118850000000005</v>
      </c>
      <c r="D312">
        <f t="shared" si="13"/>
        <v>1.5514880000000009</v>
      </c>
      <c r="E312">
        <f t="shared" si="14"/>
        <v>33.441230000000019</v>
      </c>
      <c r="F312">
        <f t="shared" si="12"/>
        <v>2.0690424302123683E-2</v>
      </c>
    </row>
    <row r="313" spans="1:6" x14ac:dyDescent="0.2">
      <c r="A313">
        <v>1042.237478</v>
      </c>
      <c r="B313">
        <v>19.941834</v>
      </c>
      <c r="C313">
        <v>8.7168899999999994</v>
      </c>
      <c r="D313">
        <f t="shared" si="13"/>
        <v>1.5564929999999997</v>
      </c>
      <c r="E313">
        <f t="shared" si="14"/>
        <v>33.926511000000005</v>
      </c>
      <c r="F313">
        <f t="shared" si="12"/>
        <v>2.0913433573800867E-2</v>
      </c>
    </row>
    <row r="314" spans="1:6" x14ac:dyDescent="0.2">
      <c r="A314">
        <v>1043.350823</v>
      </c>
      <c r="B314">
        <v>19.946687000000001</v>
      </c>
      <c r="C314">
        <v>8.7218940000000007</v>
      </c>
      <c r="D314">
        <f t="shared" si="13"/>
        <v>1.561497000000001</v>
      </c>
      <c r="E314">
        <f t="shared" si="14"/>
        <v>35.039855999999986</v>
      </c>
      <c r="F314">
        <f t="shared" si="12"/>
        <v>2.1507542788042473E-2</v>
      </c>
    </row>
    <row r="315" spans="1:6" x14ac:dyDescent="0.2">
      <c r="A315">
        <v>1044.1300349999999</v>
      </c>
      <c r="B315">
        <v>19.950724999999998</v>
      </c>
      <c r="C315">
        <v>8.7268989999999995</v>
      </c>
      <c r="D315">
        <f t="shared" si="13"/>
        <v>1.5665019999999998</v>
      </c>
      <c r="E315">
        <f t="shared" si="14"/>
        <v>35.819067999999902</v>
      </c>
      <c r="F315">
        <f t="shared" si="12"/>
        <v>2.1899224667112055E-2</v>
      </c>
    </row>
    <row r="316" spans="1:6" x14ac:dyDescent="0.2">
      <c r="A316">
        <v>1044.788693</v>
      </c>
      <c r="B316">
        <v>19.975757000000002</v>
      </c>
      <c r="C316">
        <v>8.7319040000000001</v>
      </c>
      <c r="D316">
        <f t="shared" si="13"/>
        <v>1.5715070000000004</v>
      </c>
      <c r="E316">
        <f t="shared" si="14"/>
        <v>36.477725999999961</v>
      </c>
      <c r="F316">
        <f t="shared" si="12"/>
        <v>2.221687507946532E-2</v>
      </c>
    </row>
    <row r="317" spans="1:6" x14ac:dyDescent="0.2">
      <c r="A317">
        <v>1046.028982</v>
      </c>
      <c r="B317">
        <v>19.884284000000001</v>
      </c>
      <c r="C317">
        <v>8.7369090000000007</v>
      </c>
      <c r="D317">
        <f t="shared" si="13"/>
        <v>1.576512000000001</v>
      </c>
      <c r="E317">
        <f t="shared" si="14"/>
        <v>37.718015000000037</v>
      </c>
      <c r="F317">
        <f t="shared" si="12"/>
        <v>2.2872194236024844E-2</v>
      </c>
    </row>
    <row r="318" spans="1:6" x14ac:dyDescent="0.2">
      <c r="A318">
        <v>1047.9269260000001</v>
      </c>
      <c r="B318">
        <v>19.863914999999999</v>
      </c>
      <c r="C318">
        <v>8.7419139999999995</v>
      </c>
      <c r="D318">
        <f t="shared" si="13"/>
        <v>1.5815169999999998</v>
      </c>
      <c r="E318">
        <f t="shared" si="14"/>
        <v>39.615959000000089</v>
      </c>
      <c r="F318">
        <f t="shared" si="12"/>
        <v>2.390370989834157E-2</v>
      </c>
    </row>
    <row r="319" spans="1:6" x14ac:dyDescent="0.2">
      <c r="A319">
        <v>1049.789689</v>
      </c>
      <c r="B319">
        <v>19.936665999999999</v>
      </c>
      <c r="C319">
        <v>8.7469180000000009</v>
      </c>
      <c r="D319">
        <f t="shared" si="13"/>
        <v>1.5865210000000012</v>
      </c>
      <c r="E319">
        <f t="shared" si="14"/>
        <v>41.478721999999948</v>
      </c>
      <c r="F319">
        <f t="shared" si="12"/>
        <v>2.4904466286026963E-2</v>
      </c>
    </row>
    <row r="320" spans="1:6" x14ac:dyDescent="0.2">
      <c r="A320">
        <v>1050.4294629999999</v>
      </c>
      <c r="B320">
        <v>19.954706000000002</v>
      </c>
      <c r="C320">
        <v>8.7519229999999997</v>
      </c>
      <c r="D320">
        <f t="shared" si="13"/>
        <v>1.591526</v>
      </c>
      <c r="E320">
        <f t="shared" si="14"/>
        <v>42.118495999999936</v>
      </c>
      <c r="F320">
        <f t="shared" si="12"/>
        <v>2.5193715583324131E-2</v>
      </c>
    </row>
    <row r="321" spans="1:6" x14ac:dyDescent="0.2">
      <c r="A321">
        <v>1050.61025</v>
      </c>
      <c r="B321">
        <v>19.980326000000002</v>
      </c>
      <c r="C321">
        <v>8.7569280000000003</v>
      </c>
      <c r="D321">
        <f t="shared" si="13"/>
        <v>1.5965310000000006</v>
      </c>
      <c r="E321">
        <f t="shared" si="14"/>
        <v>42.299282999999946</v>
      </c>
      <c r="F321">
        <f t="shared" si="12"/>
        <v>2.5218196046078292E-2</v>
      </c>
    </row>
    <row r="322" spans="1:6" x14ac:dyDescent="0.2">
      <c r="A322">
        <v>1051.698083</v>
      </c>
      <c r="B322">
        <v>19.911650000000002</v>
      </c>
      <c r="C322">
        <v>8.7619330000000009</v>
      </c>
      <c r="D322">
        <f t="shared" si="13"/>
        <v>1.6015360000000012</v>
      </c>
      <c r="E322">
        <f t="shared" si="14"/>
        <v>43.387115999999992</v>
      </c>
      <c r="F322">
        <f t="shared" ref="F322:F385" si="15">(1/A322)*(E322/D322)</f>
        <v>2.5759237023740455E-2</v>
      </c>
    </row>
    <row r="323" spans="1:6" x14ac:dyDescent="0.2">
      <c r="A323">
        <v>1052.858925</v>
      </c>
      <c r="B323">
        <v>19.937591000000001</v>
      </c>
      <c r="C323">
        <v>8.7669379999999997</v>
      </c>
      <c r="D323">
        <f t="shared" ref="D323:D386" si="16">C323-$C$2</f>
        <v>1.606541</v>
      </c>
      <c r="E323">
        <f t="shared" ref="E323:E386" si="17">A323-$A$2</f>
        <v>44.547957999999994</v>
      </c>
      <c r="F323">
        <f t="shared" si="15"/>
        <v>2.6336969758022726E-2</v>
      </c>
    </row>
    <row r="324" spans="1:6" x14ac:dyDescent="0.2">
      <c r="A324">
        <v>1053.3944630000001</v>
      </c>
      <c r="B324">
        <v>19.986711</v>
      </c>
      <c r="C324">
        <v>8.7719419999999992</v>
      </c>
      <c r="D324">
        <f t="shared" si="16"/>
        <v>1.6115449999999996</v>
      </c>
      <c r="E324">
        <f t="shared" si="17"/>
        <v>45.083496000000082</v>
      </c>
      <c r="F324">
        <f t="shared" si="15"/>
        <v>2.6557312122152923E-2</v>
      </c>
    </row>
    <row r="325" spans="1:6" x14ac:dyDescent="0.2">
      <c r="A325">
        <v>1053.4261389999999</v>
      </c>
      <c r="B325">
        <v>19.996873000000001</v>
      </c>
      <c r="C325">
        <v>8.7769469999999998</v>
      </c>
      <c r="D325">
        <f t="shared" si="16"/>
        <v>1.6165500000000002</v>
      </c>
      <c r="E325">
        <f t="shared" si="17"/>
        <v>45.115171999999916</v>
      </c>
      <c r="F325">
        <f t="shared" si="15"/>
        <v>2.649289297749605E-2</v>
      </c>
    </row>
    <row r="326" spans="1:6" x14ac:dyDescent="0.2">
      <c r="A326">
        <v>1053.340381</v>
      </c>
      <c r="B326">
        <v>20.000720999999999</v>
      </c>
      <c r="C326">
        <v>8.7819520000000004</v>
      </c>
      <c r="D326">
        <f t="shared" si="16"/>
        <v>1.6215550000000007</v>
      </c>
      <c r="E326">
        <f t="shared" si="17"/>
        <v>45.029413999999974</v>
      </c>
      <c r="F326">
        <f t="shared" si="15"/>
        <v>2.6363063629570405E-2</v>
      </c>
    </row>
    <row r="327" spans="1:6" x14ac:dyDescent="0.2">
      <c r="A327">
        <v>1053.327749</v>
      </c>
      <c r="B327">
        <v>20.013451</v>
      </c>
      <c r="C327">
        <v>8.7869569999999992</v>
      </c>
      <c r="D327">
        <f t="shared" si="16"/>
        <v>1.6265599999999996</v>
      </c>
      <c r="E327">
        <f t="shared" si="17"/>
        <v>45.016782000000035</v>
      </c>
      <c r="F327">
        <f t="shared" si="15"/>
        <v>2.6274885551801536E-2</v>
      </c>
    </row>
    <row r="328" spans="1:6" x14ac:dyDescent="0.2">
      <c r="A328">
        <v>1052.224508</v>
      </c>
      <c r="B328">
        <v>20.102958000000001</v>
      </c>
      <c r="C328">
        <v>8.7919619999999998</v>
      </c>
      <c r="D328">
        <f t="shared" si="16"/>
        <v>1.6315650000000002</v>
      </c>
      <c r="E328">
        <f t="shared" si="17"/>
        <v>43.913541000000009</v>
      </c>
      <c r="F328">
        <f t="shared" si="15"/>
        <v>2.5579123856674411E-2</v>
      </c>
    </row>
    <row r="329" spans="1:6" x14ac:dyDescent="0.2">
      <c r="A329">
        <v>1050.2941679999999</v>
      </c>
      <c r="B329">
        <v>20.126445</v>
      </c>
      <c r="C329">
        <v>8.7969659999999994</v>
      </c>
      <c r="D329">
        <f t="shared" si="16"/>
        <v>1.6365689999999997</v>
      </c>
      <c r="E329">
        <f t="shared" si="17"/>
        <v>41.983200999999895</v>
      </c>
      <c r="F329">
        <f t="shared" si="15"/>
        <v>2.4424758242472099E-2</v>
      </c>
    </row>
    <row r="330" spans="1:6" x14ac:dyDescent="0.2">
      <c r="A330">
        <v>1047.8231020000001</v>
      </c>
      <c r="B330">
        <v>20.129103000000001</v>
      </c>
      <c r="C330">
        <v>8.801971</v>
      </c>
      <c r="D330">
        <f t="shared" si="16"/>
        <v>1.6415740000000003</v>
      </c>
      <c r="E330">
        <f t="shared" si="17"/>
        <v>39.512135000000058</v>
      </c>
      <c r="F330">
        <f t="shared" si="15"/>
        <v>2.297111429490593E-2</v>
      </c>
    </row>
    <row r="331" spans="1:6" x14ac:dyDescent="0.2">
      <c r="A331">
        <v>1045.835499</v>
      </c>
      <c r="B331">
        <v>20.099769999999999</v>
      </c>
      <c r="C331">
        <v>8.8069760000000006</v>
      </c>
      <c r="D331">
        <f t="shared" si="16"/>
        <v>1.6465790000000009</v>
      </c>
      <c r="E331">
        <f t="shared" si="17"/>
        <v>37.524532000000022</v>
      </c>
      <c r="F331">
        <f t="shared" si="15"/>
        <v>2.1790607252333411E-2</v>
      </c>
    </row>
    <row r="332" spans="1:6" x14ac:dyDescent="0.2">
      <c r="A332">
        <v>1043.8249530000001</v>
      </c>
      <c r="B332">
        <v>20.150597999999999</v>
      </c>
      <c r="C332">
        <v>8.8119809999999994</v>
      </c>
      <c r="D332">
        <f t="shared" si="16"/>
        <v>1.6515839999999997</v>
      </c>
      <c r="E332">
        <f t="shared" si="17"/>
        <v>35.513986000000045</v>
      </c>
      <c r="F332">
        <f t="shared" si="15"/>
        <v>2.0600182963029109E-2</v>
      </c>
    </row>
    <row r="333" spans="1:6" x14ac:dyDescent="0.2">
      <c r="A333">
        <v>1041.7139</v>
      </c>
      <c r="B333">
        <v>20.079851000000001</v>
      </c>
      <c r="C333">
        <v>8.816986</v>
      </c>
      <c r="D333">
        <f t="shared" si="16"/>
        <v>1.6565890000000003</v>
      </c>
      <c r="E333">
        <f t="shared" si="17"/>
        <v>33.402932999999962</v>
      </c>
      <c r="F333">
        <f t="shared" si="15"/>
        <v>1.9356256565894535E-2</v>
      </c>
    </row>
    <row r="334" spans="1:6" x14ac:dyDescent="0.2">
      <c r="A334">
        <v>1041.065981</v>
      </c>
      <c r="B334">
        <v>20.013300999999998</v>
      </c>
      <c r="C334">
        <v>8.8219899999999996</v>
      </c>
      <c r="D334">
        <f t="shared" si="16"/>
        <v>1.6615929999999999</v>
      </c>
      <c r="E334">
        <f t="shared" si="17"/>
        <v>32.75501399999996</v>
      </c>
      <c r="F334">
        <f t="shared" si="15"/>
        <v>1.8935417285280521E-2</v>
      </c>
    </row>
    <row r="335" spans="1:6" x14ac:dyDescent="0.2">
      <c r="A335">
        <v>1040.8935939999999</v>
      </c>
      <c r="B335">
        <v>20.014976000000001</v>
      </c>
      <c r="C335">
        <v>8.8269950000000001</v>
      </c>
      <c r="D335">
        <f t="shared" si="16"/>
        <v>1.6665980000000005</v>
      </c>
      <c r="E335">
        <f t="shared" si="17"/>
        <v>32.582626999999889</v>
      </c>
      <c r="F335">
        <f t="shared" si="15"/>
        <v>1.8782305692357799E-2</v>
      </c>
    </row>
    <row r="336" spans="1:6" x14ac:dyDescent="0.2">
      <c r="A336">
        <v>1040.8273380000001</v>
      </c>
      <c r="B336">
        <v>19.976202000000001</v>
      </c>
      <c r="C336">
        <v>8.8320000000000007</v>
      </c>
      <c r="D336">
        <f t="shared" si="16"/>
        <v>1.6716030000000011</v>
      </c>
      <c r="E336">
        <f t="shared" si="17"/>
        <v>32.516371000000049</v>
      </c>
      <c r="F336">
        <f t="shared" si="15"/>
        <v>1.8689179594977057E-2</v>
      </c>
    </row>
    <row r="337" spans="1:6" x14ac:dyDescent="0.2">
      <c r="A337">
        <v>1041.7225880000001</v>
      </c>
      <c r="B337">
        <v>19.914258</v>
      </c>
      <c r="C337">
        <v>8.8370049999999996</v>
      </c>
      <c r="D337">
        <f t="shared" si="16"/>
        <v>1.6766079999999999</v>
      </c>
      <c r="E337">
        <f t="shared" si="17"/>
        <v>33.411621000000082</v>
      </c>
      <c r="F337">
        <f t="shared" si="15"/>
        <v>1.9129954237577955E-2</v>
      </c>
    </row>
    <row r="338" spans="1:6" x14ac:dyDescent="0.2">
      <c r="A338">
        <v>1043.7842169999999</v>
      </c>
      <c r="B338">
        <v>19.8688</v>
      </c>
      <c r="C338">
        <v>8.8420100000000001</v>
      </c>
      <c r="D338">
        <f t="shared" si="16"/>
        <v>1.6816130000000005</v>
      </c>
      <c r="E338">
        <f t="shared" si="17"/>
        <v>35.473249999999894</v>
      </c>
      <c r="F338">
        <f t="shared" si="15"/>
        <v>2.0209901550376688E-2</v>
      </c>
    </row>
    <row r="339" spans="1:6" x14ac:dyDescent="0.2">
      <c r="A339">
        <v>1045.8341620000001</v>
      </c>
      <c r="B339">
        <v>19.88991</v>
      </c>
      <c r="C339">
        <v>8.8470139999999997</v>
      </c>
      <c r="D339">
        <f t="shared" si="16"/>
        <v>1.686617</v>
      </c>
      <c r="E339">
        <f t="shared" si="17"/>
        <v>37.523195000000101</v>
      </c>
      <c r="F339">
        <f t="shared" si="15"/>
        <v>2.1272597016813503E-2</v>
      </c>
    </row>
    <row r="340" spans="1:6" x14ac:dyDescent="0.2">
      <c r="A340">
        <v>1047.5389359999999</v>
      </c>
      <c r="B340">
        <v>19.914346999999999</v>
      </c>
      <c r="C340">
        <v>8.8520190000000003</v>
      </c>
      <c r="D340">
        <f t="shared" si="16"/>
        <v>1.6916220000000006</v>
      </c>
      <c r="E340">
        <f t="shared" si="17"/>
        <v>39.227968999999916</v>
      </c>
      <c r="F340">
        <f t="shared" si="15"/>
        <v>2.2137181436352907E-2</v>
      </c>
    </row>
    <row r="341" spans="1:6" x14ac:dyDescent="0.2">
      <c r="A341">
        <v>1048.641337</v>
      </c>
      <c r="B341">
        <v>19.925594</v>
      </c>
      <c r="C341">
        <v>8.8570239999999991</v>
      </c>
      <c r="D341">
        <f t="shared" si="16"/>
        <v>1.6966269999999994</v>
      </c>
      <c r="E341">
        <f t="shared" si="17"/>
        <v>40.330370000000016</v>
      </c>
      <c r="F341">
        <f t="shared" si="15"/>
        <v>2.2668295159441031E-2</v>
      </c>
    </row>
    <row r="342" spans="1:6" x14ac:dyDescent="0.2">
      <c r="A342">
        <v>1050.1378239999999</v>
      </c>
      <c r="B342">
        <v>19.899114000000001</v>
      </c>
      <c r="C342">
        <v>8.8620289999999997</v>
      </c>
      <c r="D342">
        <f t="shared" si="16"/>
        <v>1.701632</v>
      </c>
      <c r="E342">
        <f t="shared" si="17"/>
        <v>41.826856999999904</v>
      </c>
      <c r="F342">
        <f t="shared" si="15"/>
        <v>2.3406866935738121E-2</v>
      </c>
    </row>
    <row r="343" spans="1:6" x14ac:dyDescent="0.2">
      <c r="A343">
        <v>1052.3085060000001</v>
      </c>
      <c r="B343">
        <v>19.86468</v>
      </c>
      <c r="C343">
        <v>8.8670340000000003</v>
      </c>
      <c r="D343">
        <f t="shared" si="16"/>
        <v>1.7066370000000006</v>
      </c>
      <c r="E343">
        <f t="shared" si="17"/>
        <v>43.997539000000074</v>
      </c>
      <c r="F343">
        <f t="shared" si="15"/>
        <v>2.4498762477143027E-2</v>
      </c>
    </row>
    <row r="344" spans="1:6" x14ac:dyDescent="0.2">
      <c r="A344">
        <v>1053.5869709999999</v>
      </c>
      <c r="B344">
        <v>19.939343000000001</v>
      </c>
      <c r="C344">
        <v>8.8720379999999999</v>
      </c>
      <c r="D344">
        <f t="shared" si="16"/>
        <v>1.7116410000000002</v>
      </c>
      <c r="E344">
        <f t="shared" si="17"/>
        <v>45.276003999999944</v>
      </c>
      <c r="F344">
        <f t="shared" si="15"/>
        <v>2.5106433158942863E-2</v>
      </c>
    </row>
    <row r="345" spans="1:6" x14ac:dyDescent="0.2">
      <c r="A345">
        <v>1053.7866160000001</v>
      </c>
      <c r="B345">
        <v>19.982609</v>
      </c>
      <c r="C345">
        <v>8.8770430000000005</v>
      </c>
      <c r="D345">
        <f t="shared" si="16"/>
        <v>1.7166460000000008</v>
      </c>
      <c r="E345">
        <f t="shared" si="17"/>
        <v>45.475649000000089</v>
      </c>
      <c r="F345">
        <f t="shared" si="15"/>
        <v>2.5138854336164317E-2</v>
      </c>
    </row>
    <row r="346" spans="1:6" x14ac:dyDescent="0.2">
      <c r="A346">
        <v>1054.1582530000001</v>
      </c>
      <c r="B346">
        <v>19.985752999999999</v>
      </c>
      <c r="C346">
        <v>8.8820479999999993</v>
      </c>
      <c r="D346">
        <f t="shared" si="16"/>
        <v>1.7216509999999996</v>
      </c>
      <c r="E346">
        <f t="shared" si="17"/>
        <v>45.847286000000054</v>
      </c>
      <c r="F346">
        <f t="shared" si="15"/>
        <v>2.5261707351926163E-2</v>
      </c>
    </row>
    <row r="347" spans="1:6" x14ac:dyDescent="0.2">
      <c r="A347">
        <v>1054.3528429999999</v>
      </c>
      <c r="B347">
        <v>20.003433999999999</v>
      </c>
      <c r="C347">
        <v>8.8870529999999999</v>
      </c>
      <c r="D347">
        <f t="shared" si="16"/>
        <v>1.7266560000000002</v>
      </c>
      <c r="E347">
        <f t="shared" si="17"/>
        <v>46.041875999999888</v>
      </c>
      <c r="F347">
        <f t="shared" si="15"/>
        <v>2.5290721275716386E-2</v>
      </c>
    </row>
    <row r="348" spans="1:6" x14ac:dyDescent="0.2">
      <c r="A348">
        <v>1054.1172220000001</v>
      </c>
      <c r="B348">
        <v>20.017375999999999</v>
      </c>
      <c r="C348">
        <v>8.8920580000000005</v>
      </c>
      <c r="D348">
        <f t="shared" si="16"/>
        <v>1.7316610000000008</v>
      </c>
      <c r="E348">
        <f t="shared" si="17"/>
        <v>45.806255000000078</v>
      </c>
      <c r="F348">
        <f t="shared" si="15"/>
        <v>2.5094179582229995E-2</v>
      </c>
    </row>
    <row r="349" spans="1:6" x14ac:dyDescent="0.2">
      <c r="A349">
        <v>1053.4014400000001</v>
      </c>
      <c r="B349">
        <v>20.041979000000001</v>
      </c>
      <c r="C349">
        <v>8.897062</v>
      </c>
      <c r="D349">
        <f t="shared" si="16"/>
        <v>1.7366650000000003</v>
      </c>
      <c r="E349">
        <f t="shared" si="17"/>
        <v>45.090473000000088</v>
      </c>
      <c r="F349">
        <f t="shared" si="15"/>
        <v>2.4647611026630521E-2</v>
      </c>
    </row>
    <row r="350" spans="1:6" x14ac:dyDescent="0.2">
      <c r="A350">
        <v>1052.676823</v>
      </c>
      <c r="B350">
        <v>20.056280000000001</v>
      </c>
      <c r="C350">
        <v>8.9020670000000006</v>
      </c>
      <c r="D350">
        <f t="shared" si="16"/>
        <v>1.7416700000000009</v>
      </c>
      <c r="E350">
        <f t="shared" si="17"/>
        <v>44.365856000000008</v>
      </c>
      <c r="F350">
        <f t="shared" si="15"/>
        <v>2.4198471408258957E-2</v>
      </c>
    </row>
    <row r="351" spans="1:6" x14ac:dyDescent="0.2">
      <c r="A351">
        <v>1051.756954</v>
      </c>
      <c r="B351">
        <v>20.042945</v>
      </c>
      <c r="C351">
        <v>8.9070719999999994</v>
      </c>
      <c r="D351">
        <f t="shared" si="16"/>
        <v>1.7466749999999998</v>
      </c>
      <c r="E351">
        <f t="shared" si="17"/>
        <v>43.445986999999946</v>
      </c>
      <c r="F351">
        <f t="shared" si="15"/>
        <v>2.3649511337511274E-2</v>
      </c>
    </row>
    <row r="352" spans="1:6" x14ac:dyDescent="0.2">
      <c r="A352">
        <v>1050.8029329999999</v>
      </c>
      <c r="B352">
        <v>20.064768000000001</v>
      </c>
      <c r="C352">
        <v>8.912077</v>
      </c>
      <c r="D352">
        <f t="shared" si="16"/>
        <v>1.7516800000000003</v>
      </c>
      <c r="E352">
        <f t="shared" si="17"/>
        <v>42.491965999999934</v>
      </c>
      <c r="F352">
        <f t="shared" si="15"/>
        <v>2.3085047770894956E-2</v>
      </c>
    </row>
    <row r="353" spans="1:6" x14ac:dyDescent="0.2">
      <c r="A353">
        <v>1049.6664330000001</v>
      </c>
      <c r="B353">
        <v>20.068937999999999</v>
      </c>
      <c r="C353">
        <v>8.9170820000000006</v>
      </c>
      <c r="D353">
        <f t="shared" si="16"/>
        <v>1.7566850000000009</v>
      </c>
      <c r="E353">
        <f t="shared" si="17"/>
        <v>41.355466000000092</v>
      </c>
      <c r="F353">
        <f t="shared" si="15"/>
        <v>2.2427853814817354E-2</v>
      </c>
    </row>
    <row r="354" spans="1:6" x14ac:dyDescent="0.2">
      <c r="A354">
        <v>1048.4530600000001</v>
      </c>
      <c r="B354">
        <v>20.066769000000001</v>
      </c>
      <c r="C354">
        <v>8.9220860000000002</v>
      </c>
      <c r="D354">
        <f t="shared" si="16"/>
        <v>1.7616890000000005</v>
      </c>
      <c r="E354">
        <f t="shared" si="17"/>
        <v>40.142093000000045</v>
      </c>
      <c r="F354">
        <f t="shared" si="15"/>
        <v>2.1733105018096794E-2</v>
      </c>
    </row>
    <row r="355" spans="1:6" x14ac:dyDescent="0.2">
      <c r="A355">
        <v>1047.5731960000001</v>
      </c>
      <c r="B355">
        <v>20.039180999999999</v>
      </c>
      <c r="C355">
        <v>8.9270910000000008</v>
      </c>
      <c r="D355">
        <f t="shared" si="16"/>
        <v>1.7666940000000011</v>
      </c>
      <c r="E355">
        <f t="shared" si="17"/>
        <v>39.262229000000048</v>
      </c>
      <c r="F355">
        <f t="shared" si="15"/>
        <v>2.1214326078791333E-2</v>
      </c>
    </row>
    <row r="356" spans="1:6" x14ac:dyDescent="0.2">
      <c r="A356">
        <v>1047.1584929999999</v>
      </c>
      <c r="B356">
        <v>20.015042999999999</v>
      </c>
      <c r="C356">
        <v>8.9320959999999996</v>
      </c>
      <c r="D356">
        <f t="shared" si="16"/>
        <v>1.7716989999999999</v>
      </c>
      <c r="E356">
        <f t="shared" si="17"/>
        <v>38.847525999999903</v>
      </c>
      <c r="F356">
        <f t="shared" si="15"/>
        <v>2.0939244428702753E-2</v>
      </c>
    </row>
    <row r="357" spans="1:6" x14ac:dyDescent="0.2">
      <c r="A357">
        <v>1047.0278209999999</v>
      </c>
      <c r="B357">
        <v>19.988406999999999</v>
      </c>
      <c r="C357">
        <v>8.9371010000000002</v>
      </c>
      <c r="D357">
        <f t="shared" si="16"/>
        <v>1.7767040000000005</v>
      </c>
      <c r="E357">
        <f t="shared" si="17"/>
        <v>38.716853999999898</v>
      </c>
      <c r="F357">
        <f t="shared" si="15"/>
        <v>2.0812620198747363E-2</v>
      </c>
    </row>
    <row r="358" spans="1:6" x14ac:dyDescent="0.2">
      <c r="A358">
        <v>1046.7900810000001</v>
      </c>
      <c r="B358">
        <v>20.023049</v>
      </c>
      <c r="C358">
        <v>8.9421060000000008</v>
      </c>
      <c r="D358">
        <f t="shared" si="16"/>
        <v>1.7817090000000011</v>
      </c>
      <c r="E358">
        <f t="shared" si="17"/>
        <v>38.479114000000095</v>
      </c>
      <c r="F358">
        <f t="shared" si="15"/>
        <v>2.0631399614862617E-2</v>
      </c>
    </row>
    <row r="359" spans="1:6" x14ac:dyDescent="0.2">
      <c r="A359">
        <v>1046.7546809999999</v>
      </c>
      <c r="B359">
        <v>20.006938999999999</v>
      </c>
      <c r="C359">
        <v>8.9471100000000003</v>
      </c>
      <c r="D359">
        <f t="shared" si="16"/>
        <v>1.7867130000000007</v>
      </c>
      <c r="E359">
        <f t="shared" si="17"/>
        <v>38.443713999999886</v>
      </c>
      <c r="F359">
        <f t="shared" si="15"/>
        <v>2.0555385624315935E-2</v>
      </c>
    </row>
    <row r="360" spans="1:6" x14ac:dyDescent="0.2">
      <c r="A360">
        <v>1047.0745770000001</v>
      </c>
      <c r="B360">
        <v>19.953120999999999</v>
      </c>
      <c r="C360">
        <v>8.9521149999999992</v>
      </c>
      <c r="D360">
        <f t="shared" si="16"/>
        <v>1.7917179999999995</v>
      </c>
      <c r="E360">
        <f t="shared" si="17"/>
        <v>38.763610000000085</v>
      </c>
      <c r="F360">
        <f t="shared" si="15"/>
        <v>2.0662218209169646E-2</v>
      </c>
    </row>
    <row r="361" spans="1:6" x14ac:dyDescent="0.2">
      <c r="A361">
        <v>1047.978644</v>
      </c>
      <c r="B361">
        <v>19.94838</v>
      </c>
      <c r="C361">
        <v>8.9571199999999997</v>
      </c>
      <c r="D361">
        <f t="shared" si="16"/>
        <v>1.7967230000000001</v>
      </c>
      <c r="E361">
        <f t="shared" si="17"/>
        <v>39.667677000000026</v>
      </c>
      <c r="F361">
        <f t="shared" si="15"/>
        <v>2.1067024893058825E-2</v>
      </c>
    </row>
    <row r="362" spans="1:6" x14ac:dyDescent="0.2">
      <c r="A362">
        <v>1048.9133099999999</v>
      </c>
      <c r="B362">
        <v>19.951031</v>
      </c>
      <c r="C362">
        <v>8.9621250000000003</v>
      </c>
      <c r="D362">
        <f t="shared" si="16"/>
        <v>1.8017280000000007</v>
      </c>
      <c r="E362">
        <f t="shared" si="17"/>
        <v>40.602342999999905</v>
      </c>
      <c r="F362">
        <f t="shared" si="15"/>
        <v>2.1484352608463632E-2</v>
      </c>
    </row>
    <row r="363" spans="1:6" x14ac:dyDescent="0.2">
      <c r="A363">
        <v>1049.8986090000001</v>
      </c>
      <c r="B363">
        <v>19.941139</v>
      </c>
      <c r="C363">
        <v>8.9671299999999992</v>
      </c>
      <c r="D363">
        <f t="shared" si="16"/>
        <v>1.8067329999999995</v>
      </c>
      <c r="E363">
        <f t="shared" si="17"/>
        <v>41.587642000000073</v>
      </c>
      <c r="F363">
        <f t="shared" si="15"/>
        <v>2.1924159826894118E-2</v>
      </c>
    </row>
    <row r="364" spans="1:6" x14ac:dyDescent="0.2">
      <c r="A364">
        <v>1050.5946469999999</v>
      </c>
      <c r="B364">
        <v>19.939418</v>
      </c>
      <c r="C364">
        <v>8.9721340000000005</v>
      </c>
      <c r="D364">
        <f t="shared" si="16"/>
        <v>1.8117370000000008</v>
      </c>
      <c r="E364">
        <f t="shared" si="17"/>
        <v>42.28367999999989</v>
      </c>
      <c r="F364">
        <f t="shared" si="15"/>
        <v>2.2214801658165535E-2</v>
      </c>
    </row>
    <row r="365" spans="1:6" x14ac:dyDescent="0.2">
      <c r="A365">
        <v>1051.4426020000001</v>
      </c>
      <c r="B365">
        <v>19.932808999999999</v>
      </c>
      <c r="C365">
        <v>8.9771389999999993</v>
      </c>
      <c r="D365">
        <f t="shared" si="16"/>
        <v>1.8167419999999996</v>
      </c>
      <c r="E365">
        <f t="shared" si="17"/>
        <v>43.131635000000074</v>
      </c>
      <c r="F365">
        <f t="shared" si="15"/>
        <v>2.2579644253567885E-2</v>
      </c>
    </row>
    <row r="366" spans="1:6" x14ac:dyDescent="0.2">
      <c r="A366">
        <v>1052.2013010000001</v>
      </c>
      <c r="B366">
        <v>19.951260000000001</v>
      </c>
      <c r="C366">
        <v>8.9821439999999999</v>
      </c>
      <c r="D366">
        <f t="shared" si="16"/>
        <v>1.8217470000000002</v>
      </c>
      <c r="E366">
        <f t="shared" si="17"/>
        <v>43.890334000000053</v>
      </c>
      <c r="F366">
        <f t="shared" si="15"/>
        <v>2.2897179477100481E-2</v>
      </c>
    </row>
    <row r="367" spans="1:6" x14ac:dyDescent="0.2">
      <c r="A367">
        <v>1053.103194</v>
      </c>
      <c r="B367">
        <v>19.949580999999998</v>
      </c>
      <c r="C367">
        <v>8.9871490000000005</v>
      </c>
      <c r="D367">
        <f t="shared" si="16"/>
        <v>1.8267520000000008</v>
      </c>
      <c r="E367">
        <f t="shared" si="17"/>
        <v>44.792227000000025</v>
      </c>
      <c r="F367">
        <f t="shared" si="15"/>
        <v>2.3283707452679273E-2</v>
      </c>
    </row>
    <row r="368" spans="1:6" x14ac:dyDescent="0.2">
      <c r="A368">
        <v>1053.395043</v>
      </c>
      <c r="B368">
        <v>20.009941000000001</v>
      </c>
      <c r="C368">
        <v>8.9921539999999993</v>
      </c>
      <c r="D368">
        <f t="shared" si="16"/>
        <v>1.8317569999999996</v>
      </c>
      <c r="E368">
        <f t="shared" si="17"/>
        <v>45.084075999999982</v>
      </c>
      <c r="F368">
        <f t="shared" si="15"/>
        <v>2.3364906262007067E-2</v>
      </c>
    </row>
    <row r="369" spans="1:6" x14ac:dyDescent="0.2">
      <c r="A369">
        <v>1053.027658</v>
      </c>
      <c r="B369">
        <v>20.000083</v>
      </c>
      <c r="C369">
        <v>8.9971580000000007</v>
      </c>
      <c r="D369">
        <f t="shared" si="16"/>
        <v>1.836761000000001</v>
      </c>
      <c r="E369">
        <f t="shared" si="17"/>
        <v>44.716690999999969</v>
      </c>
      <c r="F369">
        <f t="shared" si="15"/>
        <v>2.3119435775146507E-2</v>
      </c>
    </row>
    <row r="370" spans="1:6" x14ac:dyDescent="0.2">
      <c r="A370">
        <v>1053.0405760000001</v>
      </c>
      <c r="B370">
        <v>19.991983000000001</v>
      </c>
      <c r="C370">
        <v>9.0021629999999995</v>
      </c>
      <c r="D370">
        <f t="shared" si="16"/>
        <v>1.8417659999999998</v>
      </c>
      <c r="E370">
        <f t="shared" si="17"/>
        <v>44.729609000000096</v>
      </c>
      <c r="F370">
        <f t="shared" si="15"/>
        <v>2.3062986490429913E-2</v>
      </c>
    </row>
    <row r="371" spans="1:6" x14ac:dyDescent="0.2">
      <c r="A371">
        <v>1053.2732840000001</v>
      </c>
      <c r="B371">
        <v>20.002253</v>
      </c>
      <c r="C371">
        <v>9.0071680000000001</v>
      </c>
      <c r="D371">
        <f t="shared" si="16"/>
        <v>1.8467710000000004</v>
      </c>
      <c r="E371">
        <f t="shared" si="17"/>
        <v>44.962317000000098</v>
      </c>
      <c r="F371">
        <f t="shared" si="15"/>
        <v>2.3115035698369885E-2</v>
      </c>
    </row>
    <row r="372" spans="1:6" x14ac:dyDescent="0.2">
      <c r="A372">
        <v>1052.702661</v>
      </c>
      <c r="B372">
        <v>20.048151000000001</v>
      </c>
      <c r="C372">
        <v>9.0121730000000007</v>
      </c>
      <c r="D372">
        <f t="shared" si="16"/>
        <v>1.851776000000001</v>
      </c>
      <c r="E372">
        <f t="shared" si="17"/>
        <v>44.39169400000003</v>
      </c>
      <c r="F372">
        <f t="shared" si="15"/>
        <v>2.2772334070754047E-2</v>
      </c>
    </row>
    <row r="373" spans="1:6" x14ac:dyDescent="0.2">
      <c r="A373">
        <v>1051.364049</v>
      </c>
      <c r="B373">
        <v>20.090440000000001</v>
      </c>
      <c r="C373">
        <v>9.0171779999999995</v>
      </c>
      <c r="D373">
        <f t="shared" si="16"/>
        <v>1.8567809999999998</v>
      </c>
      <c r="E373">
        <f t="shared" si="17"/>
        <v>43.053082000000018</v>
      </c>
      <c r="F373">
        <f t="shared" si="15"/>
        <v>2.2054155911703857E-2</v>
      </c>
    </row>
    <row r="374" spans="1:6" x14ac:dyDescent="0.2">
      <c r="A374">
        <v>1049.9370429999999</v>
      </c>
      <c r="B374">
        <v>20.087907999999999</v>
      </c>
      <c r="C374">
        <v>9.0221820000000008</v>
      </c>
      <c r="D374">
        <f t="shared" si="16"/>
        <v>1.8617850000000011</v>
      </c>
      <c r="E374">
        <f t="shared" si="17"/>
        <v>41.626075999999898</v>
      </c>
      <c r="F374">
        <f t="shared" si="15"/>
        <v>2.1294756943845011E-2</v>
      </c>
    </row>
    <row r="375" spans="1:6" x14ac:dyDescent="0.2">
      <c r="A375">
        <v>1049.2464649999999</v>
      </c>
      <c r="B375">
        <v>20.033470999999999</v>
      </c>
      <c r="C375">
        <v>9.0271869999999996</v>
      </c>
      <c r="D375">
        <f t="shared" si="16"/>
        <v>1.8667899999999999</v>
      </c>
      <c r="E375">
        <f t="shared" si="17"/>
        <v>40.935497999999939</v>
      </c>
      <c r="F375">
        <f t="shared" si="15"/>
        <v>2.0899076594453832E-2</v>
      </c>
    </row>
    <row r="376" spans="1:6" x14ac:dyDescent="0.2">
      <c r="A376">
        <v>1048.170333</v>
      </c>
      <c r="B376">
        <v>20.069306999999998</v>
      </c>
      <c r="C376">
        <v>9.0321920000000002</v>
      </c>
      <c r="D376">
        <f t="shared" si="16"/>
        <v>1.8717950000000005</v>
      </c>
      <c r="E376">
        <f t="shared" si="17"/>
        <v>39.859366000000023</v>
      </c>
      <c r="F376">
        <f t="shared" si="15"/>
        <v>2.0316095248880593E-2</v>
      </c>
    </row>
    <row r="377" spans="1:6" x14ac:dyDescent="0.2">
      <c r="A377">
        <v>1047.0175830000001</v>
      </c>
      <c r="B377">
        <v>20.036349000000001</v>
      </c>
      <c r="C377">
        <v>9.0371970000000008</v>
      </c>
      <c r="D377">
        <f t="shared" si="16"/>
        <v>1.8768000000000011</v>
      </c>
      <c r="E377">
        <f t="shared" si="17"/>
        <v>38.706616000000054</v>
      </c>
      <c r="F377">
        <f t="shared" si="15"/>
        <v>1.9697596380070237E-2</v>
      </c>
    </row>
    <row r="378" spans="1:6" x14ac:dyDescent="0.2">
      <c r="A378">
        <v>1046.6673699999999</v>
      </c>
      <c r="B378">
        <v>20.009896999999999</v>
      </c>
      <c r="C378">
        <v>9.0422019999999996</v>
      </c>
      <c r="D378">
        <f t="shared" si="16"/>
        <v>1.8818049999999999</v>
      </c>
      <c r="E378">
        <f t="shared" si="17"/>
        <v>38.356402999999887</v>
      </c>
      <c r="F378">
        <f t="shared" si="15"/>
        <v>1.947397327519702E-2</v>
      </c>
    </row>
    <row r="379" spans="1:6" x14ac:dyDescent="0.2">
      <c r="A379">
        <v>1047.1260709999999</v>
      </c>
      <c r="B379">
        <v>19.959458000000001</v>
      </c>
      <c r="C379">
        <v>9.0472059999999992</v>
      </c>
      <c r="D379">
        <f t="shared" si="16"/>
        <v>1.8868089999999995</v>
      </c>
      <c r="E379">
        <f t="shared" si="17"/>
        <v>38.815103999999906</v>
      </c>
      <c r="F379">
        <f t="shared" si="15"/>
        <v>1.9645986548163494E-2</v>
      </c>
    </row>
    <row r="380" spans="1:6" x14ac:dyDescent="0.2">
      <c r="A380">
        <v>1047.826022</v>
      </c>
      <c r="B380">
        <v>19.967271</v>
      </c>
      <c r="C380">
        <v>9.0522109999999998</v>
      </c>
      <c r="D380">
        <f t="shared" si="16"/>
        <v>1.8918140000000001</v>
      </c>
      <c r="E380">
        <f t="shared" si="17"/>
        <v>39.515054999999961</v>
      </c>
      <c r="F380">
        <f t="shared" si="15"/>
        <v>1.9934023966312844E-2</v>
      </c>
    </row>
    <row r="381" spans="1:6" x14ac:dyDescent="0.2">
      <c r="A381">
        <v>1048.221092</v>
      </c>
      <c r="B381">
        <v>19.96922</v>
      </c>
      <c r="C381">
        <v>9.0572160000000004</v>
      </c>
      <c r="D381">
        <f t="shared" si="16"/>
        <v>1.8968190000000007</v>
      </c>
      <c r="E381">
        <f t="shared" si="17"/>
        <v>39.910124999999994</v>
      </c>
      <c r="F381">
        <f t="shared" si="15"/>
        <v>2.0072631076646062E-2</v>
      </c>
    </row>
    <row r="382" spans="1:6" x14ac:dyDescent="0.2">
      <c r="A382">
        <v>1049.0454830000001</v>
      </c>
      <c r="B382">
        <v>19.937546999999999</v>
      </c>
      <c r="C382">
        <v>9.0622209999999992</v>
      </c>
      <c r="D382">
        <f t="shared" si="16"/>
        <v>1.9018239999999995</v>
      </c>
      <c r="E382">
        <f t="shared" si="17"/>
        <v>40.734516000000099</v>
      </c>
      <c r="F382">
        <f t="shared" si="15"/>
        <v>2.0417281599041333E-2</v>
      </c>
    </row>
    <row r="383" spans="1:6" x14ac:dyDescent="0.2">
      <c r="A383">
        <v>1050.861406</v>
      </c>
      <c r="B383">
        <v>19.844125999999999</v>
      </c>
      <c r="C383">
        <v>9.0672259999999998</v>
      </c>
      <c r="D383">
        <f t="shared" si="16"/>
        <v>1.9068290000000001</v>
      </c>
      <c r="E383">
        <f t="shared" si="17"/>
        <v>42.550438999999983</v>
      </c>
      <c r="F383">
        <f t="shared" si="15"/>
        <v>2.1234735435043939E-2</v>
      </c>
    </row>
    <row r="384" spans="1:6" x14ac:dyDescent="0.2">
      <c r="A384">
        <v>1053.1489779999999</v>
      </c>
      <c r="B384">
        <v>19.875968</v>
      </c>
      <c r="C384">
        <v>9.0722299999999994</v>
      </c>
      <c r="D384">
        <f t="shared" si="16"/>
        <v>1.9118329999999997</v>
      </c>
      <c r="E384">
        <f t="shared" si="17"/>
        <v>44.838010999999938</v>
      </c>
      <c r="F384">
        <f t="shared" si="15"/>
        <v>2.2269300461058968E-2</v>
      </c>
    </row>
    <row r="385" spans="1:6" x14ac:dyDescent="0.2">
      <c r="A385">
        <v>1054.882216</v>
      </c>
      <c r="B385">
        <v>19.895952999999999</v>
      </c>
      <c r="C385">
        <v>9.0772349999999999</v>
      </c>
      <c r="D385">
        <f t="shared" si="16"/>
        <v>1.9168380000000003</v>
      </c>
      <c r="E385">
        <f t="shared" si="17"/>
        <v>46.571248999999966</v>
      </c>
      <c r="F385">
        <f t="shared" si="15"/>
        <v>2.3031833078994961E-2</v>
      </c>
    </row>
    <row r="386" spans="1:6" x14ac:dyDescent="0.2">
      <c r="A386">
        <v>1056.1042279999999</v>
      </c>
      <c r="B386">
        <v>19.948132000000001</v>
      </c>
      <c r="C386">
        <v>9.0822400000000005</v>
      </c>
      <c r="D386">
        <f t="shared" si="16"/>
        <v>1.9218430000000009</v>
      </c>
      <c r="E386">
        <f t="shared" si="17"/>
        <v>47.793260999999916</v>
      </c>
      <c r="F386">
        <f t="shared" ref="F386:F401" si="18">(1/A386)*(E386/D386)</f>
        <v>2.3547346610700754E-2</v>
      </c>
    </row>
    <row r="387" spans="1:6" x14ac:dyDescent="0.2">
      <c r="A387">
        <v>1057.0900260000001</v>
      </c>
      <c r="B387">
        <v>19.935547</v>
      </c>
      <c r="C387">
        <v>9.0872449999999994</v>
      </c>
      <c r="D387">
        <f t="shared" ref="D387:D401" si="19">C387-$C$2</f>
        <v>1.9268479999999997</v>
      </c>
      <c r="E387">
        <f t="shared" ref="E387:E401" si="20">A387-$A$2</f>
        <v>48.779059000000075</v>
      </c>
      <c r="F387">
        <f t="shared" si="18"/>
        <v>2.3948261204910459E-2</v>
      </c>
    </row>
    <row r="388" spans="1:6" x14ac:dyDescent="0.2">
      <c r="A388">
        <v>1057.7122079999999</v>
      </c>
      <c r="B388">
        <v>19.980727000000002</v>
      </c>
      <c r="C388">
        <v>9.0922499999999999</v>
      </c>
      <c r="D388">
        <f t="shared" si="19"/>
        <v>1.9318530000000003</v>
      </c>
      <c r="E388">
        <f t="shared" si="20"/>
        <v>49.401240999999914</v>
      </c>
      <c r="F388">
        <f t="shared" si="18"/>
        <v>2.4176657899705068E-2</v>
      </c>
    </row>
    <row r="389" spans="1:6" x14ac:dyDescent="0.2">
      <c r="A389">
        <v>1057.47694</v>
      </c>
      <c r="B389">
        <v>20.010973</v>
      </c>
      <c r="C389">
        <v>9.0972539999999995</v>
      </c>
      <c r="D389">
        <f t="shared" si="19"/>
        <v>1.9368569999999998</v>
      </c>
      <c r="E389">
        <f t="shared" si="20"/>
        <v>49.165973000000008</v>
      </c>
      <c r="F389">
        <f t="shared" si="18"/>
        <v>2.4004694053532342E-2</v>
      </c>
    </row>
    <row r="390" spans="1:6" x14ac:dyDescent="0.2">
      <c r="A390">
        <v>1057.377534</v>
      </c>
      <c r="B390">
        <v>20.000302000000001</v>
      </c>
      <c r="C390">
        <v>9.1022590000000001</v>
      </c>
      <c r="D390">
        <f t="shared" si="19"/>
        <v>1.9418620000000004</v>
      </c>
      <c r="E390">
        <f t="shared" si="20"/>
        <v>49.066566999999964</v>
      </c>
      <c r="F390">
        <f t="shared" si="18"/>
        <v>2.3896661468088293E-2</v>
      </c>
    </row>
    <row r="391" spans="1:6" x14ac:dyDescent="0.2">
      <c r="A391">
        <v>1057.634638</v>
      </c>
      <c r="B391">
        <v>19.979081000000001</v>
      </c>
      <c r="C391">
        <v>9.1072640000000007</v>
      </c>
      <c r="D391">
        <f t="shared" si="19"/>
        <v>1.946867000000001</v>
      </c>
      <c r="E391">
        <f t="shared" si="20"/>
        <v>49.32367099999999</v>
      </c>
      <c r="F391">
        <f t="shared" si="18"/>
        <v>2.3954297710596033E-2</v>
      </c>
    </row>
    <row r="392" spans="1:6" x14ac:dyDescent="0.2">
      <c r="A392">
        <v>1057.2435049999999</v>
      </c>
      <c r="B392">
        <v>20.056941999999999</v>
      </c>
      <c r="C392">
        <v>9.1122689999999995</v>
      </c>
      <c r="D392">
        <f t="shared" si="19"/>
        <v>1.9518719999999998</v>
      </c>
      <c r="E392">
        <f t="shared" si="20"/>
        <v>48.932537999999909</v>
      </c>
      <c r="F392">
        <f t="shared" si="18"/>
        <v>2.371217449096364E-2</v>
      </c>
    </row>
    <row r="393" spans="1:6" x14ac:dyDescent="0.2">
      <c r="A393">
        <v>1055.9807490000001</v>
      </c>
      <c r="B393">
        <v>20.07893</v>
      </c>
      <c r="C393">
        <v>9.1172740000000001</v>
      </c>
      <c r="D393">
        <f t="shared" si="19"/>
        <v>1.9568770000000004</v>
      </c>
      <c r="E393">
        <f t="shared" si="20"/>
        <v>47.669782000000055</v>
      </c>
      <c r="F393">
        <f t="shared" si="18"/>
        <v>2.3068727350267357E-2</v>
      </c>
    </row>
    <row r="394" spans="1:6" x14ac:dyDescent="0.2">
      <c r="A394">
        <v>1054.531383</v>
      </c>
      <c r="B394">
        <v>20.081509</v>
      </c>
      <c r="C394">
        <v>9.1222779999999997</v>
      </c>
      <c r="D394">
        <f t="shared" si="19"/>
        <v>1.961881</v>
      </c>
      <c r="E394">
        <f t="shared" si="20"/>
        <v>46.220416</v>
      </c>
      <c r="F394">
        <f t="shared" si="18"/>
        <v>2.2340952221936484E-2</v>
      </c>
    </row>
    <row r="395" spans="1:6" x14ac:dyDescent="0.2">
      <c r="A395">
        <v>1053.060099</v>
      </c>
      <c r="B395">
        <v>20.069617999999998</v>
      </c>
      <c r="C395">
        <v>9.1272830000000003</v>
      </c>
      <c r="D395">
        <f t="shared" si="19"/>
        <v>1.9668860000000006</v>
      </c>
      <c r="E395">
        <f t="shared" si="20"/>
        <v>44.749132000000031</v>
      </c>
      <c r="F395">
        <f t="shared" si="18"/>
        <v>2.1604900432609552E-2</v>
      </c>
    </row>
    <row r="396" spans="1:6" x14ac:dyDescent="0.2">
      <c r="A396">
        <v>1052.2706129999999</v>
      </c>
      <c r="B396">
        <v>20.041191000000001</v>
      </c>
      <c r="C396">
        <v>9.1322880000000008</v>
      </c>
      <c r="D396">
        <f t="shared" si="19"/>
        <v>1.9718910000000012</v>
      </c>
      <c r="E396">
        <f t="shared" si="20"/>
        <v>43.959645999999907</v>
      </c>
      <c r="F396">
        <f t="shared" si="18"/>
        <v>2.1185749833088966E-2</v>
      </c>
    </row>
    <row r="397" spans="1:6" x14ac:dyDescent="0.2">
      <c r="A397">
        <v>1051.220687</v>
      </c>
      <c r="B397">
        <v>20.069472000000001</v>
      </c>
      <c r="C397">
        <v>9.1372929999999997</v>
      </c>
      <c r="D397">
        <f t="shared" si="19"/>
        <v>1.976896</v>
      </c>
      <c r="E397">
        <f t="shared" si="20"/>
        <v>42.909719999999993</v>
      </c>
      <c r="F397">
        <f t="shared" si="18"/>
        <v>2.0647998460980511E-2</v>
      </c>
    </row>
    <row r="398" spans="1:6" x14ac:dyDescent="0.2">
      <c r="A398">
        <v>1050.2081900000001</v>
      </c>
      <c r="B398">
        <v>20.051172000000001</v>
      </c>
      <c r="C398">
        <v>9.1422980000000003</v>
      </c>
      <c r="D398">
        <f t="shared" si="19"/>
        <v>1.9819010000000006</v>
      </c>
      <c r="E398">
        <f t="shared" si="20"/>
        <v>41.897223000000054</v>
      </c>
      <c r="F398">
        <f t="shared" si="18"/>
        <v>2.0129263303998023E-2</v>
      </c>
    </row>
    <row r="399" spans="1:6" x14ac:dyDescent="0.2">
      <c r="A399">
        <v>1049.345883</v>
      </c>
      <c r="B399">
        <v>20.049923</v>
      </c>
      <c r="C399">
        <v>9.1473019999999998</v>
      </c>
      <c r="D399">
        <f t="shared" si="19"/>
        <v>1.9869050000000001</v>
      </c>
      <c r="E399">
        <f t="shared" si="20"/>
        <v>41.034915999999953</v>
      </c>
      <c r="F399">
        <f t="shared" si="18"/>
        <v>1.9681481355441559E-2</v>
      </c>
    </row>
    <row r="400" spans="1:6" x14ac:dyDescent="0.2">
      <c r="A400">
        <v>1048.7419400000001</v>
      </c>
      <c r="B400">
        <v>20.034593000000001</v>
      </c>
      <c r="C400">
        <v>9.1523070000000004</v>
      </c>
      <c r="D400">
        <f t="shared" si="19"/>
        <v>1.9919100000000007</v>
      </c>
      <c r="E400">
        <f t="shared" si="20"/>
        <v>40.430973000000108</v>
      </c>
      <c r="F400">
        <f t="shared" si="18"/>
        <v>1.9354227649722576E-2</v>
      </c>
    </row>
    <row r="401" spans="1:6" x14ac:dyDescent="0.2">
      <c r="A401">
        <v>1048.6751119999999</v>
      </c>
      <c r="B401">
        <v>19.987922000000001</v>
      </c>
      <c r="C401">
        <v>9.1573119999999992</v>
      </c>
      <c r="D401">
        <f t="shared" si="19"/>
        <v>1.9969149999999996</v>
      </c>
      <c r="E401">
        <f t="shared" si="20"/>
        <v>40.364144999999894</v>
      </c>
      <c r="F401">
        <f t="shared" si="18"/>
        <v>1.9275036862271493E-2</v>
      </c>
    </row>
    <row r="402" spans="1:6" ht="15" x14ac:dyDescent="0.25">
      <c r="A402">
        <f>MAX(A2:A401)</f>
        <v>1057.7122079999999</v>
      </c>
      <c r="B402" s="3" t="s">
        <v>16</v>
      </c>
    </row>
    <row r="403" spans="1:6" ht="15" x14ac:dyDescent="0.25">
      <c r="A403">
        <f>MIN(A2:A401)</f>
        <v>1008.310967</v>
      </c>
      <c r="B403" s="3" t="s">
        <v>17</v>
      </c>
    </row>
    <row r="405" spans="1:6" x14ac:dyDescent="0.2">
      <c r="A405" t="s">
        <v>20</v>
      </c>
      <c r="C405" s="14">
        <f>E401/A403</f>
        <v>4.0031444981793889E-2</v>
      </c>
    </row>
  </sheetData>
  <pageMargins left="0.7" right="0.7" top="0.75" bottom="0.75" header="0.3" footer="0.3"/>
  <pageSetup paperSize="9" orientation="portrait" r:id="rId1"/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05"/>
  <sheetViews>
    <sheetView tabSelected="1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  <col min="4" max="4" width="9.5" bestFit="1" customWidth="1"/>
    <col min="5" max="5" width="8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x14ac:dyDescent="0.2">
      <c r="A2">
        <v>2794.9892930000001</v>
      </c>
      <c r="B2">
        <v>19.922089</v>
      </c>
      <c r="C2">
        <v>6.1007360000000004</v>
      </c>
      <c r="D2">
        <f>C2-$C$2</f>
        <v>0</v>
      </c>
      <c r="E2">
        <f>A2-$A$2</f>
        <v>0</v>
      </c>
      <c r="G2">
        <f>(A402-A403)/A402</f>
        <v>7.4968055190154967E-2</v>
      </c>
    </row>
    <row r="3" spans="1:7" ht="15" x14ac:dyDescent="0.25">
      <c r="A3">
        <v>2797.3850219999999</v>
      </c>
      <c r="B3">
        <v>19.947658000000001</v>
      </c>
      <c r="C3">
        <v>6.1057410000000001</v>
      </c>
      <c r="D3">
        <f t="shared" ref="D3:D66" si="0">C3-$C$2</f>
        <v>5.0049999999997041E-3</v>
      </c>
      <c r="E3">
        <f t="shared" ref="E3:E66" si="1">A3-$A$2</f>
        <v>2.3957289999998466</v>
      </c>
      <c r="F3">
        <f t="shared" ref="F3:F66" si="2">(1/A3)*(E3/D3)</f>
        <v>0.17111235282331849</v>
      </c>
      <c r="G3" s="11">
        <f>100*G2</f>
        <v>7.4968055190154965</v>
      </c>
    </row>
    <row r="4" spans="1:7" x14ac:dyDescent="0.2">
      <c r="A4">
        <v>2799.7891530000002</v>
      </c>
      <c r="B4">
        <v>19.919799999999999</v>
      </c>
      <c r="C4">
        <v>6.1107459999999998</v>
      </c>
      <c r="D4">
        <f t="shared" si="0"/>
        <v>1.0009999999999408E-2</v>
      </c>
      <c r="E4">
        <f t="shared" si="1"/>
        <v>4.7998600000000806</v>
      </c>
      <c r="F4">
        <f t="shared" si="2"/>
        <v>0.17126521580838835</v>
      </c>
    </row>
    <row r="5" spans="1:7" x14ac:dyDescent="0.2">
      <c r="A5">
        <v>2801.58547</v>
      </c>
      <c r="B5">
        <v>19.967791999999999</v>
      </c>
      <c r="C5">
        <v>6.1157500000000002</v>
      </c>
      <c r="D5">
        <f t="shared" si="0"/>
        <v>1.5013999999999861E-2</v>
      </c>
      <c r="E5">
        <f t="shared" si="1"/>
        <v>6.5961769999998978</v>
      </c>
      <c r="F5">
        <f t="shared" si="2"/>
        <v>0.15681659258887273</v>
      </c>
    </row>
    <row r="6" spans="1:7" x14ac:dyDescent="0.2">
      <c r="A6">
        <v>2803.6068780000001</v>
      </c>
      <c r="B6">
        <v>19.922013</v>
      </c>
      <c r="C6">
        <v>6.1207549999999999</v>
      </c>
      <c r="D6">
        <f t="shared" si="0"/>
        <v>2.0018999999999565E-2</v>
      </c>
      <c r="E6">
        <f t="shared" si="1"/>
        <v>8.6175849999999627</v>
      </c>
      <c r="F6">
        <f t="shared" si="2"/>
        <v>0.153541606203734</v>
      </c>
    </row>
    <row r="7" spans="1:7" x14ac:dyDescent="0.2">
      <c r="A7">
        <v>2806.3665259999998</v>
      </c>
      <c r="B7">
        <v>19.926112</v>
      </c>
      <c r="C7">
        <v>6.1257599999999996</v>
      </c>
      <c r="D7">
        <f t="shared" si="0"/>
        <v>2.5023999999999269E-2</v>
      </c>
      <c r="E7">
        <f t="shared" si="1"/>
        <v>11.377232999999705</v>
      </c>
      <c r="F7">
        <f t="shared" si="2"/>
        <v>0.16200765261724445</v>
      </c>
    </row>
    <row r="8" spans="1:7" x14ac:dyDescent="0.2">
      <c r="A8">
        <v>2809.595605</v>
      </c>
      <c r="B8">
        <v>19.918913</v>
      </c>
      <c r="C8">
        <v>6.1307650000000002</v>
      </c>
      <c r="D8">
        <f t="shared" si="0"/>
        <v>3.0028999999999861E-2</v>
      </c>
      <c r="E8">
        <f t="shared" si="1"/>
        <v>14.606311999999889</v>
      </c>
      <c r="F8">
        <f t="shared" si="2"/>
        <v>0.1731234461251781</v>
      </c>
    </row>
    <row r="9" spans="1:7" x14ac:dyDescent="0.2">
      <c r="A9">
        <v>2812.9625059999998</v>
      </c>
      <c r="B9">
        <v>19.914328999999999</v>
      </c>
      <c r="C9">
        <v>6.1357699999999999</v>
      </c>
      <c r="D9">
        <f t="shared" si="0"/>
        <v>3.5033999999999565E-2</v>
      </c>
      <c r="E9">
        <f t="shared" si="1"/>
        <v>17.97321299999976</v>
      </c>
      <c r="F9">
        <f t="shared" si="2"/>
        <v>0.18237783336917754</v>
      </c>
    </row>
    <row r="10" spans="1:7" x14ac:dyDescent="0.2">
      <c r="A10">
        <v>2815.7985319999998</v>
      </c>
      <c r="B10">
        <v>19.925438</v>
      </c>
      <c r="C10">
        <v>6.1407740000000004</v>
      </c>
      <c r="D10">
        <f t="shared" si="0"/>
        <v>4.0038000000000018E-2</v>
      </c>
      <c r="E10">
        <f t="shared" si="1"/>
        <v>20.809238999999707</v>
      </c>
      <c r="F10">
        <f t="shared" si="2"/>
        <v>0.18457898131917477</v>
      </c>
    </row>
    <row r="11" spans="1:7" x14ac:dyDescent="0.2">
      <c r="A11">
        <v>2818.4065639999999</v>
      </c>
      <c r="B11">
        <v>19.931668999999999</v>
      </c>
      <c r="C11">
        <v>6.1457790000000001</v>
      </c>
      <c r="D11">
        <f t="shared" si="0"/>
        <v>4.5042999999999722E-2</v>
      </c>
      <c r="E11">
        <f t="shared" si="1"/>
        <v>23.417270999999801</v>
      </c>
      <c r="F11">
        <f t="shared" si="2"/>
        <v>0.18446132850784283</v>
      </c>
    </row>
    <row r="12" spans="1:7" x14ac:dyDescent="0.2">
      <c r="A12">
        <v>2820.8263310000002</v>
      </c>
      <c r="B12">
        <v>19.950507000000002</v>
      </c>
      <c r="C12">
        <v>6.1507839999999998</v>
      </c>
      <c r="D12">
        <f t="shared" si="0"/>
        <v>5.0047999999999426E-2</v>
      </c>
      <c r="E12">
        <f t="shared" si="1"/>
        <v>25.837038000000121</v>
      </c>
      <c r="F12">
        <f t="shared" si="2"/>
        <v>0.18301203408681313</v>
      </c>
    </row>
    <row r="13" spans="1:7" x14ac:dyDescent="0.2">
      <c r="A13">
        <v>2822.5833940000002</v>
      </c>
      <c r="B13">
        <v>19.948162</v>
      </c>
      <c r="C13">
        <v>6.1557890000000004</v>
      </c>
      <c r="D13">
        <f t="shared" si="0"/>
        <v>5.5053000000000019E-2</v>
      </c>
      <c r="E13">
        <f t="shared" si="1"/>
        <v>27.594101000000137</v>
      </c>
      <c r="F13">
        <f t="shared" si="2"/>
        <v>0.17757772077962644</v>
      </c>
    </row>
    <row r="14" spans="1:7" x14ac:dyDescent="0.2">
      <c r="A14">
        <v>2824.3227179999999</v>
      </c>
      <c r="B14">
        <v>19.953026000000001</v>
      </c>
      <c r="C14">
        <v>6.1607940000000001</v>
      </c>
      <c r="D14">
        <f t="shared" si="0"/>
        <v>6.0057999999999723E-2</v>
      </c>
      <c r="E14">
        <f t="shared" si="1"/>
        <v>29.333424999999806</v>
      </c>
      <c r="F14">
        <f t="shared" si="2"/>
        <v>0.1729328861337894</v>
      </c>
    </row>
    <row r="15" spans="1:7" x14ac:dyDescent="0.2">
      <c r="A15">
        <v>2825.8175110000002</v>
      </c>
      <c r="B15">
        <v>19.952217000000001</v>
      </c>
      <c r="C15">
        <v>6.1657979999999997</v>
      </c>
      <c r="D15">
        <f t="shared" si="0"/>
        <v>6.5061999999999287E-2</v>
      </c>
      <c r="E15">
        <f t="shared" si="1"/>
        <v>30.828218000000106</v>
      </c>
      <c r="F15">
        <f t="shared" si="2"/>
        <v>0.16767831459756039</v>
      </c>
    </row>
    <row r="16" spans="1:7" x14ac:dyDescent="0.2">
      <c r="A16">
        <v>2827.3390410000002</v>
      </c>
      <c r="B16">
        <v>19.967569000000001</v>
      </c>
      <c r="C16">
        <v>6.1708030000000003</v>
      </c>
      <c r="D16">
        <f t="shared" si="0"/>
        <v>7.0066999999999879E-2</v>
      </c>
      <c r="E16">
        <f t="shared" si="1"/>
        <v>32.349748000000091</v>
      </c>
      <c r="F16">
        <f t="shared" si="2"/>
        <v>0.16329748223682652</v>
      </c>
    </row>
    <row r="17" spans="1:6" x14ac:dyDescent="0.2">
      <c r="A17">
        <v>2828.3529680000001</v>
      </c>
      <c r="B17">
        <v>19.983557000000001</v>
      </c>
      <c r="C17">
        <v>6.175808</v>
      </c>
      <c r="D17">
        <f t="shared" si="0"/>
        <v>7.5071999999999584E-2</v>
      </c>
      <c r="E17">
        <f t="shared" si="1"/>
        <v>33.363675000000057</v>
      </c>
      <c r="F17">
        <f t="shared" si="2"/>
        <v>0.15713115002541833</v>
      </c>
    </row>
    <row r="18" spans="1:6" x14ac:dyDescent="0.2">
      <c r="A18">
        <v>2829.197259</v>
      </c>
      <c r="B18">
        <v>19.963729000000001</v>
      </c>
      <c r="C18">
        <v>6.1808129999999997</v>
      </c>
      <c r="D18">
        <f t="shared" si="0"/>
        <v>8.0076999999999288E-2</v>
      </c>
      <c r="E18">
        <f t="shared" si="1"/>
        <v>34.207965999999942</v>
      </c>
      <c r="F18">
        <f t="shared" si="2"/>
        <v>0.15099279656098202</v>
      </c>
    </row>
    <row r="19" spans="1:6" x14ac:dyDescent="0.2">
      <c r="A19">
        <v>2829.5050030000002</v>
      </c>
      <c r="B19">
        <v>20.023707000000002</v>
      </c>
      <c r="C19">
        <v>6.1858180000000003</v>
      </c>
      <c r="D19">
        <f t="shared" si="0"/>
        <v>8.508199999999988E-2</v>
      </c>
      <c r="E19">
        <f t="shared" si="1"/>
        <v>34.515710000000126</v>
      </c>
      <c r="F19">
        <f t="shared" si="2"/>
        <v>0.14337342333444084</v>
      </c>
    </row>
    <row r="20" spans="1:6" x14ac:dyDescent="0.2">
      <c r="A20">
        <v>2829.344345</v>
      </c>
      <c r="B20">
        <v>19.997866999999999</v>
      </c>
      <c r="C20">
        <v>6.1908219999999998</v>
      </c>
      <c r="D20">
        <f t="shared" si="0"/>
        <v>9.0085999999999444E-2</v>
      </c>
      <c r="E20">
        <f t="shared" si="1"/>
        <v>34.355051999999887</v>
      </c>
      <c r="F20">
        <f t="shared" si="2"/>
        <v>0.13478684259301307</v>
      </c>
    </row>
    <row r="21" spans="1:6" x14ac:dyDescent="0.2">
      <c r="A21">
        <v>2828.869737</v>
      </c>
      <c r="B21">
        <v>20.010770000000001</v>
      </c>
      <c r="C21">
        <v>6.1958270000000004</v>
      </c>
      <c r="D21">
        <f t="shared" si="0"/>
        <v>9.5091000000000037E-2</v>
      </c>
      <c r="E21">
        <f t="shared" si="1"/>
        <v>33.880443999999898</v>
      </c>
      <c r="F21">
        <f t="shared" si="2"/>
        <v>0.12594958152541011</v>
      </c>
    </row>
    <row r="22" spans="1:6" x14ac:dyDescent="0.2">
      <c r="A22">
        <v>2828.6909430000001</v>
      </c>
      <c r="B22">
        <v>19.993670000000002</v>
      </c>
      <c r="C22">
        <v>6.2008320000000001</v>
      </c>
      <c r="D22">
        <f t="shared" si="0"/>
        <v>0.10009599999999974</v>
      </c>
      <c r="E22">
        <f t="shared" si="1"/>
        <v>33.701649999999972</v>
      </c>
      <c r="F22">
        <f t="shared" si="2"/>
        <v>0.11902794658063226</v>
      </c>
    </row>
    <row r="23" spans="1:6" x14ac:dyDescent="0.2">
      <c r="A23">
        <v>2828.7464340000001</v>
      </c>
      <c r="B23">
        <v>19.985980999999999</v>
      </c>
      <c r="C23">
        <v>6.2058369999999998</v>
      </c>
      <c r="D23">
        <f t="shared" si="0"/>
        <v>0.10510099999999944</v>
      </c>
      <c r="E23">
        <f t="shared" si="1"/>
        <v>33.757141000000047</v>
      </c>
      <c r="F23">
        <f t="shared" si="2"/>
        <v>0.11354415693893269</v>
      </c>
    </row>
    <row r="24" spans="1:6" x14ac:dyDescent="0.2">
      <c r="A24">
        <v>2828.9172469999999</v>
      </c>
      <c r="B24">
        <v>20.002120999999999</v>
      </c>
      <c r="C24">
        <v>6.2108420000000004</v>
      </c>
      <c r="D24">
        <f t="shared" si="0"/>
        <v>0.11010600000000004</v>
      </c>
      <c r="E24">
        <f t="shared" si="1"/>
        <v>33.927953999999772</v>
      </c>
      <c r="F24">
        <f t="shared" si="2"/>
        <v>0.10892471733656506</v>
      </c>
    </row>
    <row r="25" spans="1:6" x14ac:dyDescent="0.2">
      <c r="A25">
        <v>2829.6339459999999</v>
      </c>
      <c r="B25">
        <v>19.983442</v>
      </c>
      <c r="C25">
        <v>6.215846</v>
      </c>
      <c r="D25">
        <f t="shared" si="0"/>
        <v>0.1151099999999996</v>
      </c>
      <c r="E25">
        <f t="shared" si="1"/>
        <v>34.644652999999835</v>
      </c>
      <c r="F25">
        <f t="shared" si="2"/>
        <v>0.10636356984700672</v>
      </c>
    </row>
    <row r="26" spans="1:6" x14ac:dyDescent="0.2">
      <c r="A26">
        <v>2830.7487940000001</v>
      </c>
      <c r="B26">
        <v>19.955697000000001</v>
      </c>
      <c r="C26">
        <v>6.2208509999999997</v>
      </c>
      <c r="D26">
        <f t="shared" si="0"/>
        <v>0.12011499999999931</v>
      </c>
      <c r="E26">
        <f t="shared" si="1"/>
        <v>35.759501</v>
      </c>
      <c r="F26">
        <f t="shared" si="2"/>
        <v>0.10517024201073896</v>
      </c>
    </row>
    <row r="27" spans="1:6" x14ac:dyDescent="0.2">
      <c r="A27">
        <v>2832.2967789999998</v>
      </c>
      <c r="B27">
        <v>19.942613999999999</v>
      </c>
      <c r="C27">
        <v>6.2258560000000003</v>
      </c>
      <c r="D27">
        <f t="shared" si="0"/>
        <v>0.1251199999999999</v>
      </c>
      <c r="E27">
        <f t="shared" si="1"/>
        <v>37.307485999999699</v>
      </c>
      <c r="F27">
        <f t="shared" si="2"/>
        <v>0.10527627031007039</v>
      </c>
    </row>
    <row r="28" spans="1:6" x14ac:dyDescent="0.2">
      <c r="A28">
        <v>2834.318029</v>
      </c>
      <c r="B28">
        <v>19.959745000000002</v>
      </c>
      <c r="C28">
        <v>6.230861</v>
      </c>
      <c r="D28">
        <f t="shared" si="0"/>
        <v>0.1301249999999996</v>
      </c>
      <c r="E28">
        <f t="shared" si="1"/>
        <v>39.328735999999935</v>
      </c>
      <c r="F28">
        <f t="shared" si="2"/>
        <v>0.10663521940286949</v>
      </c>
    </row>
    <row r="29" spans="1:6" x14ac:dyDescent="0.2">
      <c r="A29">
        <v>2835.9766319999999</v>
      </c>
      <c r="B29">
        <v>19.962292999999999</v>
      </c>
      <c r="C29">
        <v>6.2358659999999997</v>
      </c>
      <c r="D29">
        <f t="shared" si="0"/>
        <v>0.13512999999999931</v>
      </c>
      <c r="E29">
        <f t="shared" si="1"/>
        <v>40.987338999999793</v>
      </c>
      <c r="F29">
        <f t="shared" si="2"/>
        <v>0.10695357333174169</v>
      </c>
    </row>
    <row r="30" spans="1:6" x14ac:dyDescent="0.2">
      <c r="A30">
        <v>2837.539542</v>
      </c>
      <c r="B30">
        <v>19.965066</v>
      </c>
      <c r="C30">
        <v>6.2408700000000001</v>
      </c>
      <c r="D30">
        <f t="shared" si="0"/>
        <v>0.14013399999999976</v>
      </c>
      <c r="E30">
        <f t="shared" si="1"/>
        <v>42.550248999999894</v>
      </c>
      <c r="F30">
        <f t="shared" si="2"/>
        <v>0.10700810294033088</v>
      </c>
    </row>
    <row r="31" spans="1:6" x14ac:dyDescent="0.2">
      <c r="A31">
        <v>2839.3478559999999</v>
      </c>
      <c r="B31">
        <v>19.939774</v>
      </c>
      <c r="C31">
        <v>6.2458749999999998</v>
      </c>
      <c r="D31">
        <f t="shared" si="0"/>
        <v>0.14513899999999946</v>
      </c>
      <c r="E31">
        <f t="shared" si="1"/>
        <v>44.358562999999776</v>
      </c>
      <c r="F31">
        <f t="shared" si="2"/>
        <v>0.10764026043204886</v>
      </c>
    </row>
    <row r="32" spans="1:6" x14ac:dyDescent="0.2">
      <c r="A32">
        <v>2841.9642349999999</v>
      </c>
      <c r="B32">
        <v>19.914826000000001</v>
      </c>
      <c r="C32">
        <v>6.2508800000000004</v>
      </c>
      <c r="D32">
        <f t="shared" si="0"/>
        <v>0.15014400000000006</v>
      </c>
      <c r="E32">
        <f t="shared" si="1"/>
        <v>46.974941999999828</v>
      </c>
      <c r="F32">
        <f t="shared" si="2"/>
        <v>0.11008791907208453</v>
      </c>
    </row>
    <row r="33" spans="1:6" x14ac:dyDescent="0.2">
      <c r="A33">
        <v>2845.1172900000001</v>
      </c>
      <c r="B33">
        <v>19.916547000000001</v>
      </c>
      <c r="C33">
        <v>6.2558850000000001</v>
      </c>
      <c r="D33">
        <f t="shared" si="0"/>
        <v>0.15514899999999976</v>
      </c>
      <c r="E33">
        <f t="shared" si="1"/>
        <v>50.12799700000005</v>
      </c>
      <c r="F33">
        <f t="shared" si="2"/>
        <v>0.11356151976096085</v>
      </c>
    </row>
    <row r="34" spans="1:6" x14ac:dyDescent="0.2">
      <c r="A34">
        <v>2848.2136540000001</v>
      </c>
      <c r="B34">
        <v>19.911614</v>
      </c>
      <c r="C34">
        <v>6.2608899999999998</v>
      </c>
      <c r="D34">
        <f t="shared" si="0"/>
        <v>0.16015399999999946</v>
      </c>
      <c r="E34">
        <f t="shared" si="1"/>
        <v>53.224361000000044</v>
      </c>
      <c r="F34">
        <f t="shared" si="2"/>
        <v>0.11668098910397277</v>
      </c>
    </row>
    <row r="35" spans="1:6" x14ac:dyDescent="0.2">
      <c r="A35">
        <v>2851.1941790000001</v>
      </c>
      <c r="B35">
        <v>19.932714000000001</v>
      </c>
      <c r="C35">
        <v>6.2658940000000003</v>
      </c>
      <c r="D35">
        <f t="shared" si="0"/>
        <v>0.16515799999999992</v>
      </c>
      <c r="E35">
        <f t="shared" si="1"/>
        <v>56.204885999999988</v>
      </c>
      <c r="F35">
        <f t="shared" si="2"/>
        <v>0.11935693570747437</v>
      </c>
    </row>
    <row r="36" spans="1:6" x14ac:dyDescent="0.2">
      <c r="A36">
        <v>2853.5694530000001</v>
      </c>
      <c r="B36">
        <v>19.948813999999999</v>
      </c>
      <c r="C36">
        <v>6.270899</v>
      </c>
      <c r="D36">
        <f t="shared" si="0"/>
        <v>0.17016299999999962</v>
      </c>
      <c r="E36">
        <f t="shared" si="1"/>
        <v>58.580159999999978</v>
      </c>
      <c r="F36">
        <f t="shared" si="2"/>
        <v>0.12064156784069838</v>
      </c>
    </row>
    <row r="37" spans="1:6" x14ac:dyDescent="0.2">
      <c r="A37">
        <v>2855.4906769999998</v>
      </c>
      <c r="B37">
        <v>19.966949</v>
      </c>
      <c r="C37">
        <v>6.2759039999999997</v>
      </c>
      <c r="D37">
        <f t="shared" si="0"/>
        <v>0.17516799999999932</v>
      </c>
      <c r="E37">
        <f t="shared" si="1"/>
        <v>60.501383999999689</v>
      </c>
      <c r="F37">
        <f t="shared" si="2"/>
        <v>0.12095666151992635</v>
      </c>
    </row>
    <row r="38" spans="1:6" x14ac:dyDescent="0.2">
      <c r="A38">
        <v>2856.70984</v>
      </c>
      <c r="B38">
        <v>19.955397000000001</v>
      </c>
      <c r="C38">
        <v>6.2809090000000003</v>
      </c>
      <c r="D38">
        <f t="shared" si="0"/>
        <v>0.18017299999999992</v>
      </c>
      <c r="E38">
        <f t="shared" si="1"/>
        <v>61.720546999999897</v>
      </c>
      <c r="F38">
        <f t="shared" si="2"/>
        <v>0.11991511429563861</v>
      </c>
    </row>
    <row r="39" spans="1:6" x14ac:dyDescent="0.2">
      <c r="A39">
        <v>2857.1530739999998</v>
      </c>
      <c r="B39">
        <v>20.005661</v>
      </c>
      <c r="C39">
        <v>6.285914</v>
      </c>
      <c r="D39">
        <f t="shared" si="0"/>
        <v>0.18517799999999962</v>
      </c>
      <c r="E39">
        <f t="shared" si="1"/>
        <v>62.163780999999744</v>
      </c>
      <c r="F39">
        <f t="shared" si="2"/>
        <v>0.1174936847156012</v>
      </c>
    </row>
    <row r="40" spans="1:6" x14ac:dyDescent="0.2">
      <c r="A40">
        <v>2856.9600110000001</v>
      </c>
      <c r="B40">
        <v>20.025496</v>
      </c>
      <c r="C40">
        <v>6.2909179999999996</v>
      </c>
      <c r="D40">
        <f t="shared" si="0"/>
        <v>0.19018199999999919</v>
      </c>
      <c r="E40">
        <f t="shared" si="1"/>
        <v>61.970718000000033</v>
      </c>
      <c r="F40">
        <f t="shared" si="2"/>
        <v>0.11405463950013132</v>
      </c>
    </row>
    <row r="41" spans="1:6" x14ac:dyDescent="0.2">
      <c r="A41">
        <v>2856.0038439999998</v>
      </c>
      <c r="B41">
        <v>20.017627000000001</v>
      </c>
      <c r="C41">
        <v>6.2959230000000002</v>
      </c>
      <c r="D41">
        <f t="shared" si="0"/>
        <v>0.19518699999999978</v>
      </c>
      <c r="E41">
        <f t="shared" si="1"/>
        <v>61.014550999999756</v>
      </c>
      <c r="F41">
        <f t="shared" si="2"/>
        <v>0.10945201038604076</v>
      </c>
    </row>
    <row r="42" spans="1:6" x14ac:dyDescent="0.2">
      <c r="A42">
        <v>2855.134689</v>
      </c>
      <c r="B42">
        <v>20.016511999999999</v>
      </c>
      <c r="C42">
        <v>6.3009279999999999</v>
      </c>
      <c r="D42">
        <f t="shared" si="0"/>
        <v>0.20019199999999948</v>
      </c>
      <c r="E42">
        <f t="shared" si="1"/>
        <v>60.145395999999892</v>
      </c>
      <c r="F42">
        <f t="shared" si="2"/>
        <v>0.10522745569267826</v>
      </c>
    </row>
    <row r="43" spans="1:6" x14ac:dyDescent="0.2">
      <c r="A43">
        <v>2853.7275460000001</v>
      </c>
      <c r="B43">
        <v>20.041011999999998</v>
      </c>
      <c r="C43">
        <v>6.3059329999999996</v>
      </c>
      <c r="D43">
        <f t="shared" si="0"/>
        <v>0.20519699999999919</v>
      </c>
      <c r="E43">
        <f t="shared" si="1"/>
        <v>58.738252999999986</v>
      </c>
      <c r="F43">
        <f t="shared" si="2"/>
        <v>0.10030844804460666</v>
      </c>
    </row>
    <row r="44" spans="1:6" x14ac:dyDescent="0.2">
      <c r="A44">
        <v>2852.2925209999999</v>
      </c>
      <c r="B44">
        <v>20.034462999999999</v>
      </c>
      <c r="C44">
        <v>6.3109380000000002</v>
      </c>
      <c r="D44">
        <f t="shared" si="0"/>
        <v>0.21020199999999978</v>
      </c>
      <c r="E44">
        <f t="shared" si="1"/>
        <v>57.303227999999763</v>
      </c>
      <c r="F44">
        <f t="shared" si="2"/>
        <v>9.5575852456696683E-2</v>
      </c>
    </row>
    <row r="45" spans="1:6" x14ac:dyDescent="0.2">
      <c r="A45">
        <v>2850.4282109999999</v>
      </c>
      <c r="B45">
        <v>20.047685999999999</v>
      </c>
      <c r="C45">
        <v>6.3159419999999997</v>
      </c>
      <c r="D45">
        <f t="shared" si="0"/>
        <v>0.21520599999999934</v>
      </c>
      <c r="E45">
        <f t="shared" si="1"/>
        <v>55.43891799999983</v>
      </c>
      <c r="F45">
        <f t="shared" si="2"/>
        <v>9.0375406253900406E-2</v>
      </c>
    </row>
    <row r="46" spans="1:6" x14ac:dyDescent="0.2">
      <c r="A46">
        <v>2848.5529160000001</v>
      </c>
      <c r="B46">
        <v>20.044328</v>
      </c>
      <c r="C46">
        <v>6.3209470000000003</v>
      </c>
      <c r="D46">
        <f t="shared" si="0"/>
        <v>0.22021099999999993</v>
      </c>
      <c r="E46">
        <f t="shared" si="1"/>
        <v>53.563623000000007</v>
      </c>
      <c r="F46">
        <f t="shared" si="2"/>
        <v>8.5389927347969741E-2</v>
      </c>
    </row>
    <row r="47" spans="1:6" x14ac:dyDescent="0.2">
      <c r="A47">
        <v>2847.3030589999998</v>
      </c>
      <c r="B47">
        <v>20.004318000000001</v>
      </c>
      <c r="C47">
        <v>6.325952</v>
      </c>
      <c r="D47">
        <f t="shared" si="0"/>
        <v>0.22521599999999964</v>
      </c>
      <c r="E47">
        <f t="shared" si="1"/>
        <v>52.31376599999976</v>
      </c>
      <c r="F47">
        <f t="shared" si="2"/>
        <v>8.1579877703050904E-2</v>
      </c>
    </row>
    <row r="48" spans="1:6" x14ac:dyDescent="0.2">
      <c r="A48">
        <v>2846.6831560000001</v>
      </c>
      <c r="B48">
        <v>20.010822999999998</v>
      </c>
      <c r="C48">
        <v>6.3309569999999997</v>
      </c>
      <c r="D48">
        <f t="shared" si="0"/>
        <v>0.23022099999999934</v>
      </c>
      <c r="E48">
        <f t="shared" si="1"/>
        <v>51.693862999999965</v>
      </c>
      <c r="F48">
        <f t="shared" si="2"/>
        <v>7.8877823756390977E-2</v>
      </c>
    </row>
    <row r="49" spans="1:6" x14ac:dyDescent="0.2">
      <c r="A49">
        <v>2846.9840159999999</v>
      </c>
      <c r="B49">
        <v>19.989014000000001</v>
      </c>
      <c r="C49">
        <v>6.3359620000000003</v>
      </c>
      <c r="D49">
        <f t="shared" si="0"/>
        <v>0.23522599999999994</v>
      </c>
      <c r="E49">
        <f t="shared" si="1"/>
        <v>51.994722999999794</v>
      </c>
      <c r="F49">
        <f t="shared" si="2"/>
        <v>7.7640606002917265E-2</v>
      </c>
    </row>
    <row r="50" spans="1:6" x14ac:dyDescent="0.2">
      <c r="A50">
        <v>2847.8106039999998</v>
      </c>
      <c r="B50">
        <v>19.962430999999999</v>
      </c>
      <c r="C50">
        <v>6.3409659999999999</v>
      </c>
      <c r="D50">
        <f t="shared" si="0"/>
        <v>0.2402299999999995</v>
      </c>
      <c r="E50">
        <f t="shared" si="1"/>
        <v>52.821310999999696</v>
      </c>
      <c r="F50">
        <f t="shared" si="2"/>
        <v>7.7209516332228348E-2</v>
      </c>
    </row>
    <row r="51" spans="1:6" x14ac:dyDescent="0.2">
      <c r="A51">
        <v>2849.4897329999999</v>
      </c>
      <c r="B51">
        <v>19.945063000000001</v>
      </c>
      <c r="C51">
        <v>6.3459709999999996</v>
      </c>
      <c r="D51">
        <f t="shared" si="0"/>
        <v>0.2452349999999992</v>
      </c>
      <c r="E51">
        <f t="shared" si="1"/>
        <v>54.500439999999799</v>
      </c>
      <c r="F51">
        <f t="shared" si="2"/>
        <v>7.7992072142057778E-2</v>
      </c>
    </row>
    <row r="52" spans="1:6" x14ac:dyDescent="0.2">
      <c r="A52">
        <v>2851.8067940000001</v>
      </c>
      <c r="B52">
        <v>19.934066999999999</v>
      </c>
      <c r="C52">
        <v>6.3509760000000002</v>
      </c>
      <c r="D52">
        <f t="shared" si="0"/>
        <v>0.2502399999999998</v>
      </c>
      <c r="E52">
        <f t="shared" si="1"/>
        <v>56.817500999999993</v>
      </c>
      <c r="F52">
        <f t="shared" si="2"/>
        <v>7.961690621013183E-2</v>
      </c>
    </row>
    <row r="53" spans="1:6" x14ac:dyDescent="0.2">
      <c r="A53">
        <v>2854.3483070000002</v>
      </c>
      <c r="B53">
        <v>19.927268000000002</v>
      </c>
      <c r="C53">
        <v>6.3559809999999999</v>
      </c>
      <c r="D53">
        <f t="shared" si="0"/>
        <v>0.2552449999999995</v>
      </c>
      <c r="E53">
        <f t="shared" si="1"/>
        <v>59.359014000000116</v>
      </c>
      <c r="F53">
        <f t="shared" si="2"/>
        <v>8.1474643217617368E-2</v>
      </c>
    </row>
    <row r="54" spans="1:6" x14ac:dyDescent="0.2">
      <c r="A54">
        <v>2857.7045910000002</v>
      </c>
      <c r="B54">
        <v>19.916544999999999</v>
      </c>
      <c r="C54">
        <v>6.3609859999999996</v>
      </c>
      <c r="D54">
        <f t="shared" si="0"/>
        <v>0.2602499999999992</v>
      </c>
      <c r="E54">
        <f t="shared" si="1"/>
        <v>62.715298000000075</v>
      </c>
      <c r="F54">
        <f t="shared" si="2"/>
        <v>8.4326761030903211E-2</v>
      </c>
    </row>
    <row r="55" spans="1:6" x14ac:dyDescent="0.2">
      <c r="A55">
        <v>2861.2684199999999</v>
      </c>
      <c r="B55">
        <v>19.899577000000001</v>
      </c>
      <c r="C55">
        <v>6.36599</v>
      </c>
      <c r="D55">
        <f t="shared" si="0"/>
        <v>0.26525399999999966</v>
      </c>
      <c r="E55">
        <f t="shared" si="1"/>
        <v>66.279126999999789</v>
      </c>
      <c r="F55">
        <f t="shared" si="2"/>
        <v>8.7328547376291088E-2</v>
      </c>
    </row>
    <row r="56" spans="1:6" x14ac:dyDescent="0.2">
      <c r="A56">
        <v>2864.5383510000001</v>
      </c>
      <c r="B56">
        <v>19.933536</v>
      </c>
      <c r="C56">
        <v>6.3709949999999997</v>
      </c>
      <c r="D56">
        <f t="shared" si="0"/>
        <v>0.27025899999999936</v>
      </c>
      <c r="E56">
        <f t="shared" si="1"/>
        <v>69.549058000000059</v>
      </c>
      <c r="F56">
        <f t="shared" si="2"/>
        <v>8.9837249231385669E-2</v>
      </c>
    </row>
    <row r="57" spans="1:6" x14ac:dyDescent="0.2">
      <c r="A57">
        <v>2867.2827040000002</v>
      </c>
      <c r="B57">
        <v>19.912469000000002</v>
      </c>
      <c r="C57">
        <v>6.3760000000000003</v>
      </c>
      <c r="D57">
        <f t="shared" si="0"/>
        <v>0.27526399999999995</v>
      </c>
      <c r="E57">
        <f t="shared" si="1"/>
        <v>72.293411000000106</v>
      </c>
      <c r="F57">
        <f t="shared" si="2"/>
        <v>9.1596480130685567E-2</v>
      </c>
    </row>
    <row r="58" spans="1:6" x14ac:dyDescent="0.2">
      <c r="A58">
        <v>2870.1915939999999</v>
      </c>
      <c r="B58">
        <v>19.918838000000001</v>
      </c>
      <c r="C58">
        <v>6.381005</v>
      </c>
      <c r="D58">
        <f t="shared" si="0"/>
        <v>0.28026899999999966</v>
      </c>
      <c r="E58">
        <f t="shared" si="1"/>
        <v>75.202300999999807</v>
      </c>
      <c r="F58">
        <f t="shared" si="2"/>
        <v>9.348569842510232E-2</v>
      </c>
    </row>
    <row r="59" spans="1:6" x14ac:dyDescent="0.2">
      <c r="A59">
        <v>2873.2169779999999</v>
      </c>
      <c r="B59">
        <v>19.953144999999999</v>
      </c>
      <c r="C59">
        <v>6.3860099999999997</v>
      </c>
      <c r="D59">
        <f t="shared" si="0"/>
        <v>0.28527399999999936</v>
      </c>
      <c r="E59">
        <f t="shared" si="1"/>
        <v>78.227684999999838</v>
      </c>
      <c r="F59">
        <f t="shared" si="2"/>
        <v>9.5439875165185692E-2</v>
      </c>
    </row>
    <row r="60" spans="1:6" x14ac:dyDescent="0.2">
      <c r="A60">
        <v>2876.2212679999998</v>
      </c>
      <c r="B60">
        <v>19.919017</v>
      </c>
      <c r="C60">
        <v>6.3910140000000002</v>
      </c>
      <c r="D60">
        <f t="shared" si="0"/>
        <v>0.29027799999999981</v>
      </c>
      <c r="E60">
        <f t="shared" si="1"/>
        <v>81.231974999999693</v>
      </c>
      <c r="F60">
        <f t="shared" si="2"/>
        <v>9.7295016696611031E-2</v>
      </c>
    </row>
    <row r="61" spans="1:6" x14ac:dyDescent="0.2">
      <c r="A61">
        <v>2878.372386</v>
      </c>
      <c r="B61">
        <v>19.970068000000001</v>
      </c>
      <c r="C61">
        <v>6.3960189999999999</v>
      </c>
      <c r="D61">
        <f t="shared" si="0"/>
        <v>0.29528299999999952</v>
      </c>
      <c r="E61">
        <f t="shared" si="1"/>
        <v>83.383092999999917</v>
      </c>
      <c r="F61">
        <f t="shared" si="2"/>
        <v>9.8105324054990783E-2</v>
      </c>
    </row>
    <row r="62" spans="1:6" x14ac:dyDescent="0.2">
      <c r="A62">
        <v>2879.7581019999998</v>
      </c>
      <c r="B62">
        <v>19.967328999999999</v>
      </c>
      <c r="C62">
        <v>6.4010239999999996</v>
      </c>
      <c r="D62">
        <f t="shared" si="0"/>
        <v>0.30028799999999922</v>
      </c>
      <c r="E62">
        <f t="shared" si="1"/>
        <v>84.768808999999692</v>
      </c>
      <c r="F62">
        <f t="shared" si="2"/>
        <v>9.8026183672108316E-2</v>
      </c>
    </row>
    <row r="63" spans="1:6" x14ac:dyDescent="0.2">
      <c r="A63">
        <v>2880.343973</v>
      </c>
      <c r="B63">
        <v>19.983823000000001</v>
      </c>
      <c r="C63">
        <v>6.4060290000000002</v>
      </c>
      <c r="D63">
        <f t="shared" si="0"/>
        <v>0.30529299999999981</v>
      </c>
      <c r="E63">
        <f t="shared" si="1"/>
        <v>85.354679999999917</v>
      </c>
      <c r="F63">
        <f t="shared" si="2"/>
        <v>9.7065777424477973E-2</v>
      </c>
    </row>
    <row r="64" spans="1:6" x14ac:dyDescent="0.2">
      <c r="A64">
        <v>2880.615225</v>
      </c>
      <c r="B64">
        <v>19.991440000000001</v>
      </c>
      <c r="C64">
        <v>6.4110339999999999</v>
      </c>
      <c r="D64">
        <f t="shared" si="0"/>
        <v>0.31029799999999952</v>
      </c>
      <c r="E64">
        <f t="shared" si="1"/>
        <v>85.625931999999921</v>
      </c>
      <c r="F64">
        <f t="shared" si="2"/>
        <v>9.5794612169428611E-2</v>
      </c>
    </row>
    <row r="65" spans="1:6" x14ac:dyDescent="0.2">
      <c r="A65">
        <v>2879.9865749999999</v>
      </c>
      <c r="B65">
        <v>20.031554</v>
      </c>
      <c r="C65">
        <v>6.4160380000000004</v>
      </c>
      <c r="D65">
        <f t="shared" si="0"/>
        <v>0.31530199999999997</v>
      </c>
      <c r="E65">
        <f t="shared" si="1"/>
        <v>84.997281999999814</v>
      </c>
      <c r="F65">
        <f t="shared" si="2"/>
        <v>9.3602586450115072E-2</v>
      </c>
    </row>
    <row r="66" spans="1:6" x14ac:dyDescent="0.2">
      <c r="A66">
        <v>2878.6570660000002</v>
      </c>
      <c r="B66">
        <v>20.033432999999999</v>
      </c>
      <c r="C66">
        <v>6.4210430000000001</v>
      </c>
      <c r="D66">
        <f t="shared" si="0"/>
        <v>0.32030699999999968</v>
      </c>
      <c r="E66">
        <f t="shared" si="1"/>
        <v>83.667773000000125</v>
      </c>
      <c r="F66">
        <f t="shared" si="2"/>
        <v>9.0740642302858512E-2</v>
      </c>
    </row>
    <row r="67" spans="1:6" x14ac:dyDescent="0.2">
      <c r="A67">
        <v>2877.4110540000001</v>
      </c>
      <c r="B67">
        <v>20.030173999999999</v>
      </c>
      <c r="C67">
        <v>6.4260479999999998</v>
      </c>
      <c r="D67">
        <f t="shared" ref="D67:D130" si="3">C67-$C$2</f>
        <v>0.32531199999999938</v>
      </c>
      <c r="E67">
        <f t="shared" ref="E67:E130" si="4">A67-$A$2</f>
        <v>82.42176100000006</v>
      </c>
      <c r="F67">
        <f t="shared" ref="F67:F130" si="5">(1/A67)*(E67/D67)</f>
        <v>8.8052136453080798E-2</v>
      </c>
    </row>
    <row r="68" spans="1:6" x14ac:dyDescent="0.2">
      <c r="A68">
        <v>2876.731749</v>
      </c>
      <c r="B68">
        <v>20.012577</v>
      </c>
      <c r="C68">
        <v>6.4310530000000004</v>
      </c>
      <c r="D68">
        <f t="shared" si="3"/>
        <v>0.33031699999999997</v>
      </c>
      <c r="E68">
        <f t="shared" si="4"/>
        <v>81.742455999999947</v>
      </c>
      <c r="F68">
        <f t="shared" si="5"/>
        <v>8.602355579419961E-2</v>
      </c>
    </row>
    <row r="69" spans="1:6" x14ac:dyDescent="0.2">
      <c r="A69">
        <v>2876.1252439999998</v>
      </c>
      <c r="B69">
        <v>20.015585999999999</v>
      </c>
      <c r="C69">
        <v>6.4360580000000001</v>
      </c>
      <c r="D69">
        <f t="shared" si="3"/>
        <v>0.33532199999999968</v>
      </c>
      <c r="E69">
        <f t="shared" si="4"/>
        <v>81.13595099999975</v>
      </c>
      <c r="F69">
        <f t="shared" si="5"/>
        <v>8.4128566558996851E-2</v>
      </c>
    </row>
    <row r="70" spans="1:6" x14ac:dyDescent="0.2">
      <c r="A70">
        <v>2875.5293849999998</v>
      </c>
      <c r="B70">
        <v>20.013403</v>
      </c>
      <c r="C70">
        <v>6.4410619999999996</v>
      </c>
      <c r="D70">
        <f t="shared" si="3"/>
        <v>0.34032599999999924</v>
      </c>
      <c r="E70">
        <f t="shared" si="4"/>
        <v>80.540091999999731</v>
      </c>
      <c r="F70">
        <f t="shared" si="5"/>
        <v>8.2299876223984894E-2</v>
      </c>
    </row>
    <row r="71" spans="1:6" x14ac:dyDescent="0.2">
      <c r="A71">
        <v>2875.3458609999998</v>
      </c>
      <c r="B71">
        <v>19.998123</v>
      </c>
      <c r="C71">
        <v>6.4460670000000002</v>
      </c>
      <c r="D71">
        <f t="shared" si="3"/>
        <v>0.34533099999999983</v>
      </c>
      <c r="E71">
        <f t="shared" si="4"/>
        <v>80.356567999999697</v>
      </c>
      <c r="F71">
        <f t="shared" si="5"/>
        <v>8.0927425077436888E-2</v>
      </c>
    </row>
    <row r="72" spans="1:6" x14ac:dyDescent="0.2">
      <c r="A72">
        <v>2875.6014289999998</v>
      </c>
      <c r="B72">
        <v>19.978455</v>
      </c>
      <c r="C72">
        <v>6.4510719999999999</v>
      </c>
      <c r="D72">
        <f t="shared" si="3"/>
        <v>0.35033599999999954</v>
      </c>
      <c r="E72">
        <f t="shared" si="4"/>
        <v>80.612135999999737</v>
      </c>
      <c r="F72">
        <f t="shared" si="5"/>
        <v>8.0017867127750816E-2</v>
      </c>
    </row>
    <row r="73" spans="1:6" x14ac:dyDescent="0.2">
      <c r="A73">
        <v>2876.3432819999998</v>
      </c>
      <c r="B73">
        <v>19.979509</v>
      </c>
      <c r="C73">
        <v>6.4560769999999996</v>
      </c>
      <c r="D73">
        <f t="shared" si="3"/>
        <v>0.35534099999999924</v>
      </c>
      <c r="E73">
        <f t="shared" si="4"/>
        <v>81.353988999999729</v>
      </c>
      <c r="F73">
        <f t="shared" si="5"/>
        <v>7.9596288192460174E-2</v>
      </c>
    </row>
    <row r="74" spans="1:6" x14ac:dyDescent="0.2">
      <c r="A74">
        <v>2877.4226859999999</v>
      </c>
      <c r="B74">
        <v>19.952759</v>
      </c>
      <c r="C74">
        <v>6.4610820000000002</v>
      </c>
      <c r="D74">
        <f t="shared" si="3"/>
        <v>0.36034599999999983</v>
      </c>
      <c r="E74">
        <f t="shared" si="4"/>
        <v>82.433392999999796</v>
      </c>
      <c r="F74">
        <f t="shared" si="5"/>
        <v>7.9502320894679152E-2</v>
      </c>
    </row>
    <row r="75" spans="1:6" x14ac:dyDescent="0.2">
      <c r="A75">
        <v>2879.0982389999999</v>
      </c>
      <c r="B75">
        <v>19.948395999999999</v>
      </c>
      <c r="C75">
        <v>6.4660859999999998</v>
      </c>
      <c r="D75">
        <f t="shared" si="3"/>
        <v>0.3653499999999994</v>
      </c>
      <c r="E75">
        <f t="shared" si="4"/>
        <v>84.108945999999833</v>
      </c>
      <c r="F75">
        <f t="shared" si="5"/>
        <v>7.9960701423352168E-2</v>
      </c>
    </row>
    <row r="76" spans="1:6" x14ac:dyDescent="0.2">
      <c r="A76">
        <v>2881.0730600000002</v>
      </c>
      <c r="B76">
        <v>19.950171999999998</v>
      </c>
      <c r="C76">
        <v>6.4710910000000004</v>
      </c>
      <c r="D76">
        <f t="shared" si="3"/>
        <v>0.37035499999999999</v>
      </c>
      <c r="E76">
        <f t="shared" si="4"/>
        <v>86.08376700000008</v>
      </c>
      <c r="F76">
        <f t="shared" si="5"/>
        <v>8.0676821498724918E-2</v>
      </c>
    </row>
    <row r="77" spans="1:6" x14ac:dyDescent="0.2">
      <c r="A77">
        <v>2882.6820189999999</v>
      </c>
      <c r="B77">
        <v>19.962951</v>
      </c>
      <c r="C77">
        <v>6.4760960000000001</v>
      </c>
      <c r="D77">
        <f t="shared" si="3"/>
        <v>0.37535999999999969</v>
      </c>
      <c r="E77">
        <f t="shared" si="4"/>
        <v>87.692725999999766</v>
      </c>
      <c r="F77">
        <f t="shared" si="5"/>
        <v>8.1043621780651776E-2</v>
      </c>
    </row>
    <row r="78" spans="1:6" x14ac:dyDescent="0.2">
      <c r="A78">
        <v>2884.407592</v>
      </c>
      <c r="B78">
        <v>19.955189000000001</v>
      </c>
      <c r="C78">
        <v>6.4811009999999998</v>
      </c>
      <c r="D78">
        <f t="shared" si="3"/>
        <v>0.3803649999999994</v>
      </c>
      <c r="E78">
        <f t="shared" si="4"/>
        <v>89.418298999999934</v>
      </c>
      <c r="F78">
        <f t="shared" si="5"/>
        <v>8.1502180202843041E-2</v>
      </c>
    </row>
    <row r="79" spans="1:6" x14ac:dyDescent="0.2">
      <c r="A79">
        <v>2885.94364</v>
      </c>
      <c r="B79">
        <v>19.991378000000001</v>
      </c>
      <c r="C79">
        <v>6.4861060000000004</v>
      </c>
      <c r="D79">
        <f t="shared" si="3"/>
        <v>0.38536999999999999</v>
      </c>
      <c r="E79">
        <f t="shared" si="4"/>
        <v>90.954346999999871</v>
      </c>
      <c r="F79">
        <f t="shared" si="5"/>
        <v>8.1781997109292015E-2</v>
      </c>
    </row>
    <row r="80" spans="1:6" x14ac:dyDescent="0.2">
      <c r="A80">
        <v>2887.207789</v>
      </c>
      <c r="B80">
        <v>19.942335</v>
      </c>
      <c r="C80">
        <v>6.4911099999999999</v>
      </c>
      <c r="D80">
        <f t="shared" si="3"/>
        <v>0.39037399999999955</v>
      </c>
      <c r="E80">
        <f t="shared" si="4"/>
        <v>92.218495999999959</v>
      </c>
      <c r="F80">
        <f t="shared" si="5"/>
        <v>8.1819931126158471E-2</v>
      </c>
    </row>
    <row r="81" spans="1:6" x14ac:dyDescent="0.2">
      <c r="A81">
        <v>2888.6033040000002</v>
      </c>
      <c r="B81">
        <v>19.958138000000002</v>
      </c>
      <c r="C81">
        <v>6.4961149999999996</v>
      </c>
      <c r="D81">
        <f t="shared" si="3"/>
        <v>0.39537899999999926</v>
      </c>
      <c r="E81">
        <f t="shared" si="4"/>
        <v>93.614011000000119</v>
      </c>
      <c r="F81">
        <f t="shared" si="5"/>
        <v>8.1967058700808698E-2</v>
      </c>
    </row>
    <row r="82" spans="1:6" x14ac:dyDescent="0.2">
      <c r="A82">
        <v>2890.4281660000001</v>
      </c>
      <c r="B82">
        <v>19.929171</v>
      </c>
      <c r="C82">
        <v>6.5011200000000002</v>
      </c>
      <c r="D82">
        <f t="shared" si="3"/>
        <v>0.40038399999999985</v>
      </c>
      <c r="E82">
        <f t="shared" si="4"/>
        <v>95.438873000000058</v>
      </c>
      <c r="F82">
        <f t="shared" si="5"/>
        <v>8.2468179520594445E-2</v>
      </c>
    </row>
    <row r="83" spans="1:6" x14ac:dyDescent="0.2">
      <c r="A83">
        <v>2892.544312</v>
      </c>
      <c r="B83">
        <v>19.949977000000001</v>
      </c>
      <c r="C83">
        <v>6.5061249999999999</v>
      </c>
      <c r="D83">
        <f t="shared" si="3"/>
        <v>0.40538899999999956</v>
      </c>
      <c r="E83">
        <f t="shared" si="4"/>
        <v>97.555018999999902</v>
      </c>
      <c r="F83">
        <f t="shared" si="5"/>
        <v>8.3195078690504173E-2</v>
      </c>
    </row>
    <row r="84" spans="1:6" x14ac:dyDescent="0.2">
      <c r="A84">
        <v>2894.428942</v>
      </c>
      <c r="B84">
        <v>19.956862000000001</v>
      </c>
      <c r="C84">
        <v>6.5111299999999996</v>
      </c>
      <c r="D84">
        <f t="shared" si="3"/>
        <v>0.41039399999999926</v>
      </c>
      <c r="E84">
        <f t="shared" si="4"/>
        <v>99.439648999999918</v>
      </c>
      <c r="F84">
        <f t="shared" si="5"/>
        <v>8.3713536232465274E-2</v>
      </c>
    </row>
    <row r="85" spans="1:6" x14ac:dyDescent="0.2">
      <c r="A85">
        <v>2896.0816620000001</v>
      </c>
      <c r="B85">
        <v>19.949601999999999</v>
      </c>
      <c r="C85">
        <v>6.5161340000000001</v>
      </c>
      <c r="D85">
        <f t="shared" si="3"/>
        <v>0.41539799999999971</v>
      </c>
      <c r="E85">
        <f t="shared" si="4"/>
        <v>101.09236899999996</v>
      </c>
      <c r="F85">
        <f t="shared" si="5"/>
        <v>8.4031703756814666E-2</v>
      </c>
    </row>
    <row r="86" spans="1:6" x14ac:dyDescent="0.2">
      <c r="A86">
        <v>2898.3727020000001</v>
      </c>
      <c r="B86">
        <v>19.950855000000001</v>
      </c>
      <c r="C86">
        <v>6.5211389999999998</v>
      </c>
      <c r="D86">
        <f t="shared" si="3"/>
        <v>0.42040299999999942</v>
      </c>
      <c r="E86">
        <f t="shared" si="4"/>
        <v>103.38340900000003</v>
      </c>
      <c r="F86">
        <f t="shared" si="5"/>
        <v>8.4845890361242848E-2</v>
      </c>
    </row>
    <row r="87" spans="1:6" x14ac:dyDescent="0.2">
      <c r="A87">
        <v>2899.9544780000001</v>
      </c>
      <c r="B87">
        <v>19.967942000000001</v>
      </c>
      <c r="C87">
        <v>6.5261440000000004</v>
      </c>
      <c r="D87">
        <f t="shared" si="3"/>
        <v>0.42540800000000001</v>
      </c>
      <c r="E87">
        <f t="shared" si="4"/>
        <v>104.96518500000002</v>
      </c>
      <c r="F87">
        <f t="shared" si="5"/>
        <v>8.5084106430005343E-2</v>
      </c>
    </row>
    <row r="88" spans="1:6" x14ac:dyDescent="0.2">
      <c r="A88">
        <v>2900.4938400000001</v>
      </c>
      <c r="B88">
        <v>20.000972999999998</v>
      </c>
      <c r="C88">
        <v>6.5311490000000001</v>
      </c>
      <c r="D88">
        <f t="shared" si="3"/>
        <v>0.43041299999999971</v>
      </c>
      <c r="E88">
        <f t="shared" si="4"/>
        <v>105.504547</v>
      </c>
      <c r="F88">
        <f t="shared" si="5"/>
        <v>8.4511118491912021E-2</v>
      </c>
    </row>
    <row r="89" spans="1:6" x14ac:dyDescent="0.2">
      <c r="A89">
        <v>2900.5871510000002</v>
      </c>
      <c r="B89">
        <v>19.986554999999999</v>
      </c>
      <c r="C89">
        <v>6.5361539999999998</v>
      </c>
      <c r="D89">
        <f t="shared" si="3"/>
        <v>0.43541799999999942</v>
      </c>
      <c r="E89">
        <f t="shared" si="4"/>
        <v>105.59785800000009</v>
      </c>
      <c r="F89">
        <f t="shared" si="5"/>
        <v>8.3610883276873132E-2</v>
      </c>
    </row>
    <row r="90" spans="1:6" x14ac:dyDescent="0.2">
      <c r="A90">
        <v>2900.7237100000002</v>
      </c>
      <c r="B90">
        <v>20.000164000000002</v>
      </c>
      <c r="C90">
        <v>6.5411580000000002</v>
      </c>
      <c r="D90">
        <f t="shared" si="3"/>
        <v>0.44042199999999987</v>
      </c>
      <c r="E90">
        <f t="shared" si="4"/>
        <v>105.73441700000012</v>
      </c>
      <c r="F90">
        <f t="shared" si="5"/>
        <v>8.2763911080108249E-2</v>
      </c>
    </row>
    <row r="91" spans="1:6" x14ac:dyDescent="0.2">
      <c r="A91">
        <v>2900.2667809999998</v>
      </c>
      <c r="B91">
        <v>20.029821999999999</v>
      </c>
      <c r="C91">
        <v>6.546163</v>
      </c>
      <c r="D91">
        <f t="shared" si="3"/>
        <v>0.44542699999999957</v>
      </c>
      <c r="E91">
        <f t="shared" si="4"/>
        <v>105.27748799999972</v>
      </c>
      <c r="F91">
        <f t="shared" si="5"/>
        <v>8.1493135298158048E-2</v>
      </c>
    </row>
    <row r="92" spans="1:6" x14ac:dyDescent="0.2">
      <c r="A92">
        <v>2899.1519050000002</v>
      </c>
      <c r="B92">
        <v>20.026001999999998</v>
      </c>
      <c r="C92">
        <v>6.5511679999999997</v>
      </c>
      <c r="D92">
        <f t="shared" si="3"/>
        <v>0.45043199999999928</v>
      </c>
      <c r="E92">
        <f t="shared" si="4"/>
        <v>104.16261200000008</v>
      </c>
      <c r="F92">
        <f t="shared" si="5"/>
        <v>7.9764868567409108E-2</v>
      </c>
    </row>
    <row r="93" spans="1:6" x14ac:dyDescent="0.2">
      <c r="A93">
        <v>2898.2103029999998</v>
      </c>
      <c r="B93">
        <v>20.020167000000001</v>
      </c>
      <c r="C93">
        <v>6.5561730000000003</v>
      </c>
      <c r="D93">
        <f t="shared" si="3"/>
        <v>0.45543699999999987</v>
      </c>
      <c r="E93">
        <f t="shared" si="4"/>
        <v>103.22100999999975</v>
      </c>
      <c r="F93">
        <f t="shared" si="5"/>
        <v>7.8200566315193065E-2</v>
      </c>
    </row>
    <row r="94" spans="1:6" x14ac:dyDescent="0.2">
      <c r="A94">
        <v>2897.4908359999999</v>
      </c>
      <c r="B94">
        <v>20.000430000000001</v>
      </c>
      <c r="C94">
        <v>6.561178</v>
      </c>
      <c r="D94">
        <f t="shared" si="3"/>
        <v>0.46044199999999957</v>
      </c>
      <c r="E94">
        <f t="shared" si="4"/>
        <v>102.50154299999986</v>
      </c>
      <c r="F94">
        <f t="shared" si="5"/>
        <v>7.6830454144802052E-2</v>
      </c>
    </row>
    <row r="95" spans="1:6" x14ac:dyDescent="0.2">
      <c r="A95">
        <v>2897.0091109999998</v>
      </c>
      <c r="B95">
        <v>20.024671999999999</v>
      </c>
      <c r="C95">
        <v>6.5661820000000004</v>
      </c>
      <c r="D95">
        <f t="shared" si="3"/>
        <v>0.46544600000000003</v>
      </c>
      <c r="E95">
        <f t="shared" si="4"/>
        <v>102.01981799999976</v>
      </c>
      <c r="F95">
        <f t="shared" si="5"/>
        <v>7.5659833461555137E-2</v>
      </c>
    </row>
    <row r="96" spans="1:6" x14ac:dyDescent="0.2">
      <c r="A96">
        <v>2896.0328129999998</v>
      </c>
      <c r="B96">
        <v>20.035577</v>
      </c>
      <c r="C96">
        <v>6.5711870000000001</v>
      </c>
      <c r="D96">
        <f t="shared" si="3"/>
        <v>0.47045099999999973</v>
      </c>
      <c r="E96">
        <f t="shared" si="4"/>
        <v>101.04351999999972</v>
      </c>
      <c r="F96">
        <f t="shared" si="5"/>
        <v>7.4163564130552431E-2</v>
      </c>
    </row>
    <row r="97" spans="1:6" x14ac:dyDescent="0.2">
      <c r="A97">
        <v>2894.5872060000002</v>
      </c>
      <c r="B97">
        <v>20.009029000000002</v>
      </c>
      <c r="C97">
        <v>6.5761919999999998</v>
      </c>
      <c r="D97">
        <f t="shared" si="3"/>
        <v>0.47545599999999943</v>
      </c>
      <c r="E97">
        <f t="shared" si="4"/>
        <v>99.597913000000062</v>
      </c>
      <c r="F97">
        <f t="shared" si="5"/>
        <v>7.236911599668111E-2</v>
      </c>
    </row>
    <row r="98" spans="1:6" x14ac:dyDescent="0.2">
      <c r="A98">
        <v>2893.9047460000002</v>
      </c>
      <c r="B98">
        <v>19.993410000000001</v>
      </c>
      <c r="C98">
        <v>6.5811970000000004</v>
      </c>
      <c r="D98">
        <f t="shared" si="3"/>
        <v>0.48046100000000003</v>
      </c>
      <c r="E98">
        <f t="shared" si="4"/>
        <v>98.91545300000007</v>
      </c>
      <c r="F98">
        <f t="shared" si="5"/>
        <v>7.1141295798109738E-2</v>
      </c>
    </row>
    <row r="99" spans="1:6" x14ac:dyDescent="0.2">
      <c r="A99">
        <v>2894.2957470000001</v>
      </c>
      <c r="B99">
        <v>19.986563</v>
      </c>
      <c r="C99">
        <v>6.5862020000000001</v>
      </c>
      <c r="D99">
        <f t="shared" si="3"/>
        <v>0.48546599999999973</v>
      </c>
      <c r="E99">
        <f t="shared" si="4"/>
        <v>99.306454000000031</v>
      </c>
      <c r="F99">
        <f t="shared" si="5"/>
        <v>7.0676616269293974E-2</v>
      </c>
    </row>
    <row r="100" spans="1:6" x14ac:dyDescent="0.2">
      <c r="A100">
        <v>2895.8390319999999</v>
      </c>
      <c r="B100">
        <v>19.963414</v>
      </c>
      <c r="C100">
        <v>6.5912059999999997</v>
      </c>
      <c r="D100">
        <f t="shared" si="3"/>
        <v>0.4904699999999993</v>
      </c>
      <c r="E100">
        <f t="shared" si="4"/>
        <v>100.84973899999977</v>
      </c>
      <c r="F100">
        <f t="shared" si="5"/>
        <v>7.1004833359900293E-2</v>
      </c>
    </row>
    <row r="101" spans="1:6" x14ac:dyDescent="0.2">
      <c r="A101">
        <v>2896.939194</v>
      </c>
      <c r="B101">
        <v>19.981846999999998</v>
      </c>
      <c r="C101">
        <v>6.5962110000000003</v>
      </c>
      <c r="D101">
        <f t="shared" si="3"/>
        <v>0.49547499999999989</v>
      </c>
      <c r="E101">
        <f t="shared" si="4"/>
        <v>101.94990099999995</v>
      </c>
      <c r="F101">
        <f t="shared" si="5"/>
        <v>7.1027361586387311E-2</v>
      </c>
    </row>
    <row r="102" spans="1:6" x14ac:dyDescent="0.2">
      <c r="A102">
        <v>2897.950096</v>
      </c>
      <c r="B102">
        <v>19.947762000000001</v>
      </c>
      <c r="C102">
        <v>6.601216</v>
      </c>
      <c r="D102">
        <f t="shared" si="3"/>
        <v>0.50047999999999959</v>
      </c>
      <c r="E102">
        <f t="shared" si="4"/>
        <v>102.96080299999994</v>
      </c>
      <c r="F102">
        <f t="shared" si="5"/>
        <v>7.0989528473088176E-2</v>
      </c>
    </row>
    <row r="103" spans="1:6" x14ac:dyDescent="0.2">
      <c r="A103">
        <v>2899.4239729999999</v>
      </c>
      <c r="B103">
        <v>19.964708000000002</v>
      </c>
      <c r="C103">
        <v>6.6062209999999997</v>
      </c>
      <c r="D103">
        <f t="shared" si="3"/>
        <v>0.5054849999999993</v>
      </c>
      <c r="E103">
        <f t="shared" si="4"/>
        <v>104.43467999999984</v>
      </c>
      <c r="F103">
        <f t="shared" si="5"/>
        <v>7.1256541929284031E-2</v>
      </c>
    </row>
    <row r="104" spans="1:6" x14ac:dyDescent="0.2">
      <c r="A104">
        <v>2900.812046</v>
      </c>
      <c r="B104">
        <v>19.964143</v>
      </c>
      <c r="C104">
        <v>6.6112260000000003</v>
      </c>
      <c r="D104">
        <f t="shared" si="3"/>
        <v>0.51048999999999989</v>
      </c>
      <c r="E104">
        <f t="shared" si="4"/>
        <v>105.82275299999992</v>
      </c>
      <c r="F104">
        <f t="shared" si="5"/>
        <v>7.1461516180676463E-2</v>
      </c>
    </row>
    <row r="105" spans="1:6" x14ac:dyDescent="0.2">
      <c r="A105">
        <v>2902.6869059999999</v>
      </c>
      <c r="B105">
        <v>19.940905000000001</v>
      </c>
      <c r="C105">
        <v>6.6162299999999998</v>
      </c>
      <c r="D105">
        <f t="shared" si="3"/>
        <v>0.51549399999999945</v>
      </c>
      <c r="E105">
        <f t="shared" si="4"/>
        <v>107.69761299999982</v>
      </c>
      <c r="F105">
        <f t="shared" si="5"/>
        <v>7.1975098708814952E-2</v>
      </c>
    </row>
    <row r="106" spans="1:6" x14ac:dyDescent="0.2">
      <c r="A106">
        <v>2905.077953</v>
      </c>
      <c r="B106">
        <v>19.948924000000002</v>
      </c>
      <c r="C106">
        <v>6.6212350000000004</v>
      </c>
      <c r="D106">
        <f t="shared" si="3"/>
        <v>0.52049900000000004</v>
      </c>
      <c r="E106">
        <f t="shared" si="4"/>
        <v>110.08865999999989</v>
      </c>
      <c r="F106">
        <f t="shared" si="5"/>
        <v>7.2805618489948057E-2</v>
      </c>
    </row>
    <row r="107" spans="1:6" x14ac:dyDescent="0.2">
      <c r="A107">
        <v>2906.8581730000001</v>
      </c>
      <c r="B107">
        <v>19.977253999999999</v>
      </c>
      <c r="C107">
        <v>6.6262400000000001</v>
      </c>
      <c r="D107">
        <f t="shared" si="3"/>
        <v>0.52550399999999975</v>
      </c>
      <c r="E107">
        <f t="shared" si="4"/>
        <v>111.86887999999999</v>
      </c>
      <c r="F107">
        <f t="shared" si="5"/>
        <v>7.3233437696223314E-2</v>
      </c>
    </row>
    <row r="108" spans="1:6" x14ac:dyDescent="0.2">
      <c r="A108">
        <v>2908.2738899999999</v>
      </c>
      <c r="B108">
        <v>19.945321</v>
      </c>
      <c r="C108">
        <v>6.6312449999999998</v>
      </c>
      <c r="D108">
        <f t="shared" si="3"/>
        <v>0.53050899999999945</v>
      </c>
      <c r="E108">
        <f t="shared" si="4"/>
        <v>113.28459699999985</v>
      </c>
      <c r="F108">
        <f t="shared" si="5"/>
        <v>7.3424805321262443E-2</v>
      </c>
    </row>
    <row r="109" spans="1:6" x14ac:dyDescent="0.2">
      <c r="A109">
        <v>2909.498873</v>
      </c>
      <c r="B109">
        <v>19.968841999999999</v>
      </c>
      <c r="C109">
        <v>6.6362500000000004</v>
      </c>
      <c r="D109">
        <f t="shared" si="3"/>
        <v>0.53551400000000005</v>
      </c>
      <c r="E109">
        <f t="shared" si="4"/>
        <v>114.50957999999991</v>
      </c>
      <c r="F109">
        <f t="shared" si="5"/>
        <v>7.3494154724543445E-2</v>
      </c>
    </row>
    <row r="110" spans="1:6" x14ac:dyDescent="0.2">
      <c r="A110">
        <v>2910.8511410000001</v>
      </c>
      <c r="B110">
        <v>19.956175999999999</v>
      </c>
      <c r="C110">
        <v>6.641254</v>
      </c>
      <c r="D110">
        <f t="shared" si="3"/>
        <v>0.54051799999999961</v>
      </c>
      <c r="E110">
        <f t="shared" si="4"/>
        <v>115.86184800000001</v>
      </c>
      <c r="F110">
        <f t="shared" si="5"/>
        <v>7.3639408871097961E-2</v>
      </c>
    </row>
    <row r="111" spans="1:6" x14ac:dyDescent="0.2">
      <c r="A111">
        <v>2912.0922860000001</v>
      </c>
      <c r="B111">
        <v>19.972712999999999</v>
      </c>
      <c r="C111">
        <v>6.6462589999999997</v>
      </c>
      <c r="D111">
        <f t="shared" si="3"/>
        <v>0.54552299999999931</v>
      </c>
      <c r="E111">
        <f t="shared" si="4"/>
        <v>117.10299299999997</v>
      </c>
      <c r="F111">
        <f t="shared" si="5"/>
        <v>7.3713968978937006E-2</v>
      </c>
    </row>
    <row r="112" spans="1:6" x14ac:dyDescent="0.2">
      <c r="A112">
        <v>2912.8175040000001</v>
      </c>
      <c r="B112">
        <v>20.011696000000001</v>
      </c>
      <c r="C112">
        <v>6.6512640000000003</v>
      </c>
      <c r="D112">
        <f t="shared" si="3"/>
        <v>0.55052799999999991</v>
      </c>
      <c r="E112">
        <f t="shared" si="4"/>
        <v>117.82821100000001</v>
      </c>
      <c r="F112">
        <f t="shared" si="5"/>
        <v>7.3477876343637658E-2</v>
      </c>
    </row>
    <row r="113" spans="1:6" x14ac:dyDescent="0.2">
      <c r="A113">
        <v>2912.4772189999999</v>
      </c>
      <c r="B113">
        <v>20.008924</v>
      </c>
      <c r="C113">
        <v>6.656269</v>
      </c>
      <c r="D113">
        <f t="shared" si="3"/>
        <v>0.55553299999999961</v>
      </c>
      <c r="E113">
        <f t="shared" si="4"/>
        <v>117.48792599999979</v>
      </c>
      <c r="F113">
        <f t="shared" si="5"/>
        <v>7.2614079789730487E-2</v>
      </c>
    </row>
    <row r="114" spans="1:6" x14ac:dyDescent="0.2">
      <c r="A114">
        <v>2912.2574789999999</v>
      </c>
      <c r="B114">
        <v>19.988710999999999</v>
      </c>
      <c r="C114">
        <v>6.6612739999999997</v>
      </c>
      <c r="D114">
        <f t="shared" si="3"/>
        <v>0.56053799999999931</v>
      </c>
      <c r="E114">
        <f t="shared" si="4"/>
        <v>117.26818599999979</v>
      </c>
      <c r="F114">
        <f t="shared" si="5"/>
        <v>7.1836535350159283E-2</v>
      </c>
    </row>
    <row r="115" spans="1:6" x14ac:dyDescent="0.2">
      <c r="A115">
        <v>2911.6851550000001</v>
      </c>
      <c r="B115">
        <v>20.023467</v>
      </c>
      <c r="C115">
        <v>6.6662780000000001</v>
      </c>
      <c r="D115">
        <f t="shared" si="3"/>
        <v>0.56554199999999977</v>
      </c>
      <c r="E115">
        <f t="shared" si="4"/>
        <v>116.69586200000003</v>
      </c>
      <c r="F115">
        <f t="shared" si="5"/>
        <v>7.0867347979973863E-2</v>
      </c>
    </row>
    <row r="116" spans="1:6" x14ac:dyDescent="0.2">
      <c r="A116">
        <v>2911.1688570000001</v>
      </c>
      <c r="B116">
        <v>20.015025999999999</v>
      </c>
      <c r="C116">
        <v>6.6712829999999999</v>
      </c>
      <c r="D116">
        <f t="shared" si="3"/>
        <v>0.57054699999999947</v>
      </c>
      <c r="E116">
        <f t="shared" si="4"/>
        <v>116.17956400000003</v>
      </c>
      <c r="F116">
        <f t="shared" si="5"/>
        <v>6.9947294263213361E-2</v>
      </c>
    </row>
    <row r="117" spans="1:6" x14ac:dyDescent="0.2">
      <c r="A117">
        <v>2910.4178539999998</v>
      </c>
      <c r="B117">
        <v>20.008268999999999</v>
      </c>
      <c r="C117">
        <v>6.6762879999999996</v>
      </c>
      <c r="D117">
        <f t="shared" si="3"/>
        <v>0.57555199999999918</v>
      </c>
      <c r="E117">
        <f t="shared" si="4"/>
        <v>115.42856099999972</v>
      </c>
      <c r="F117">
        <f t="shared" si="5"/>
        <v>6.890859074463862E-2</v>
      </c>
    </row>
    <row r="118" spans="1:6" x14ac:dyDescent="0.2">
      <c r="A118">
        <v>2910.1165729999998</v>
      </c>
      <c r="B118">
        <v>19.998348</v>
      </c>
      <c r="C118">
        <v>6.6812930000000001</v>
      </c>
      <c r="D118">
        <f t="shared" si="3"/>
        <v>0.58055699999999977</v>
      </c>
      <c r="E118">
        <f t="shared" si="4"/>
        <v>115.1272799999997</v>
      </c>
      <c r="F118">
        <f t="shared" si="5"/>
        <v>6.8143273410140467E-2</v>
      </c>
    </row>
    <row r="119" spans="1:6" x14ac:dyDescent="0.2">
      <c r="A119">
        <v>2910.5501530000001</v>
      </c>
      <c r="B119">
        <v>19.971699000000001</v>
      </c>
      <c r="C119">
        <v>6.6862979999999999</v>
      </c>
      <c r="D119">
        <f t="shared" si="3"/>
        <v>0.58556199999999947</v>
      </c>
      <c r="E119">
        <f t="shared" si="4"/>
        <v>115.56086000000005</v>
      </c>
      <c r="F119">
        <f t="shared" si="5"/>
        <v>6.7805167402241878E-2</v>
      </c>
    </row>
    <row r="120" spans="1:6" x14ac:dyDescent="0.2">
      <c r="A120">
        <v>2911.6846399999999</v>
      </c>
      <c r="B120">
        <v>19.964376999999999</v>
      </c>
      <c r="C120">
        <v>6.6913020000000003</v>
      </c>
      <c r="D120">
        <f t="shared" si="3"/>
        <v>0.59056599999999992</v>
      </c>
      <c r="E120">
        <f t="shared" si="4"/>
        <v>116.69534699999986</v>
      </c>
      <c r="F120">
        <f t="shared" si="5"/>
        <v>6.7864204723197222E-2</v>
      </c>
    </row>
    <row r="121" spans="1:6" x14ac:dyDescent="0.2">
      <c r="A121">
        <v>2913.1514630000001</v>
      </c>
      <c r="B121">
        <v>19.967642000000001</v>
      </c>
      <c r="C121">
        <v>6.696307</v>
      </c>
      <c r="D121">
        <f t="shared" si="3"/>
        <v>0.59557099999999963</v>
      </c>
      <c r="E121">
        <f t="shared" si="4"/>
        <v>118.16217000000006</v>
      </c>
      <c r="F121">
        <f t="shared" si="5"/>
        <v>6.8105447361094598E-2</v>
      </c>
    </row>
    <row r="122" spans="1:6" x14ac:dyDescent="0.2">
      <c r="A122">
        <v>2914.0512220000001</v>
      </c>
      <c r="B122">
        <v>19.970485</v>
      </c>
      <c r="C122">
        <v>6.7013119999999997</v>
      </c>
      <c r="D122">
        <f t="shared" si="3"/>
        <v>0.60057599999999933</v>
      </c>
      <c r="E122">
        <f t="shared" si="4"/>
        <v>119.06192899999996</v>
      </c>
      <c r="F122">
        <f t="shared" si="5"/>
        <v>6.8031141818639201E-2</v>
      </c>
    </row>
    <row r="123" spans="1:6" x14ac:dyDescent="0.2">
      <c r="A123">
        <v>2914.3401490000001</v>
      </c>
      <c r="B123">
        <v>19.996502</v>
      </c>
      <c r="C123">
        <v>6.7063170000000003</v>
      </c>
      <c r="D123">
        <f t="shared" si="3"/>
        <v>0.60558099999999992</v>
      </c>
      <c r="E123">
        <f t="shared" si="4"/>
        <v>119.35085600000002</v>
      </c>
      <c r="F123">
        <f t="shared" si="5"/>
        <v>6.7625900011659829E-2</v>
      </c>
    </row>
    <row r="124" spans="1:6" x14ac:dyDescent="0.2">
      <c r="A124">
        <v>2915.6448220000002</v>
      </c>
      <c r="B124">
        <v>19.962104</v>
      </c>
      <c r="C124">
        <v>6.711322</v>
      </c>
      <c r="D124">
        <f t="shared" si="3"/>
        <v>0.61058599999999963</v>
      </c>
      <c r="E124">
        <f t="shared" si="4"/>
        <v>120.65552900000012</v>
      </c>
      <c r="F124">
        <f t="shared" si="5"/>
        <v>6.7774413480849463E-2</v>
      </c>
    </row>
    <row r="125" spans="1:6" x14ac:dyDescent="0.2">
      <c r="A125">
        <v>2916.8324619999999</v>
      </c>
      <c r="B125">
        <v>19.958214999999999</v>
      </c>
      <c r="C125">
        <v>6.7163259999999996</v>
      </c>
      <c r="D125">
        <f t="shared" si="3"/>
        <v>0.61558999999999919</v>
      </c>
      <c r="E125">
        <f t="shared" si="4"/>
        <v>121.84316899999976</v>
      </c>
      <c r="F125">
        <f t="shared" si="5"/>
        <v>6.7857545254838975E-2</v>
      </c>
    </row>
    <row r="126" spans="1:6" x14ac:dyDescent="0.2">
      <c r="A126">
        <v>2918.9947189999998</v>
      </c>
      <c r="B126">
        <v>19.964297999999999</v>
      </c>
      <c r="C126">
        <v>6.7213310000000002</v>
      </c>
      <c r="D126">
        <f t="shared" si="3"/>
        <v>0.62059499999999979</v>
      </c>
      <c r="E126">
        <f t="shared" si="4"/>
        <v>124.00542599999972</v>
      </c>
      <c r="F126">
        <f t="shared" si="5"/>
        <v>6.8454043598394521E-2</v>
      </c>
    </row>
    <row r="127" spans="1:6" x14ac:dyDescent="0.2">
      <c r="A127">
        <v>2920.6450439999999</v>
      </c>
      <c r="B127">
        <v>19.970047999999998</v>
      </c>
      <c r="C127">
        <v>6.7263359999999999</v>
      </c>
      <c r="D127">
        <f t="shared" si="3"/>
        <v>0.62559999999999949</v>
      </c>
      <c r="E127">
        <f t="shared" si="4"/>
        <v>125.65575099999978</v>
      </c>
      <c r="F127">
        <f t="shared" si="5"/>
        <v>6.8771239383687038E-2</v>
      </c>
    </row>
    <row r="128" spans="1:6" x14ac:dyDescent="0.2">
      <c r="A128">
        <v>2921.5538940000001</v>
      </c>
      <c r="B128">
        <v>19.959576999999999</v>
      </c>
      <c r="C128">
        <v>6.7313409999999996</v>
      </c>
      <c r="D128">
        <f t="shared" si="3"/>
        <v>0.63060499999999919</v>
      </c>
      <c r="E128">
        <f t="shared" si="4"/>
        <v>126.56460100000004</v>
      </c>
      <c r="F128">
        <f t="shared" si="5"/>
        <v>6.8697501506093592E-2</v>
      </c>
    </row>
    <row r="129" spans="1:6" x14ac:dyDescent="0.2">
      <c r="A129">
        <v>2922.0070059999998</v>
      </c>
      <c r="B129">
        <v>19.996458000000001</v>
      </c>
      <c r="C129">
        <v>6.7363460000000002</v>
      </c>
      <c r="D129">
        <f t="shared" si="3"/>
        <v>0.63560999999999979</v>
      </c>
      <c r="E129">
        <f t="shared" si="4"/>
        <v>127.01771299999973</v>
      </c>
      <c r="F129">
        <f t="shared" si="5"/>
        <v>6.8389954475768566E-2</v>
      </c>
    </row>
    <row r="130" spans="1:6" x14ac:dyDescent="0.2">
      <c r="A130">
        <v>2922.049446</v>
      </c>
      <c r="B130">
        <v>20.010695999999999</v>
      </c>
      <c r="C130">
        <v>6.7413499999999997</v>
      </c>
      <c r="D130">
        <f t="shared" si="3"/>
        <v>0.64061399999999935</v>
      </c>
      <c r="E130">
        <f t="shared" si="4"/>
        <v>127.0601529999999</v>
      </c>
      <c r="F130">
        <f t="shared" si="5"/>
        <v>6.7877429569172212E-2</v>
      </c>
    </row>
    <row r="131" spans="1:6" x14ac:dyDescent="0.2">
      <c r="A131">
        <v>2921.6295949999999</v>
      </c>
      <c r="B131">
        <v>20.015640999999999</v>
      </c>
      <c r="C131">
        <v>6.7463550000000003</v>
      </c>
      <c r="D131">
        <f t="shared" ref="D131:D194" si="6">C131-$C$2</f>
        <v>0.64561899999999994</v>
      </c>
      <c r="E131">
        <f t="shared" ref="E131:E194" si="7">A131-$A$2</f>
        <v>126.64030199999979</v>
      </c>
      <c r="F131">
        <f t="shared" ref="F131:F194" si="8">(1/A131)*(E131/D131)</f>
        <v>6.7138321528486533E-2</v>
      </c>
    </row>
    <row r="132" spans="1:6" x14ac:dyDescent="0.2">
      <c r="A132">
        <v>2920.9782610000002</v>
      </c>
      <c r="B132">
        <v>19.993461</v>
      </c>
      <c r="C132">
        <v>6.75136</v>
      </c>
      <c r="D132">
        <f t="shared" si="6"/>
        <v>0.65062399999999965</v>
      </c>
      <c r="E132">
        <f t="shared" si="7"/>
        <v>125.98896800000011</v>
      </c>
      <c r="F132">
        <f t="shared" si="8"/>
        <v>6.6293983276527843E-2</v>
      </c>
    </row>
    <row r="133" spans="1:6" x14ac:dyDescent="0.2">
      <c r="A133">
        <v>2920.7726039999998</v>
      </c>
      <c r="B133">
        <v>20.010289</v>
      </c>
      <c r="C133">
        <v>6.7563649999999997</v>
      </c>
      <c r="D133">
        <f t="shared" si="6"/>
        <v>0.65562899999999935</v>
      </c>
      <c r="E133">
        <f t="shared" si="7"/>
        <v>125.78331099999969</v>
      </c>
      <c r="F133">
        <f t="shared" si="8"/>
        <v>6.5685138641185067E-2</v>
      </c>
    </row>
    <row r="134" spans="1:6" x14ac:dyDescent="0.2">
      <c r="A134">
        <v>2920.5732760000001</v>
      </c>
      <c r="B134">
        <v>20.016204999999999</v>
      </c>
      <c r="C134">
        <v>6.7613700000000003</v>
      </c>
      <c r="D134">
        <f t="shared" si="6"/>
        <v>0.66063399999999994</v>
      </c>
      <c r="E134">
        <f t="shared" si="7"/>
        <v>125.58398299999999</v>
      </c>
      <c r="F134">
        <f t="shared" si="8"/>
        <v>6.5088644125155165E-2</v>
      </c>
    </row>
    <row r="135" spans="1:6" x14ac:dyDescent="0.2">
      <c r="A135">
        <v>2919.9935829999999</v>
      </c>
      <c r="B135">
        <v>20.005727</v>
      </c>
      <c r="C135">
        <v>6.7663739999999999</v>
      </c>
      <c r="D135">
        <f t="shared" si="6"/>
        <v>0.66563799999999951</v>
      </c>
      <c r="E135">
        <f t="shared" si="7"/>
        <v>125.00428999999986</v>
      </c>
      <c r="F135">
        <f t="shared" si="8"/>
        <v>6.4313910015743589E-2</v>
      </c>
    </row>
    <row r="136" spans="1:6" x14ac:dyDescent="0.2">
      <c r="A136">
        <v>2919.2507959999998</v>
      </c>
      <c r="B136">
        <v>20.020312000000001</v>
      </c>
      <c r="C136">
        <v>6.7713789999999996</v>
      </c>
      <c r="D136">
        <f t="shared" si="6"/>
        <v>0.67064299999999921</v>
      </c>
      <c r="E136">
        <f t="shared" si="7"/>
        <v>124.26150299999972</v>
      </c>
      <c r="F136">
        <f t="shared" si="8"/>
        <v>6.3470774689540321E-2</v>
      </c>
    </row>
    <row r="137" spans="1:6" x14ac:dyDescent="0.2">
      <c r="A137">
        <v>2918.7569910000002</v>
      </c>
      <c r="B137">
        <v>19.993482</v>
      </c>
      <c r="C137">
        <v>6.7763840000000002</v>
      </c>
      <c r="D137">
        <f t="shared" si="6"/>
        <v>0.6756479999999998</v>
      </c>
      <c r="E137">
        <f t="shared" si="7"/>
        <v>123.76769800000011</v>
      </c>
      <c r="F137">
        <f t="shared" si="8"/>
        <v>6.2760859094829105E-2</v>
      </c>
    </row>
    <row r="138" spans="1:6" x14ac:dyDescent="0.2">
      <c r="A138">
        <v>2918.997957</v>
      </c>
      <c r="B138">
        <v>19.986467999999999</v>
      </c>
      <c r="C138">
        <v>6.7813889999999999</v>
      </c>
      <c r="D138">
        <f t="shared" si="6"/>
        <v>0.68065299999999951</v>
      </c>
      <c r="E138">
        <f t="shared" si="7"/>
        <v>124.00866399999995</v>
      </c>
      <c r="F138">
        <f t="shared" si="8"/>
        <v>6.2415502975560914E-2</v>
      </c>
    </row>
    <row r="139" spans="1:6" x14ac:dyDescent="0.2">
      <c r="A139">
        <v>2920.1707019999999</v>
      </c>
      <c r="B139">
        <v>19.954957</v>
      </c>
      <c r="C139">
        <v>6.7863939999999996</v>
      </c>
      <c r="D139">
        <f t="shared" si="6"/>
        <v>0.68565799999999921</v>
      </c>
      <c r="E139">
        <f t="shared" si="7"/>
        <v>125.1814089999998</v>
      </c>
      <c r="F139">
        <f t="shared" si="8"/>
        <v>6.2520731197862875E-2</v>
      </c>
    </row>
    <row r="140" spans="1:6" x14ac:dyDescent="0.2">
      <c r="A140">
        <v>2921.6461789999998</v>
      </c>
      <c r="B140">
        <v>19.961966</v>
      </c>
      <c r="C140">
        <v>6.791398</v>
      </c>
      <c r="D140">
        <f t="shared" si="6"/>
        <v>0.69066199999999967</v>
      </c>
      <c r="E140">
        <f t="shared" si="7"/>
        <v>126.65688599999976</v>
      </c>
      <c r="F140">
        <f t="shared" si="8"/>
        <v>6.2767614574658889E-2</v>
      </c>
    </row>
    <row r="141" spans="1:6" x14ac:dyDescent="0.2">
      <c r="A141">
        <v>2922.94092</v>
      </c>
      <c r="B141">
        <v>19.962577</v>
      </c>
      <c r="C141">
        <v>6.7964029999999998</v>
      </c>
      <c r="D141">
        <f t="shared" si="6"/>
        <v>0.69566699999999937</v>
      </c>
      <c r="E141">
        <f t="shared" si="7"/>
        <v>127.95162699999992</v>
      </c>
      <c r="F141">
        <f t="shared" si="8"/>
        <v>6.2925166437518568E-2</v>
      </c>
    </row>
    <row r="142" spans="1:6" x14ac:dyDescent="0.2">
      <c r="A142">
        <v>2924.4951980000001</v>
      </c>
      <c r="B142">
        <v>19.952843000000001</v>
      </c>
      <c r="C142">
        <v>6.8014080000000003</v>
      </c>
      <c r="D142">
        <f t="shared" si="6"/>
        <v>0.70067199999999996</v>
      </c>
      <c r="E142">
        <f t="shared" si="7"/>
        <v>129.50590499999998</v>
      </c>
      <c r="F142">
        <f t="shared" si="8"/>
        <v>6.320099211742583E-2</v>
      </c>
    </row>
    <row r="143" spans="1:6" x14ac:dyDescent="0.2">
      <c r="A143">
        <v>2925.9143039999999</v>
      </c>
      <c r="B143">
        <v>19.98319</v>
      </c>
      <c r="C143">
        <v>6.806413</v>
      </c>
      <c r="D143">
        <f t="shared" si="6"/>
        <v>0.70567699999999967</v>
      </c>
      <c r="E143">
        <f t="shared" si="7"/>
        <v>130.92501099999981</v>
      </c>
      <c r="F143">
        <f t="shared" si="8"/>
        <v>6.3409605928768223E-2</v>
      </c>
    </row>
    <row r="144" spans="1:6" x14ac:dyDescent="0.2">
      <c r="A144">
        <v>2927.0448740000002</v>
      </c>
      <c r="B144">
        <v>19.967258999999999</v>
      </c>
      <c r="C144">
        <v>6.8114179999999998</v>
      </c>
      <c r="D144">
        <f t="shared" si="6"/>
        <v>0.71068199999999937</v>
      </c>
      <c r="E144">
        <f t="shared" si="7"/>
        <v>132.05558100000007</v>
      </c>
      <c r="F144">
        <f t="shared" si="8"/>
        <v>6.3482213868690379E-2</v>
      </c>
    </row>
    <row r="145" spans="1:6" x14ac:dyDescent="0.2">
      <c r="A145">
        <v>2928.5787030000001</v>
      </c>
      <c r="B145">
        <v>19.945706000000001</v>
      </c>
      <c r="C145">
        <v>6.8164220000000002</v>
      </c>
      <c r="D145">
        <f t="shared" si="6"/>
        <v>0.71568599999999982</v>
      </c>
      <c r="E145">
        <f t="shared" si="7"/>
        <v>133.58941000000004</v>
      </c>
      <c r="F145">
        <f t="shared" si="8"/>
        <v>6.3737145606008377E-2</v>
      </c>
    </row>
    <row r="146" spans="1:6" x14ac:dyDescent="0.2">
      <c r="A146">
        <v>2930.4361490000001</v>
      </c>
      <c r="B146">
        <v>19.957536000000001</v>
      </c>
      <c r="C146">
        <v>6.8214269999999999</v>
      </c>
      <c r="D146">
        <f t="shared" si="6"/>
        <v>0.72069099999999953</v>
      </c>
      <c r="E146">
        <f t="shared" si="7"/>
        <v>135.44685600000003</v>
      </c>
      <c r="F146">
        <f t="shared" si="8"/>
        <v>6.4133887698158795E-2</v>
      </c>
    </row>
    <row r="147" spans="1:6" x14ac:dyDescent="0.2">
      <c r="A147">
        <v>2931.8722109999999</v>
      </c>
      <c r="B147">
        <v>19.978559000000001</v>
      </c>
      <c r="C147">
        <v>6.8264319999999996</v>
      </c>
      <c r="D147">
        <f t="shared" si="6"/>
        <v>0.72569599999999923</v>
      </c>
      <c r="E147">
        <f t="shared" si="7"/>
        <v>136.88291799999979</v>
      </c>
      <c r="F147">
        <f t="shared" si="8"/>
        <v>6.4335323378341955E-2</v>
      </c>
    </row>
    <row r="148" spans="1:6" x14ac:dyDescent="0.2">
      <c r="A148">
        <v>2932.5975790000002</v>
      </c>
      <c r="B148">
        <v>19.957784</v>
      </c>
      <c r="C148">
        <v>6.8314370000000002</v>
      </c>
      <c r="D148">
        <f t="shared" si="6"/>
        <v>0.73070099999999982</v>
      </c>
      <c r="E148">
        <f t="shared" si="7"/>
        <v>137.60828600000013</v>
      </c>
      <c r="F148">
        <f t="shared" si="8"/>
        <v>6.4217354747274386E-2</v>
      </c>
    </row>
    <row r="149" spans="1:6" x14ac:dyDescent="0.2">
      <c r="A149">
        <v>2933.1641129999998</v>
      </c>
      <c r="B149">
        <v>19.990926999999999</v>
      </c>
      <c r="C149">
        <v>6.8364419999999999</v>
      </c>
      <c r="D149">
        <f t="shared" si="6"/>
        <v>0.73570599999999953</v>
      </c>
      <c r="E149">
        <f t="shared" si="7"/>
        <v>138.17481999999973</v>
      </c>
      <c r="F149">
        <f t="shared" si="8"/>
        <v>6.4030699574403077E-2</v>
      </c>
    </row>
    <row r="150" spans="1:6" x14ac:dyDescent="0.2">
      <c r="A150">
        <v>2934.3943119999999</v>
      </c>
      <c r="B150">
        <v>19.975276000000001</v>
      </c>
      <c r="C150">
        <v>6.8414460000000004</v>
      </c>
      <c r="D150">
        <f t="shared" si="6"/>
        <v>0.74070999999999998</v>
      </c>
      <c r="E150">
        <f t="shared" si="7"/>
        <v>139.40501899999981</v>
      </c>
      <c r="F150">
        <f t="shared" si="8"/>
        <v>6.413745602309652E-2</v>
      </c>
    </row>
    <row r="151" spans="1:6" x14ac:dyDescent="0.2">
      <c r="A151">
        <v>2935.2397529999998</v>
      </c>
      <c r="B151">
        <v>19.967977999999999</v>
      </c>
      <c r="C151">
        <v>6.8464510000000001</v>
      </c>
      <c r="D151">
        <f t="shared" si="6"/>
        <v>0.74571499999999968</v>
      </c>
      <c r="E151">
        <f t="shared" si="7"/>
        <v>140.25045999999975</v>
      </c>
      <c r="F151">
        <f t="shared" si="8"/>
        <v>6.4074884908832508E-2</v>
      </c>
    </row>
    <row r="152" spans="1:6" x14ac:dyDescent="0.2">
      <c r="A152">
        <v>2935.6247659999999</v>
      </c>
      <c r="B152">
        <v>19.993739000000001</v>
      </c>
      <c r="C152">
        <v>6.8514559999999998</v>
      </c>
      <c r="D152">
        <f t="shared" si="6"/>
        <v>0.75071999999999939</v>
      </c>
      <c r="E152">
        <f t="shared" si="7"/>
        <v>140.63547299999982</v>
      </c>
      <c r="F152">
        <f t="shared" si="8"/>
        <v>6.3814056009938946E-2</v>
      </c>
    </row>
    <row r="153" spans="1:6" x14ac:dyDescent="0.2">
      <c r="A153">
        <v>2935.9216510000001</v>
      </c>
      <c r="B153">
        <v>19.987009</v>
      </c>
      <c r="C153">
        <v>6.8564610000000004</v>
      </c>
      <c r="D153">
        <f t="shared" si="6"/>
        <v>0.75572499999999998</v>
      </c>
      <c r="E153">
        <f t="shared" si="7"/>
        <v>140.93235800000002</v>
      </c>
      <c r="F153">
        <f t="shared" si="8"/>
        <v>6.3518826711172732E-2</v>
      </c>
    </row>
    <row r="154" spans="1:6" x14ac:dyDescent="0.2">
      <c r="A154">
        <v>2936.8352329999998</v>
      </c>
      <c r="B154">
        <v>19.973972</v>
      </c>
      <c r="C154">
        <v>6.8614660000000001</v>
      </c>
      <c r="D154">
        <f t="shared" si="6"/>
        <v>0.76072999999999968</v>
      </c>
      <c r="E154">
        <f t="shared" si="7"/>
        <v>141.8459399999997</v>
      </c>
      <c r="F154">
        <f t="shared" si="8"/>
        <v>6.3490213077580696E-2</v>
      </c>
    </row>
    <row r="155" spans="1:6" x14ac:dyDescent="0.2">
      <c r="A155">
        <v>2938.0547759999999</v>
      </c>
      <c r="B155">
        <v>19.967904999999998</v>
      </c>
      <c r="C155">
        <v>6.8664699999999996</v>
      </c>
      <c r="D155">
        <f t="shared" si="6"/>
        <v>0.76573399999999925</v>
      </c>
      <c r="E155">
        <f t="shared" si="7"/>
        <v>143.06548299999986</v>
      </c>
      <c r="F155">
        <f t="shared" si="8"/>
        <v>6.3591203752589004E-2</v>
      </c>
    </row>
    <row r="156" spans="1:6" x14ac:dyDescent="0.2">
      <c r="A156">
        <v>2938.953293</v>
      </c>
      <c r="B156">
        <v>19.995296</v>
      </c>
      <c r="C156">
        <v>6.8714750000000002</v>
      </c>
      <c r="D156">
        <f t="shared" si="6"/>
        <v>0.77073899999999984</v>
      </c>
      <c r="E156">
        <f t="shared" si="7"/>
        <v>143.96399999999994</v>
      </c>
      <c r="F156">
        <f t="shared" si="8"/>
        <v>6.3555609148024175E-2</v>
      </c>
    </row>
    <row r="157" spans="1:6" x14ac:dyDescent="0.2">
      <c r="A157">
        <v>2939.2482009999999</v>
      </c>
      <c r="B157">
        <v>19.991254000000001</v>
      </c>
      <c r="C157">
        <v>6.8764799999999999</v>
      </c>
      <c r="D157">
        <f t="shared" si="6"/>
        <v>0.77574399999999955</v>
      </c>
      <c r="E157">
        <f t="shared" si="7"/>
        <v>144.25890799999979</v>
      </c>
      <c r="F157">
        <f t="shared" si="8"/>
        <v>6.3268560601834348E-2</v>
      </c>
    </row>
    <row r="158" spans="1:6" x14ac:dyDescent="0.2">
      <c r="A158">
        <v>2939.3316479999999</v>
      </c>
      <c r="B158">
        <v>19.984856000000001</v>
      </c>
      <c r="C158">
        <v>6.8814849999999996</v>
      </c>
      <c r="D158">
        <f t="shared" si="6"/>
        <v>0.78074899999999925</v>
      </c>
      <c r="E158">
        <f t="shared" si="7"/>
        <v>144.34235499999977</v>
      </c>
      <c r="F158">
        <f t="shared" si="8"/>
        <v>6.2897554381880078E-2</v>
      </c>
    </row>
    <row r="159" spans="1:6" x14ac:dyDescent="0.2">
      <c r="A159">
        <v>2939.1641719999998</v>
      </c>
      <c r="B159">
        <v>20.008505</v>
      </c>
      <c r="C159">
        <v>6.8864900000000002</v>
      </c>
      <c r="D159">
        <f t="shared" si="6"/>
        <v>0.78575399999999984</v>
      </c>
      <c r="E159">
        <f t="shared" si="7"/>
        <v>144.17487899999969</v>
      </c>
      <c r="F159">
        <f t="shared" si="8"/>
        <v>6.242796095190669E-2</v>
      </c>
    </row>
    <row r="160" spans="1:6" x14ac:dyDescent="0.2">
      <c r="A160">
        <v>2938.463131</v>
      </c>
      <c r="B160">
        <v>20.021964000000001</v>
      </c>
      <c r="C160">
        <v>6.8914939999999998</v>
      </c>
      <c r="D160">
        <f t="shared" si="6"/>
        <v>0.79075799999999941</v>
      </c>
      <c r="E160">
        <f t="shared" si="7"/>
        <v>143.47383799999989</v>
      </c>
      <c r="F160">
        <f t="shared" si="8"/>
        <v>6.1746006709535534E-2</v>
      </c>
    </row>
    <row r="161" spans="1:6" x14ac:dyDescent="0.2">
      <c r="A161">
        <v>2937.4309239999998</v>
      </c>
      <c r="B161">
        <v>20.029035</v>
      </c>
      <c r="C161">
        <v>6.8964990000000004</v>
      </c>
      <c r="D161">
        <f t="shared" si="6"/>
        <v>0.795763</v>
      </c>
      <c r="E161">
        <f t="shared" si="7"/>
        <v>142.44163099999969</v>
      </c>
      <c r="F161">
        <f t="shared" si="8"/>
        <v>6.0937626276382176E-2</v>
      </c>
    </row>
    <row r="162" spans="1:6" x14ac:dyDescent="0.2">
      <c r="A162">
        <v>2937.1481829999998</v>
      </c>
      <c r="B162">
        <v>20.005984999999999</v>
      </c>
      <c r="C162">
        <v>6.9015040000000001</v>
      </c>
      <c r="D162">
        <f t="shared" si="6"/>
        <v>0.8007679999999997</v>
      </c>
      <c r="E162">
        <f t="shared" si="7"/>
        <v>142.1588899999997</v>
      </c>
      <c r="F162">
        <f t="shared" si="8"/>
        <v>6.0442365989395987E-2</v>
      </c>
    </row>
    <row r="163" spans="1:6" x14ac:dyDescent="0.2">
      <c r="A163">
        <v>2937.1485590000002</v>
      </c>
      <c r="B163">
        <v>19.991931999999998</v>
      </c>
      <c r="C163">
        <v>6.9065089999999998</v>
      </c>
      <c r="D163">
        <f t="shared" si="6"/>
        <v>0.80577299999999941</v>
      </c>
      <c r="E163">
        <f t="shared" si="7"/>
        <v>142.15926600000012</v>
      </c>
      <c r="F163">
        <f t="shared" si="8"/>
        <v>6.0067083841145327E-2</v>
      </c>
    </row>
    <row r="164" spans="1:6" x14ac:dyDescent="0.2">
      <c r="A164">
        <v>2937.1051710000002</v>
      </c>
      <c r="B164">
        <v>19.998621</v>
      </c>
      <c r="C164">
        <v>6.9115140000000004</v>
      </c>
      <c r="D164">
        <f t="shared" si="6"/>
        <v>0.810778</v>
      </c>
      <c r="E164">
        <f t="shared" si="7"/>
        <v>142.11587800000007</v>
      </c>
      <c r="F164">
        <f t="shared" si="8"/>
        <v>5.9678946602465158E-2</v>
      </c>
    </row>
    <row r="165" spans="1:6" x14ac:dyDescent="0.2">
      <c r="A165">
        <v>2936.9160860000002</v>
      </c>
      <c r="B165">
        <v>20.002583999999999</v>
      </c>
      <c r="C165">
        <v>6.9165179999999999</v>
      </c>
      <c r="D165">
        <f t="shared" si="6"/>
        <v>0.81578199999999956</v>
      </c>
      <c r="E165">
        <f t="shared" si="7"/>
        <v>141.92679300000009</v>
      </c>
      <c r="F165">
        <f t="shared" si="8"/>
        <v>5.9237774342111624E-2</v>
      </c>
    </row>
    <row r="166" spans="1:6" x14ac:dyDescent="0.2">
      <c r="A166">
        <v>2936.6391370000001</v>
      </c>
      <c r="B166">
        <v>20.025480999999999</v>
      </c>
      <c r="C166">
        <v>6.9215229999999996</v>
      </c>
      <c r="D166">
        <f t="shared" si="6"/>
        <v>0.82078699999999927</v>
      </c>
      <c r="E166">
        <f t="shared" si="7"/>
        <v>141.64984400000003</v>
      </c>
      <c r="F166">
        <f t="shared" si="8"/>
        <v>5.8767206755774667E-2</v>
      </c>
    </row>
    <row r="167" spans="1:6" x14ac:dyDescent="0.2">
      <c r="A167">
        <v>2936.825108</v>
      </c>
      <c r="B167">
        <v>19.964041000000002</v>
      </c>
      <c r="C167">
        <v>6.9265280000000002</v>
      </c>
      <c r="D167">
        <f t="shared" si="6"/>
        <v>0.82579199999999986</v>
      </c>
      <c r="E167">
        <f t="shared" si="7"/>
        <v>141.83581499999991</v>
      </c>
      <c r="F167">
        <f t="shared" si="8"/>
        <v>5.8484011360318146E-2</v>
      </c>
    </row>
    <row r="168" spans="1:6" x14ac:dyDescent="0.2">
      <c r="A168">
        <v>2937.2038090000001</v>
      </c>
      <c r="B168">
        <v>19.994344000000002</v>
      </c>
      <c r="C168">
        <v>6.9315329999999999</v>
      </c>
      <c r="D168">
        <f t="shared" si="6"/>
        <v>0.83079699999999956</v>
      </c>
      <c r="E168">
        <f t="shared" si="7"/>
        <v>142.214516</v>
      </c>
      <c r="F168">
        <f t="shared" si="8"/>
        <v>5.8279380309939913E-2</v>
      </c>
    </row>
    <row r="169" spans="1:6" x14ac:dyDescent="0.2">
      <c r="A169">
        <v>2938.1123360000001</v>
      </c>
      <c r="B169">
        <v>19.955483000000001</v>
      </c>
      <c r="C169">
        <v>6.9365379999999996</v>
      </c>
      <c r="D169">
        <f t="shared" si="6"/>
        <v>0.83580199999999927</v>
      </c>
      <c r="E169">
        <f t="shared" si="7"/>
        <v>143.12304300000005</v>
      </c>
      <c r="F169">
        <f t="shared" si="8"/>
        <v>5.8282444490743275E-2</v>
      </c>
    </row>
    <row r="170" spans="1:6" x14ac:dyDescent="0.2">
      <c r="A170">
        <v>2939.3471410000002</v>
      </c>
      <c r="B170">
        <v>19.988085000000002</v>
      </c>
      <c r="C170">
        <v>6.9415420000000001</v>
      </c>
      <c r="D170">
        <f t="shared" si="6"/>
        <v>0.84080599999999972</v>
      </c>
      <c r="E170">
        <f t="shared" si="7"/>
        <v>144.3578480000001</v>
      </c>
      <c r="F170">
        <f t="shared" si="8"/>
        <v>5.8410875689964614E-2</v>
      </c>
    </row>
    <row r="171" spans="1:6" x14ac:dyDescent="0.2">
      <c r="A171">
        <v>2940.0287699999999</v>
      </c>
      <c r="B171">
        <v>19.978221000000001</v>
      </c>
      <c r="C171">
        <v>6.9465469999999998</v>
      </c>
      <c r="D171">
        <f t="shared" si="6"/>
        <v>0.84581099999999942</v>
      </c>
      <c r="E171">
        <f t="shared" si="7"/>
        <v>145.03947699999981</v>
      </c>
      <c r="F171">
        <f t="shared" si="8"/>
        <v>5.8325882125837773E-2</v>
      </c>
    </row>
    <row r="172" spans="1:6" x14ac:dyDescent="0.2">
      <c r="A172">
        <v>2940.5496629999998</v>
      </c>
      <c r="B172">
        <v>19.995660000000001</v>
      </c>
      <c r="C172">
        <v>6.9515520000000004</v>
      </c>
      <c r="D172">
        <f t="shared" si="6"/>
        <v>0.85081600000000002</v>
      </c>
      <c r="E172">
        <f t="shared" si="7"/>
        <v>145.56036999999969</v>
      </c>
      <c r="F172">
        <f t="shared" si="8"/>
        <v>5.8180705582465395E-2</v>
      </c>
    </row>
    <row r="173" spans="1:6" x14ac:dyDescent="0.2">
      <c r="A173">
        <v>2941.1923449999999</v>
      </c>
      <c r="B173">
        <v>19.970279999999999</v>
      </c>
      <c r="C173">
        <v>6.9565570000000001</v>
      </c>
      <c r="D173">
        <f t="shared" si="6"/>
        <v>0.85582099999999972</v>
      </c>
      <c r="E173">
        <f t="shared" si="7"/>
        <v>146.20305199999984</v>
      </c>
      <c r="F173">
        <f t="shared" si="8"/>
        <v>5.8083138164241072E-2</v>
      </c>
    </row>
    <row r="174" spans="1:6" x14ac:dyDescent="0.2">
      <c r="A174">
        <v>2941.915293</v>
      </c>
      <c r="B174">
        <v>19.972259000000001</v>
      </c>
      <c r="C174">
        <v>6.9615619999999998</v>
      </c>
      <c r="D174">
        <f t="shared" si="6"/>
        <v>0.86082599999999942</v>
      </c>
      <c r="E174">
        <f t="shared" si="7"/>
        <v>146.92599999999993</v>
      </c>
      <c r="F174">
        <f t="shared" si="8"/>
        <v>5.801671245361549E-2</v>
      </c>
    </row>
    <row r="175" spans="1:6" x14ac:dyDescent="0.2">
      <c r="A175">
        <v>2943.4467319999999</v>
      </c>
      <c r="B175">
        <v>19.962164000000001</v>
      </c>
      <c r="C175">
        <v>6.9665660000000003</v>
      </c>
      <c r="D175">
        <f t="shared" si="6"/>
        <v>0.86582999999999988</v>
      </c>
      <c r="E175">
        <f t="shared" si="7"/>
        <v>148.45743899999979</v>
      </c>
      <c r="F175">
        <f t="shared" si="8"/>
        <v>5.8252310281469329E-2</v>
      </c>
    </row>
    <row r="176" spans="1:6" x14ac:dyDescent="0.2">
      <c r="A176">
        <v>2944.7032730000001</v>
      </c>
      <c r="B176">
        <v>19.963327</v>
      </c>
      <c r="C176">
        <v>6.971571</v>
      </c>
      <c r="D176">
        <f t="shared" si="6"/>
        <v>0.87083499999999958</v>
      </c>
      <c r="E176">
        <f t="shared" si="7"/>
        <v>149.71397999999999</v>
      </c>
      <c r="F176">
        <f t="shared" si="8"/>
        <v>5.8382802896100421E-2</v>
      </c>
    </row>
    <row r="177" spans="1:6" x14ac:dyDescent="0.2">
      <c r="A177">
        <v>2945.5533759999998</v>
      </c>
      <c r="B177">
        <v>19.981518000000001</v>
      </c>
      <c r="C177">
        <v>6.9765759999999997</v>
      </c>
      <c r="D177">
        <f t="shared" si="6"/>
        <v>0.87583999999999929</v>
      </c>
      <c r="E177">
        <f t="shared" si="7"/>
        <v>150.56408299999975</v>
      </c>
      <c r="F177">
        <f t="shared" si="8"/>
        <v>5.8361938791321483E-2</v>
      </c>
    </row>
    <row r="178" spans="1:6" x14ac:dyDescent="0.2">
      <c r="A178">
        <v>2945.8048880000001</v>
      </c>
      <c r="B178">
        <v>20.009354999999999</v>
      </c>
      <c r="C178">
        <v>6.9815810000000003</v>
      </c>
      <c r="D178">
        <f t="shared" si="6"/>
        <v>0.88084499999999988</v>
      </c>
      <c r="E178">
        <f t="shared" si="7"/>
        <v>150.81559500000003</v>
      </c>
      <c r="F178">
        <f t="shared" si="8"/>
        <v>5.812229841369726E-2</v>
      </c>
    </row>
    <row r="179" spans="1:6" x14ac:dyDescent="0.2">
      <c r="A179">
        <v>2946.2805899999998</v>
      </c>
      <c r="B179">
        <v>19.988569999999999</v>
      </c>
      <c r="C179">
        <v>6.986586</v>
      </c>
      <c r="D179">
        <f t="shared" si="6"/>
        <v>0.88584999999999958</v>
      </c>
      <c r="E179">
        <f t="shared" si="7"/>
        <v>151.29129699999976</v>
      </c>
      <c r="F179">
        <f t="shared" si="8"/>
        <v>5.7966843465199022E-2</v>
      </c>
    </row>
    <row r="180" spans="1:6" x14ac:dyDescent="0.2">
      <c r="A180">
        <v>2946.4943589999998</v>
      </c>
      <c r="B180">
        <v>19.991467</v>
      </c>
      <c r="C180">
        <v>6.9915900000000004</v>
      </c>
      <c r="D180">
        <f t="shared" si="6"/>
        <v>0.89085400000000003</v>
      </c>
      <c r="E180">
        <f t="shared" si="7"/>
        <v>151.50506599999972</v>
      </c>
      <c r="F180">
        <f t="shared" si="8"/>
        <v>5.7718496089084408E-2</v>
      </c>
    </row>
    <row r="181" spans="1:6" x14ac:dyDescent="0.2">
      <c r="A181">
        <v>2946.2354740000001</v>
      </c>
      <c r="B181">
        <v>20.034744</v>
      </c>
      <c r="C181">
        <v>6.9965950000000001</v>
      </c>
      <c r="D181">
        <f t="shared" si="6"/>
        <v>0.89585899999999974</v>
      </c>
      <c r="E181">
        <f t="shared" si="7"/>
        <v>151.24618099999998</v>
      </c>
      <c r="F181">
        <f t="shared" si="8"/>
        <v>5.7302992446054704E-2</v>
      </c>
    </row>
    <row r="182" spans="1:6" x14ac:dyDescent="0.2">
      <c r="A182">
        <v>2945.721223</v>
      </c>
      <c r="B182">
        <v>19.995515999999999</v>
      </c>
      <c r="C182">
        <v>7.0015999999999998</v>
      </c>
      <c r="D182">
        <f t="shared" si="6"/>
        <v>0.90086399999999944</v>
      </c>
      <c r="E182">
        <f t="shared" si="7"/>
        <v>150.73192999999992</v>
      </c>
      <c r="F182">
        <f t="shared" si="8"/>
        <v>5.6800791056510584E-2</v>
      </c>
    </row>
    <row r="183" spans="1:6" x14ac:dyDescent="0.2">
      <c r="A183">
        <v>2945.304533</v>
      </c>
      <c r="B183">
        <v>19.996044000000001</v>
      </c>
      <c r="C183">
        <v>7.0066050000000004</v>
      </c>
      <c r="D183">
        <f t="shared" si="6"/>
        <v>0.90586900000000004</v>
      </c>
      <c r="E183">
        <f t="shared" si="7"/>
        <v>150.3152399999999</v>
      </c>
      <c r="F183">
        <f t="shared" si="8"/>
        <v>5.6338776468060181E-2</v>
      </c>
    </row>
    <row r="184" spans="1:6" x14ac:dyDescent="0.2">
      <c r="A184">
        <v>2945.6226900000001</v>
      </c>
      <c r="B184">
        <v>19.986193</v>
      </c>
      <c r="C184">
        <v>7.0116100000000001</v>
      </c>
      <c r="D184">
        <f t="shared" si="6"/>
        <v>0.91087399999999974</v>
      </c>
      <c r="E184">
        <f t="shared" si="7"/>
        <v>150.63339700000006</v>
      </c>
      <c r="F184">
        <f t="shared" si="8"/>
        <v>5.6141737325849254E-2</v>
      </c>
    </row>
    <row r="185" spans="1:6" x14ac:dyDescent="0.2">
      <c r="A185">
        <v>2945.967596</v>
      </c>
      <c r="B185">
        <v>19.988001000000001</v>
      </c>
      <c r="C185">
        <v>7.0166139999999997</v>
      </c>
      <c r="D185">
        <f t="shared" si="6"/>
        <v>0.9158779999999993</v>
      </c>
      <c r="E185">
        <f t="shared" si="7"/>
        <v>150.97830299999987</v>
      </c>
      <c r="F185">
        <f t="shared" si="8"/>
        <v>5.5956294465150165E-2</v>
      </c>
    </row>
    <row r="186" spans="1:6" x14ac:dyDescent="0.2">
      <c r="A186">
        <v>2945.911192</v>
      </c>
      <c r="B186">
        <v>20.002959000000001</v>
      </c>
      <c r="C186">
        <v>7.0216190000000003</v>
      </c>
      <c r="D186">
        <f t="shared" si="6"/>
        <v>0.9208829999999999</v>
      </c>
      <c r="E186">
        <f t="shared" si="7"/>
        <v>150.92189899999994</v>
      </c>
      <c r="F186">
        <f t="shared" si="8"/>
        <v>5.5632445997948525E-2</v>
      </c>
    </row>
    <row r="187" spans="1:6" x14ac:dyDescent="0.2">
      <c r="A187">
        <v>2946.036411</v>
      </c>
      <c r="B187">
        <v>19.984732999999999</v>
      </c>
      <c r="C187">
        <v>7.026624</v>
      </c>
      <c r="D187">
        <f t="shared" si="6"/>
        <v>0.9258879999999996</v>
      </c>
      <c r="E187">
        <f t="shared" si="7"/>
        <v>151.04711799999995</v>
      </c>
      <c r="F187">
        <f t="shared" si="8"/>
        <v>5.5375272669991787E-2</v>
      </c>
    </row>
    <row r="188" spans="1:6" x14ac:dyDescent="0.2">
      <c r="A188">
        <v>2946.5640060000001</v>
      </c>
      <c r="B188">
        <v>19.999217999999999</v>
      </c>
      <c r="C188">
        <v>7.0316289999999997</v>
      </c>
      <c r="D188">
        <f t="shared" si="6"/>
        <v>0.9308929999999993</v>
      </c>
      <c r="E188">
        <f t="shared" si="7"/>
        <v>151.57471299999997</v>
      </c>
      <c r="F188">
        <f t="shared" si="8"/>
        <v>5.5260029272308692E-2</v>
      </c>
    </row>
    <row r="189" spans="1:6" x14ac:dyDescent="0.2">
      <c r="A189">
        <v>2946.8841200000002</v>
      </c>
      <c r="B189">
        <v>19.993832000000001</v>
      </c>
      <c r="C189">
        <v>7.0366340000000003</v>
      </c>
      <c r="D189">
        <f t="shared" si="6"/>
        <v>0.9358979999999999</v>
      </c>
      <c r="E189">
        <f t="shared" si="7"/>
        <v>151.89482700000008</v>
      </c>
      <c r="F189">
        <f t="shared" si="8"/>
        <v>5.5074606886893349E-2</v>
      </c>
    </row>
    <row r="190" spans="1:6" x14ac:dyDescent="0.2">
      <c r="A190">
        <v>2947.246431</v>
      </c>
      <c r="B190">
        <v>19.964224999999999</v>
      </c>
      <c r="C190">
        <v>7.0416379999999998</v>
      </c>
      <c r="D190">
        <f t="shared" si="6"/>
        <v>0.94090199999999946</v>
      </c>
      <c r="E190">
        <f t="shared" si="7"/>
        <v>152.25713799999994</v>
      </c>
      <c r="F190">
        <f t="shared" si="8"/>
        <v>5.4905622514994153E-2</v>
      </c>
    </row>
    <row r="191" spans="1:6" x14ac:dyDescent="0.2">
      <c r="A191">
        <v>2948.1985589999999</v>
      </c>
      <c r="B191">
        <v>19.96969</v>
      </c>
      <c r="C191">
        <v>7.0466430000000004</v>
      </c>
      <c r="D191">
        <f t="shared" si="6"/>
        <v>0.94590700000000005</v>
      </c>
      <c r="E191">
        <f t="shared" si="7"/>
        <v>153.20926599999984</v>
      </c>
      <c r="F191">
        <f t="shared" si="8"/>
        <v>5.4938887773587894E-2</v>
      </c>
    </row>
    <row r="192" spans="1:6" x14ac:dyDescent="0.2">
      <c r="A192">
        <v>2949.0955090000002</v>
      </c>
      <c r="B192">
        <v>19.993886</v>
      </c>
      <c r="C192">
        <v>7.0516480000000001</v>
      </c>
      <c r="D192">
        <f t="shared" si="6"/>
        <v>0.95091199999999976</v>
      </c>
      <c r="E192">
        <f t="shared" si="7"/>
        <v>154.10621600000013</v>
      </c>
      <c r="F192">
        <f t="shared" si="8"/>
        <v>5.495294742007599E-2</v>
      </c>
    </row>
    <row r="193" spans="1:6" x14ac:dyDescent="0.2">
      <c r="A193">
        <v>2949.765347</v>
      </c>
      <c r="B193">
        <v>19.975031000000001</v>
      </c>
      <c r="C193">
        <v>7.0566529999999998</v>
      </c>
      <c r="D193">
        <f t="shared" si="6"/>
        <v>0.95591699999999946</v>
      </c>
      <c r="E193">
        <f t="shared" si="7"/>
        <v>154.77605399999993</v>
      </c>
      <c r="F193">
        <f t="shared" si="8"/>
        <v>5.4890364618518532E-2</v>
      </c>
    </row>
    <row r="194" spans="1:6" x14ac:dyDescent="0.2">
      <c r="A194">
        <v>2950.5320379999998</v>
      </c>
      <c r="B194">
        <v>19.964354</v>
      </c>
      <c r="C194">
        <v>7.0616580000000004</v>
      </c>
      <c r="D194">
        <f t="shared" si="6"/>
        <v>0.96092200000000005</v>
      </c>
      <c r="E194">
        <f t="shared" si="7"/>
        <v>155.54274499999974</v>
      </c>
      <c r="F194">
        <f t="shared" si="8"/>
        <v>5.4860692809310274E-2</v>
      </c>
    </row>
    <row r="195" spans="1:6" x14ac:dyDescent="0.2">
      <c r="A195">
        <v>2951.7712609999999</v>
      </c>
      <c r="B195">
        <v>19.961957999999999</v>
      </c>
      <c r="C195">
        <v>7.066662</v>
      </c>
      <c r="D195">
        <f t="shared" ref="D195:D258" si="9">C195-$C$2</f>
        <v>0.96592599999999962</v>
      </c>
      <c r="E195">
        <f t="shared" ref="E195:E258" si="10">A195-$A$2</f>
        <v>156.78196799999978</v>
      </c>
      <c r="F195">
        <f t="shared" ref="F195:F258" si="11">(1/A195)*(E195/D195)</f>
        <v>5.49882065533508E-2</v>
      </c>
    </row>
    <row r="196" spans="1:6" x14ac:dyDescent="0.2">
      <c r="A196">
        <v>2952.5221000000001</v>
      </c>
      <c r="B196">
        <v>19.991502000000001</v>
      </c>
      <c r="C196">
        <v>7.0716669999999997</v>
      </c>
      <c r="D196">
        <f t="shared" si="9"/>
        <v>0.97093099999999932</v>
      </c>
      <c r="E196">
        <f t="shared" si="10"/>
        <v>157.53280700000005</v>
      </c>
      <c r="F196">
        <f t="shared" si="11"/>
        <v>5.4952757123438403E-2</v>
      </c>
    </row>
    <row r="197" spans="1:6" x14ac:dyDescent="0.2">
      <c r="A197">
        <v>2953.054877</v>
      </c>
      <c r="B197">
        <v>19.980578000000001</v>
      </c>
      <c r="C197">
        <v>7.0766720000000003</v>
      </c>
      <c r="D197">
        <f t="shared" si="9"/>
        <v>0.97593599999999991</v>
      </c>
      <c r="E197">
        <f t="shared" si="10"/>
        <v>158.06558399999994</v>
      </c>
      <c r="F197">
        <f t="shared" si="11"/>
        <v>5.4845937477538464E-2</v>
      </c>
    </row>
    <row r="198" spans="1:6" x14ac:dyDescent="0.2">
      <c r="A198">
        <v>2954.022371</v>
      </c>
      <c r="B198">
        <v>19.983046999999999</v>
      </c>
      <c r="C198">
        <v>7.081677</v>
      </c>
      <c r="D198">
        <f t="shared" si="9"/>
        <v>0.98094099999999962</v>
      </c>
      <c r="E198">
        <f t="shared" si="10"/>
        <v>159.03307799999993</v>
      </c>
      <c r="F198">
        <f t="shared" si="11"/>
        <v>5.488210971757982E-2</v>
      </c>
    </row>
    <row r="199" spans="1:6" x14ac:dyDescent="0.2">
      <c r="A199">
        <v>2954.3715609999999</v>
      </c>
      <c r="B199">
        <v>20.003851999999998</v>
      </c>
      <c r="C199">
        <v>7.0866819999999997</v>
      </c>
      <c r="D199">
        <f t="shared" si="9"/>
        <v>0.98594599999999932</v>
      </c>
      <c r="E199">
        <f t="shared" si="10"/>
        <v>159.38226799999984</v>
      </c>
      <c r="F199">
        <f t="shared" si="11"/>
        <v>5.4716934604765802E-2</v>
      </c>
    </row>
    <row r="200" spans="1:6" x14ac:dyDescent="0.2">
      <c r="A200">
        <v>2954.5074009999998</v>
      </c>
      <c r="B200">
        <v>19.989719000000001</v>
      </c>
      <c r="C200">
        <v>7.0916860000000002</v>
      </c>
      <c r="D200">
        <f t="shared" si="9"/>
        <v>0.99094999999999978</v>
      </c>
      <c r="E200">
        <f t="shared" si="10"/>
        <v>159.51810799999976</v>
      </c>
      <c r="F200">
        <f t="shared" si="11"/>
        <v>5.44845245851176E-2</v>
      </c>
    </row>
    <row r="201" spans="1:6" x14ac:dyDescent="0.2">
      <c r="A201">
        <v>2954.40652</v>
      </c>
      <c r="B201">
        <v>19.996212</v>
      </c>
      <c r="C201">
        <v>7.0966909999999999</v>
      </c>
      <c r="D201">
        <f t="shared" si="9"/>
        <v>0.99595499999999948</v>
      </c>
      <c r="E201">
        <f t="shared" si="10"/>
        <v>159.41722699999991</v>
      </c>
      <c r="F201">
        <f t="shared" si="11"/>
        <v>5.4178288458980442E-2</v>
      </c>
    </row>
    <row r="202" spans="1:6" x14ac:dyDescent="0.2">
      <c r="A202">
        <v>2954.0827319999999</v>
      </c>
      <c r="B202">
        <v>20.010470999999999</v>
      </c>
      <c r="C202">
        <v>7.1016959999999996</v>
      </c>
      <c r="D202">
        <f t="shared" si="9"/>
        <v>1.0009599999999992</v>
      </c>
      <c r="E202">
        <f t="shared" si="10"/>
        <v>159.09343899999976</v>
      </c>
      <c r="F202">
        <f t="shared" si="11"/>
        <v>5.380379298681489E-2</v>
      </c>
    </row>
    <row r="203" spans="1:6" x14ac:dyDescent="0.2">
      <c r="A203">
        <v>2953.6271069999998</v>
      </c>
      <c r="B203">
        <v>19.990812999999999</v>
      </c>
      <c r="C203">
        <v>7.1067010000000002</v>
      </c>
      <c r="D203">
        <f t="shared" si="9"/>
        <v>1.0059649999999998</v>
      </c>
      <c r="E203">
        <f t="shared" si="10"/>
        <v>158.63781399999971</v>
      </c>
      <c r="F203">
        <f t="shared" si="11"/>
        <v>5.3391015447937333E-2</v>
      </c>
    </row>
    <row r="204" spans="1:6" x14ac:dyDescent="0.2">
      <c r="A204">
        <v>2953.501757</v>
      </c>
      <c r="B204">
        <v>20.018630000000002</v>
      </c>
      <c r="C204">
        <v>7.1117059999999999</v>
      </c>
      <c r="D204">
        <f t="shared" si="9"/>
        <v>1.0109699999999995</v>
      </c>
      <c r="E204">
        <f t="shared" si="10"/>
        <v>158.51246399999991</v>
      </c>
      <c r="F204">
        <f t="shared" si="11"/>
        <v>5.3086967171411183E-2</v>
      </c>
    </row>
    <row r="205" spans="1:6" x14ac:dyDescent="0.2">
      <c r="A205">
        <v>2952.9003720000001</v>
      </c>
      <c r="B205">
        <v>20.021539000000001</v>
      </c>
      <c r="C205">
        <v>7.1167100000000003</v>
      </c>
      <c r="D205">
        <f t="shared" si="9"/>
        <v>1.0159739999999999</v>
      </c>
      <c r="E205">
        <f t="shared" si="10"/>
        <v>157.91107899999997</v>
      </c>
      <c r="F205">
        <f t="shared" si="11"/>
        <v>5.2635798120104708E-2</v>
      </c>
    </row>
    <row r="206" spans="1:6" x14ac:dyDescent="0.2">
      <c r="A206">
        <v>2952.271092</v>
      </c>
      <c r="B206">
        <v>19.998591999999999</v>
      </c>
      <c r="C206">
        <v>7.121715</v>
      </c>
      <c r="D206">
        <f t="shared" si="9"/>
        <v>1.0209789999999996</v>
      </c>
      <c r="E206">
        <f t="shared" si="10"/>
        <v>157.28179899999986</v>
      </c>
      <c r="F206">
        <f t="shared" si="11"/>
        <v>5.2180162179272981E-2</v>
      </c>
    </row>
    <row r="207" spans="1:6" x14ac:dyDescent="0.2">
      <c r="A207">
        <v>2951.9682469999998</v>
      </c>
      <c r="B207">
        <v>19.983899999999998</v>
      </c>
      <c r="C207">
        <v>7.1267199999999997</v>
      </c>
      <c r="D207">
        <f t="shared" si="9"/>
        <v>1.0259839999999993</v>
      </c>
      <c r="E207">
        <f t="shared" si="10"/>
        <v>156.9789539999997</v>
      </c>
      <c r="F207">
        <f t="shared" si="11"/>
        <v>5.1830949061418725E-2</v>
      </c>
    </row>
    <row r="208" spans="1:6" x14ac:dyDescent="0.2">
      <c r="A208">
        <v>2952.2969509999998</v>
      </c>
      <c r="B208">
        <v>20.008036000000001</v>
      </c>
      <c r="C208">
        <v>7.1317250000000003</v>
      </c>
      <c r="D208">
        <f t="shared" si="9"/>
        <v>1.0309889999999999</v>
      </c>
      <c r="E208">
        <f t="shared" si="10"/>
        <v>157.30765799999972</v>
      </c>
      <c r="F208">
        <f t="shared" si="11"/>
        <v>5.1681581581404387E-2</v>
      </c>
    </row>
    <row r="209" spans="1:6" x14ac:dyDescent="0.2">
      <c r="A209">
        <v>2952.9774579999998</v>
      </c>
      <c r="B209">
        <v>19.974682999999999</v>
      </c>
      <c r="C209">
        <v>7.13673</v>
      </c>
      <c r="D209">
        <f t="shared" si="9"/>
        <v>1.0359939999999996</v>
      </c>
      <c r="E209">
        <f t="shared" si="10"/>
        <v>157.98816499999975</v>
      </c>
      <c r="F209">
        <f t="shared" si="11"/>
        <v>5.1642491056214733E-2</v>
      </c>
    </row>
    <row r="210" spans="1:6" x14ac:dyDescent="0.2">
      <c r="A210">
        <v>2953.5271320000002</v>
      </c>
      <c r="B210">
        <v>19.978254</v>
      </c>
      <c r="C210">
        <v>7.1417339999999996</v>
      </c>
      <c r="D210">
        <f t="shared" si="9"/>
        <v>1.0409979999999992</v>
      </c>
      <c r="E210">
        <f t="shared" si="10"/>
        <v>158.53783900000008</v>
      </c>
      <c r="F210">
        <f t="shared" si="11"/>
        <v>5.1563462684900647E-2</v>
      </c>
    </row>
    <row r="211" spans="1:6" x14ac:dyDescent="0.2">
      <c r="A211">
        <v>2954.083083</v>
      </c>
      <c r="B211">
        <v>19.991482999999999</v>
      </c>
      <c r="C211">
        <v>7.1467390000000002</v>
      </c>
      <c r="D211">
        <f t="shared" si="9"/>
        <v>1.0460029999999998</v>
      </c>
      <c r="E211">
        <f t="shared" si="10"/>
        <v>159.0937899999999</v>
      </c>
      <c r="F211">
        <f t="shared" si="11"/>
        <v>5.1487000560847845E-2</v>
      </c>
    </row>
    <row r="212" spans="1:6" x14ac:dyDescent="0.2">
      <c r="A212">
        <v>2954.2783720000002</v>
      </c>
      <c r="B212">
        <v>19.983408000000001</v>
      </c>
      <c r="C212">
        <v>7.1517439999999999</v>
      </c>
      <c r="D212">
        <f t="shared" si="9"/>
        <v>1.0510079999999995</v>
      </c>
      <c r="E212">
        <f t="shared" si="10"/>
        <v>159.28907900000013</v>
      </c>
      <c r="F212">
        <f t="shared" si="11"/>
        <v>5.1301322903481807E-2</v>
      </c>
    </row>
    <row r="213" spans="1:6" x14ac:dyDescent="0.2">
      <c r="A213">
        <v>2955.1041340000002</v>
      </c>
      <c r="B213">
        <v>19.971919</v>
      </c>
      <c r="C213">
        <v>7.1567489999999996</v>
      </c>
      <c r="D213">
        <f t="shared" si="9"/>
        <v>1.0560129999999992</v>
      </c>
      <c r="E213">
        <f t="shared" si="10"/>
        <v>160.11484100000007</v>
      </c>
      <c r="F213">
        <f t="shared" si="11"/>
        <v>5.1308525529939003E-2</v>
      </c>
    </row>
    <row r="214" spans="1:6" x14ac:dyDescent="0.2">
      <c r="A214">
        <v>2956.8576509999998</v>
      </c>
      <c r="B214">
        <v>19.970351000000001</v>
      </c>
      <c r="C214">
        <v>7.1617540000000002</v>
      </c>
      <c r="D214">
        <f t="shared" si="9"/>
        <v>1.0610179999999998</v>
      </c>
      <c r="E214">
        <f t="shared" si="10"/>
        <v>161.86835799999972</v>
      </c>
      <c r="F214">
        <f t="shared" si="11"/>
        <v>5.1595139653711056E-2</v>
      </c>
    </row>
    <row r="215" spans="1:6" x14ac:dyDescent="0.2">
      <c r="A215">
        <v>2958.4828440000001</v>
      </c>
      <c r="B215">
        <v>19.947538000000002</v>
      </c>
      <c r="C215">
        <v>7.1667579999999997</v>
      </c>
      <c r="D215">
        <f t="shared" si="9"/>
        <v>1.0660219999999994</v>
      </c>
      <c r="E215">
        <f t="shared" si="10"/>
        <v>163.49355100000002</v>
      </c>
      <c r="F215">
        <f t="shared" si="11"/>
        <v>5.1840049062834744E-2</v>
      </c>
    </row>
    <row r="216" spans="1:6" x14ac:dyDescent="0.2">
      <c r="A216">
        <v>2959.3206610000002</v>
      </c>
      <c r="B216">
        <v>19.997197</v>
      </c>
      <c r="C216">
        <v>7.1717630000000003</v>
      </c>
      <c r="D216">
        <f t="shared" si="9"/>
        <v>1.071027</v>
      </c>
      <c r="E216">
        <f t="shared" si="10"/>
        <v>164.33136800000011</v>
      </c>
      <c r="F216">
        <f t="shared" si="11"/>
        <v>5.1847524449074277E-2</v>
      </c>
    </row>
    <row r="217" spans="1:6" x14ac:dyDescent="0.2">
      <c r="A217">
        <v>2960.2716999999998</v>
      </c>
      <c r="B217">
        <v>19.965771</v>
      </c>
      <c r="C217">
        <v>7.176768</v>
      </c>
      <c r="D217">
        <f t="shared" si="9"/>
        <v>1.0760319999999997</v>
      </c>
      <c r="E217">
        <f t="shared" si="10"/>
        <v>165.28240699999969</v>
      </c>
      <c r="F217">
        <f t="shared" si="11"/>
        <v>5.188835092634736E-2</v>
      </c>
    </row>
    <row r="218" spans="1:6" x14ac:dyDescent="0.2">
      <c r="A218">
        <v>2961.894855</v>
      </c>
      <c r="B218">
        <v>19.970351999999998</v>
      </c>
      <c r="C218">
        <v>7.1817729999999997</v>
      </c>
      <c r="D218">
        <f t="shared" si="9"/>
        <v>1.0810369999999994</v>
      </c>
      <c r="E218">
        <f t="shared" si="10"/>
        <v>166.90556199999992</v>
      </c>
      <c r="F218">
        <f t="shared" si="11"/>
        <v>5.212674582363399E-2</v>
      </c>
    </row>
    <row r="219" spans="1:6" x14ac:dyDescent="0.2">
      <c r="A219">
        <v>2963.2384109999998</v>
      </c>
      <c r="B219">
        <v>19.977551999999999</v>
      </c>
      <c r="C219">
        <v>7.1867780000000003</v>
      </c>
      <c r="D219">
        <f t="shared" si="9"/>
        <v>1.086042</v>
      </c>
      <c r="E219">
        <f t="shared" si="10"/>
        <v>168.24911799999973</v>
      </c>
      <c r="F219">
        <f t="shared" si="11"/>
        <v>5.2280481746615294E-2</v>
      </c>
    </row>
    <row r="220" spans="1:6" x14ac:dyDescent="0.2">
      <c r="A220">
        <v>2963.9294540000001</v>
      </c>
      <c r="B220">
        <v>19.982348999999999</v>
      </c>
      <c r="C220">
        <v>7.1917819999999999</v>
      </c>
      <c r="D220">
        <f t="shared" si="9"/>
        <v>1.0910459999999995</v>
      </c>
      <c r="E220">
        <f t="shared" si="10"/>
        <v>168.94016099999999</v>
      </c>
      <c r="F220">
        <f t="shared" si="11"/>
        <v>5.2242262825165711E-2</v>
      </c>
    </row>
    <row r="221" spans="1:6" x14ac:dyDescent="0.2">
      <c r="A221">
        <v>2963.948257</v>
      </c>
      <c r="B221">
        <v>20.000473</v>
      </c>
      <c r="C221">
        <v>7.1967869999999996</v>
      </c>
      <c r="D221">
        <f t="shared" si="9"/>
        <v>1.0960509999999992</v>
      </c>
      <c r="E221">
        <f t="shared" si="10"/>
        <v>168.95896399999992</v>
      </c>
      <c r="F221">
        <f t="shared" si="11"/>
        <v>5.200916216031027E-2</v>
      </c>
    </row>
    <row r="222" spans="1:6" x14ac:dyDescent="0.2">
      <c r="A222">
        <v>2964.518865</v>
      </c>
      <c r="B222">
        <v>19.979303999999999</v>
      </c>
      <c r="C222">
        <v>7.2017920000000002</v>
      </c>
      <c r="D222">
        <f t="shared" si="9"/>
        <v>1.1010559999999998</v>
      </c>
      <c r="E222">
        <f t="shared" si="10"/>
        <v>169.52957199999992</v>
      </c>
      <c r="F222">
        <f t="shared" si="11"/>
        <v>5.1937595460364687E-2</v>
      </c>
    </row>
    <row r="223" spans="1:6" x14ac:dyDescent="0.2">
      <c r="A223">
        <v>2965.3394389999999</v>
      </c>
      <c r="B223">
        <v>19.995235999999998</v>
      </c>
      <c r="C223">
        <v>7.2067969999999999</v>
      </c>
      <c r="D223">
        <f t="shared" si="9"/>
        <v>1.1060609999999995</v>
      </c>
      <c r="E223">
        <f t="shared" si="10"/>
        <v>170.35014599999977</v>
      </c>
      <c r="F223">
        <f t="shared" si="11"/>
        <v>5.1938453862259898E-2</v>
      </c>
    </row>
    <row r="224" spans="1:6" x14ac:dyDescent="0.2">
      <c r="A224">
        <v>2964.7407669999998</v>
      </c>
      <c r="B224">
        <v>20.015718</v>
      </c>
      <c r="C224">
        <v>7.2118019999999996</v>
      </c>
      <c r="D224">
        <f t="shared" si="9"/>
        <v>1.1110659999999992</v>
      </c>
      <c r="E224">
        <f t="shared" si="10"/>
        <v>169.75147399999969</v>
      </c>
      <c r="F224">
        <f t="shared" si="11"/>
        <v>5.1533183363380523E-2</v>
      </c>
    </row>
    <row r="225" spans="1:6" x14ac:dyDescent="0.2">
      <c r="A225">
        <v>2963.3745869999998</v>
      </c>
      <c r="B225">
        <v>20.036878000000002</v>
      </c>
      <c r="C225">
        <v>7.2168060000000001</v>
      </c>
      <c r="D225">
        <f t="shared" si="9"/>
        <v>1.1160699999999997</v>
      </c>
      <c r="E225">
        <f t="shared" si="10"/>
        <v>168.3852939999997</v>
      </c>
      <c r="F225">
        <f t="shared" si="11"/>
        <v>5.0912705131453212E-2</v>
      </c>
    </row>
    <row r="226" spans="1:6" x14ac:dyDescent="0.2">
      <c r="A226">
        <v>2962.9099809999998</v>
      </c>
      <c r="B226">
        <v>19.98685</v>
      </c>
      <c r="C226">
        <v>7.2218109999999998</v>
      </c>
      <c r="D226">
        <f t="shared" si="9"/>
        <v>1.1210749999999994</v>
      </c>
      <c r="E226">
        <f t="shared" si="10"/>
        <v>167.9206879999997</v>
      </c>
      <c r="F226">
        <f t="shared" si="11"/>
        <v>5.055348269791398E-2</v>
      </c>
    </row>
    <row r="227" spans="1:6" x14ac:dyDescent="0.2">
      <c r="A227">
        <v>2962.7338679999998</v>
      </c>
      <c r="B227">
        <v>20.000014</v>
      </c>
      <c r="C227">
        <v>7.2268160000000004</v>
      </c>
      <c r="D227">
        <f t="shared" si="9"/>
        <v>1.12608</v>
      </c>
      <c r="E227">
        <f t="shared" si="10"/>
        <v>167.74457499999971</v>
      </c>
      <c r="F227">
        <f t="shared" si="11"/>
        <v>5.0278995945280763E-2</v>
      </c>
    </row>
    <row r="228" spans="1:6" x14ac:dyDescent="0.2">
      <c r="A228">
        <v>2962.5904700000001</v>
      </c>
      <c r="B228">
        <v>20.001047</v>
      </c>
      <c r="C228">
        <v>7.2318210000000001</v>
      </c>
      <c r="D228">
        <f t="shared" si="9"/>
        <v>1.1310849999999997</v>
      </c>
      <c r="E228">
        <f t="shared" si="10"/>
        <v>167.60117700000001</v>
      </c>
      <c r="F228">
        <f t="shared" si="11"/>
        <v>5.0016143197281746E-2</v>
      </c>
    </row>
    <row r="229" spans="1:6" x14ac:dyDescent="0.2">
      <c r="A229">
        <v>2962.56601</v>
      </c>
      <c r="B229">
        <v>19.997717999999999</v>
      </c>
      <c r="C229">
        <v>7.2368259999999998</v>
      </c>
      <c r="D229">
        <f t="shared" si="9"/>
        <v>1.1360899999999994</v>
      </c>
      <c r="E229">
        <f t="shared" si="10"/>
        <v>167.57671699999992</v>
      </c>
      <c r="F229">
        <f t="shared" si="11"/>
        <v>4.9788942825800271E-2</v>
      </c>
    </row>
    <row r="230" spans="1:6" x14ac:dyDescent="0.2">
      <c r="A230">
        <v>2962.6770230000002</v>
      </c>
      <c r="B230">
        <v>19.99108</v>
      </c>
      <c r="C230">
        <v>7.2418300000000002</v>
      </c>
      <c r="D230">
        <f t="shared" si="9"/>
        <v>1.1410939999999998</v>
      </c>
      <c r="E230">
        <f t="shared" si="10"/>
        <v>167.6877300000001</v>
      </c>
      <c r="F230">
        <f t="shared" si="11"/>
        <v>4.9601585014029691E-2</v>
      </c>
    </row>
    <row r="231" spans="1:6" x14ac:dyDescent="0.2">
      <c r="A231">
        <v>2962.9215509999999</v>
      </c>
      <c r="B231">
        <v>19.976699</v>
      </c>
      <c r="C231">
        <v>7.2468349999999999</v>
      </c>
      <c r="D231">
        <f t="shared" si="9"/>
        <v>1.1460989999999995</v>
      </c>
      <c r="E231">
        <f t="shared" si="10"/>
        <v>167.93225799999982</v>
      </c>
      <c r="F231">
        <f t="shared" si="11"/>
        <v>4.9452908724467393E-2</v>
      </c>
    </row>
    <row r="232" spans="1:6" x14ac:dyDescent="0.2">
      <c r="A232">
        <v>2963.9457349999998</v>
      </c>
      <c r="B232">
        <v>19.985455999999999</v>
      </c>
      <c r="C232">
        <v>7.2518399999999996</v>
      </c>
      <c r="D232">
        <f t="shared" si="9"/>
        <v>1.1511039999999992</v>
      </c>
      <c r="E232">
        <f t="shared" si="10"/>
        <v>168.9564419999997</v>
      </c>
      <c r="F232">
        <f t="shared" si="11"/>
        <v>4.9521061352476595E-2</v>
      </c>
    </row>
    <row r="233" spans="1:6" x14ac:dyDescent="0.2">
      <c r="A233">
        <v>2965.6154999999999</v>
      </c>
      <c r="B233">
        <v>19.933527000000002</v>
      </c>
      <c r="C233">
        <v>7.2568450000000002</v>
      </c>
      <c r="D233">
        <f t="shared" si="9"/>
        <v>1.1561089999999998</v>
      </c>
      <c r="E233">
        <f t="shared" si="10"/>
        <v>170.62620699999979</v>
      </c>
      <c r="F233">
        <f t="shared" si="11"/>
        <v>4.9765928539322997E-2</v>
      </c>
    </row>
    <row r="234" spans="1:6" x14ac:dyDescent="0.2">
      <c r="A234">
        <v>2967.550882</v>
      </c>
      <c r="B234">
        <v>19.959336</v>
      </c>
      <c r="C234">
        <v>7.2618499999999999</v>
      </c>
      <c r="D234">
        <f t="shared" si="9"/>
        <v>1.1611139999999995</v>
      </c>
      <c r="E234">
        <f t="shared" si="10"/>
        <v>172.56158899999991</v>
      </c>
      <c r="F234">
        <f t="shared" si="11"/>
        <v>5.0080781291851124E-2</v>
      </c>
    </row>
    <row r="235" spans="1:6" x14ac:dyDescent="0.2">
      <c r="A235">
        <v>2968.8487300000002</v>
      </c>
      <c r="B235">
        <v>19.977202999999999</v>
      </c>
      <c r="C235">
        <v>7.2668540000000004</v>
      </c>
      <c r="D235">
        <f t="shared" si="9"/>
        <v>1.166118</v>
      </c>
      <c r="E235">
        <f t="shared" si="10"/>
        <v>173.85943700000007</v>
      </c>
      <c r="F235">
        <f t="shared" si="11"/>
        <v>5.0218958323243308E-2</v>
      </c>
    </row>
    <row r="236" spans="1:6" x14ac:dyDescent="0.2">
      <c r="A236">
        <v>2969.774915</v>
      </c>
      <c r="B236">
        <v>19.963576</v>
      </c>
      <c r="C236">
        <v>7.2718590000000001</v>
      </c>
      <c r="D236">
        <f t="shared" si="9"/>
        <v>1.1711229999999997</v>
      </c>
      <c r="E236">
        <f t="shared" si="10"/>
        <v>174.78562199999988</v>
      </c>
      <c r="F236">
        <f t="shared" si="11"/>
        <v>5.0255044228519327E-2</v>
      </c>
    </row>
    <row r="237" spans="1:6" x14ac:dyDescent="0.2">
      <c r="A237">
        <v>2970.988507</v>
      </c>
      <c r="B237">
        <v>19.975009</v>
      </c>
      <c r="C237">
        <v>7.2768639999999998</v>
      </c>
      <c r="D237">
        <f t="shared" si="9"/>
        <v>1.1761279999999994</v>
      </c>
      <c r="E237">
        <f t="shared" si="10"/>
        <v>175.99921399999994</v>
      </c>
      <c r="F237">
        <f t="shared" si="11"/>
        <v>5.0368053448274351E-2</v>
      </c>
    </row>
    <row r="238" spans="1:6" x14ac:dyDescent="0.2">
      <c r="A238">
        <v>2971.7921849999998</v>
      </c>
      <c r="B238">
        <v>19.976334999999999</v>
      </c>
      <c r="C238">
        <v>7.2818690000000004</v>
      </c>
      <c r="D238">
        <f t="shared" si="9"/>
        <v>1.181133</v>
      </c>
      <c r="E238">
        <f t="shared" si="10"/>
        <v>176.8028919999997</v>
      </c>
      <c r="F238">
        <f t="shared" si="11"/>
        <v>5.03700201661244E-2</v>
      </c>
    </row>
    <row r="239" spans="1:6" x14ac:dyDescent="0.2">
      <c r="A239">
        <v>2972.0929169999999</v>
      </c>
      <c r="B239">
        <v>20.005813</v>
      </c>
      <c r="C239">
        <v>7.2868740000000001</v>
      </c>
      <c r="D239">
        <f t="shared" si="9"/>
        <v>1.1861379999999997</v>
      </c>
      <c r="E239">
        <f t="shared" si="10"/>
        <v>177.10362399999985</v>
      </c>
      <c r="F239">
        <f t="shared" si="11"/>
        <v>5.0237711299867267E-2</v>
      </c>
    </row>
    <row r="240" spans="1:6" x14ac:dyDescent="0.2">
      <c r="A240">
        <v>2971.8038350000002</v>
      </c>
      <c r="B240">
        <v>19.999079999999999</v>
      </c>
      <c r="C240">
        <v>7.2918779999999996</v>
      </c>
      <c r="D240">
        <f t="shared" si="9"/>
        <v>1.1911419999999993</v>
      </c>
      <c r="E240">
        <f t="shared" si="10"/>
        <v>176.81454200000007</v>
      </c>
      <c r="F240">
        <f t="shared" si="11"/>
        <v>4.9949863224539218E-2</v>
      </c>
    </row>
    <row r="241" spans="1:6" x14ac:dyDescent="0.2">
      <c r="A241">
        <v>2971.5903389999999</v>
      </c>
      <c r="B241">
        <v>20.001325000000001</v>
      </c>
      <c r="C241">
        <v>7.2968830000000002</v>
      </c>
      <c r="D241">
        <f t="shared" si="9"/>
        <v>1.1961469999999998</v>
      </c>
      <c r="E241">
        <f t="shared" si="10"/>
        <v>176.60104599999977</v>
      </c>
      <c r="F241">
        <f t="shared" si="11"/>
        <v>4.9684368984852866E-2</v>
      </c>
    </row>
    <row r="242" spans="1:6" x14ac:dyDescent="0.2">
      <c r="A242">
        <v>2971.662738</v>
      </c>
      <c r="B242">
        <v>20.003361999999999</v>
      </c>
      <c r="C242">
        <v>7.3018879999999999</v>
      </c>
      <c r="D242">
        <f t="shared" si="9"/>
        <v>1.2011519999999996</v>
      </c>
      <c r="E242">
        <f t="shared" si="10"/>
        <v>176.6734449999999</v>
      </c>
      <c r="F242">
        <f t="shared" si="11"/>
        <v>4.9496420220081584E-2</v>
      </c>
    </row>
    <row r="243" spans="1:6" x14ac:dyDescent="0.2">
      <c r="A243">
        <v>2971.8020849999998</v>
      </c>
      <c r="B243">
        <v>20.004479</v>
      </c>
      <c r="C243">
        <v>7.3068929999999996</v>
      </c>
      <c r="D243">
        <f t="shared" si="9"/>
        <v>1.2061569999999993</v>
      </c>
      <c r="E243">
        <f t="shared" si="10"/>
        <v>176.81279199999972</v>
      </c>
      <c r="F243">
        <f t="shared" si="11"/>
        <v>4.9327596779555387E-2</v>
      </c>
    </row>
    <row r="244" spans="1:6" x14ac:dyDescent="0.2">
      <c r="A244">
        <v>2971.976122</v>
      </c>
      <c r="B244">
        <v>19.991128</v>
      </c>
      <c r="C244">
        <v>7.3118980000000002</v>
      </c>
      <c r="D244">
        <f t="shared" si="9"/>
        <v>1.2111619999999998</v>
      </c>
      <c r="E244">
        <f t="shared" si="10"/>
        <v>176.98682899999994</v>
      </c>
      <c r="F244">
        <f t="shared" si="11"/>
        <v>4.9169228729568651E-2</v>
      </c>
    </row>
    <row r="245" spans="1:6" x14ac:dyDescent="0.2">
      <c r="A245">
        <v>2972.452988</v>
      </c>
      <c r="B245">
        <v>19.977150999999999</v>
      </c>
      <c r="C245">
        <v>7.3169019999999998</v>
      </c>
      <c r="D245">
        <f t="shared" si="9"/>
        <v>1.2161659999999994</v>
      </c>
      <c r="E245">
        <f t="shared" si="10"/>
        <v>177.46369499999992</v>
      </c>
      <c r="F245">
        <f t="shared" si="11"/>
        <v>4.9090976091452077E-2</v>
      </c>
    </row>
    <row r="246" spans="1:6" x14ac:dyDescent="0.2">
      <c r="A246">
        <v>2973.3468280000002</v>
      </c>
      <c r="B246">
        <v>19.985011</v>
      </c>
      <c r="C246">
        <v>7.3219070000000004</v>
      </c>
      <c r="D246">
        <f t="shared" si="9"/>
        <v>1.221171</v>
      </c>
      <c r="E246">
        <f t="shared" si="10"/>
        <v>178.3575350000001</v>
      </c>
      <c r="F246">
        <f t="shared" si="11"/>
        <v>4.9121249850742614E-2</v>
      </c>
    </row>
    <row r="247" spans="1:6" x14ac:dyDescent="0.2">
      <c r="A247">
        <v>2973.953614</v>
      </c>
      <c r="B247">
        <v>19.984276000000001</v>
      </c>
      <c r="C247">
        <v>7.3269120000000001</v>
      </c>
      <c r="D247">
        <f t="shared" si="9"/>
        <v>1.2261759999999997</v>
      </c>
      <c r="E247">
        <f t="shared" si="10"/>
        <v>178.96432099999993</v>
      </c>
      <c r="F247">
        <f t="shared" si="11"/>
        <v>4.9077163644506011E-2</v>
      </c>
    </row>
    <row r="248" spans="1:6" x14ac:dyDescent="0.2">
      <c r="A248">
        <v>2973.7888979999998</v>
      </c>
      <c r="B248">
        <v>20.006561000000001</v>
      </c>
      <c r="C248">
        <v>7.3319169999999998</v>
      </c>
      <c r="D248">
        <f t="shared" si="9"/>
        <v>1.2311809999999994</v>
      </c>
      <c r="E248">
        <f t="shared" si="10"/>
        <v>178.7996049999997</v>
      </c>
      <c r="F248">
        <f t="shared" si="11"/>
        <v>4.8835373605642711E-2</v>
      </c>
    </row>
    <row r="249" spans="1:6" x14ac:dyDescent="0.2">
      <c r="A249">
        <v>2973.2484939999999</v>
      </c>
      <c r="B249">
        <v>20.032228</v>
      </c>
      <c r="C249">
        <v>7.3369220000000004</v>
      </c>
      <c r="D249">
        <f t="shared" si="9"/>
        <v>1.236186</v>
      </c>
      <c r="E249">
        <f t="shared" si="10"/>
        <v>178.25920099999985</v>
      </c>
      <c r="F249">
        <f t="shared" si="11"/>
        <v>4.8499462684709886E-2</v>
      </c>
    </row>
    <row r="250" spans="1:6" x14ac:dyDescent="0.2">
      <c r="A250">
        <v>2972.2762619999999</v>
      </c>
      <c r="B250">
        <v>19.992069000000001</v>
      </c>
      <c r="C250">
        <v>7.341926</v>
      </c>
      <c r="D250">
        <f t="shared" si="9"/>
        <v>1.2411899999999996</v>
      </c>
      <c r="E250">
        <f t="shared" si="10"/>
        <v>177.28696899999977</v>
      </c>
      <c r="F250">
        <f t="shared" si="11"/>
        <v>4.8056194225686563E-2</v>
      </c>
    </row>
    <row r="251" spans="1:6" x14ac:dyDescent="0.2">
      <c r="A251">
        <v>2971.8114340000002</v>
      </c>
      <c r="B251">
        <v>20.030826000000001</v>
      </c>
      <c r="C251">
        <v>7.3469309999999997</v>
      </c>
      <c r="D251">
        <f t="shared" si="9"/>
        <v>1.2461949999999993</v>
      </c>
      <c r="E251">
        <f t="shared" si="10"/>
        <v>176.8221410000001</v>
      </c>
      <c r="F251">
        <f t="shared" si="11"/>
        <v>4.7745164176505414E-2</v>
      </c>
    </row>
    <row r="252" spans="1:6" x14ac:dyDescent="0.2">
      <c r="A252">
        <v>2970.9257790000001</v>
      </c>
      <c r="B252">
        <v>20.013919999999999</v>
      </c>
      <c r="C252">
        <v>7.3519360000000002</v>
      </c>
      <c r="D252">
        <f t="shared" si="9"/>
        <v>1.2511999999999999</v>
      </c>
      <c r="E252">
        <f t="shared" si="10"/>
        <v>175.93648600000006</v>
      </c>
      <c r="F252">
        <f t="shared" si="11"/>
        <v>4.7330094936309082E-2</v>
      </c>
    </row>
    <row r="253" spans="1:6" x14ac:dyDescent="0.2">
      <c r="A253">
        <v>2970.2586379999998</v>
      </c>
      <c r="B253">
        <v>20.013662</v>
      </c>
      <c r="C253">
        <v>7.356941</v>
      </c>
      <c r="D253">
        <f t="shared" si="9"/>
        <v>1.2562049999999996</v>
      </c>
      <c r="E253">
        <f t="shared" si="10"/>
        <v>175.2693449999997</v>
      </c>
      <c r="F253">
        <f t="shared" si="11"/>
        <v>4.6973311555042141E-2</v>
      </c>
    </row>
    <row r="254" spans="1:6" x14ac:dyDescent="0.2">
      <c r="A254">
        <v>2970.0475580000002</v>
      </c>
      <c r="B254">
        <v>19.994681</v>
      </c>
      <c r="C254">
        <v>7.3619459999999997</v>
      </c>
      <c r="D254">
        <f t="shared" si="9"/>
        <v>1.2612099999999993</v>
      </c>
      <c r="E254">
        <f t="shared" si="10"/>
        <v>175.05826500000012</v>
      </c>
      <c r="F254">
        <f t="shared" si="11"/>
        <v>4.6733876954527263E-2</v>
      </c>
    </row>
    <row r="255" spans="1:6" x14ac:dyDescent="0.2">
      <c r="A255">
        <v>2969.7332160000001</v>
      </c>
      <c r="B255">
        <v>20.010684000000001</v>
      </c>
      <c r="C255">
        <v>7.3669500000000001</v>
      </c>
      <c r="D255">
        <f t="shared" si="9"/>
        <v>1.2662139999999997</v>
      </c>
      <c r="E255">
        <f t="shared" si="10"/>
        <v>174.743923</v>
      </c>
      <c r="F255">
        <f t="shared" si="11"/>
        <v>4.6470520175530876E-2</v>
      </c>
    </row>
    <row r="256" spans="1:6" x14ac:dyDescent="0.2">
      <c r="A256">
        <v>2969.4764319999999</v>
      </c>
      <c r="B256">
        <v>20.001214999999998</v>
      </c>
      <c r="C256">
        <v>7.3719549999999998</v>
      </c>
      <c r="D256">
        <f t="shared" si="9"/>
        <v>1.2712189999999994</v>
      </c>
      <c r="E256">
        <f t="shared" si="10"/>
        <v>174.48713899999984</v>
      </c>
      <c r="F256">
        <f t="shared" si="11"/>
        <v>4.6223535858282025E-2</v>
      </c>
    </row>
    <row r="257" spans="1:6" x14ac:dyDescent="0.2">
      <c r="A257">
        <v>2969.2924699999999</v>
      </c>
      <c r="B257">
        <v>20.003617999999999</v>
      </c>
      <c r="C257">
        <v>7.3769600000000004</v>
      </c>
      <c r="D257">
        <f t="shared" si="9"/>
        <v>1.276224</v>
      </c>
      <c r="E257">
        <f t="shared" si="10"/>
        <v>174.30317699999978</v>
      </c>
      <c r="F257">
        <f t="shared" si="11"/>
        <v>4.5996566969402214E-2</v>
      </c>
    </row>
    <row r="258" spans="1:6" x14ac:dyDescent="0.2">
      <c r="A258">
        <v>2969.9757460000001</v>
      </c>
      <c r="B258">
        <v>19.965260000000001</v>
      </c>
      <c r="C258">
        <v>7.3819650000000001</v>
      </c>
      <c r="D258">
        <f t="shared" si="9"/>
        <v>1.2812289999999997</v>
      </c>
      <c r="E258">
        <f t="shared" si="10"/>
        <v>174.98645299999998</v>
      </c>
      <c r="F258">
        <f t="shared" si="11"/>
        <v>4.5985907898460437E-2</v>
      </c>
    </row>
    <row r="259" spans="1:6" x14ac:dyDescent="0.2">
      <c r="A259">
        <v>2971.8320749999998</v>
      </c>
      <c r="B259">
        <v>19.951039999999999</v>
      </c>
      <c r="C259">
        <v>7.3869699999999998</v>
      </c>
      <c r="D259">
        <f t="shared" ref="D259:D322" si="12">C259-$C$2</f>
        <v>1.2862339999999994</v>
      </c>
      <c r="E259">
        <f t="shared" ref="E259:E322" si="13">A259-$A$2</f>
        <v>176.84278199999972</v>
      </c>
      <c r="F259">
        <f t="shared" ref="F259:F322" si="14">(1/A259)*(E259/D259)</f>
        <v>4.626399019120353E-2</v>
      </c>
    </row>
    <row r="260" spans="1:6" x14ac:dyDescent="0.2">
      <c r="A260">
        <v>2973.8723060000002</v>
      </c>
      <c r="B260">
        <v>19.936655999999999</v>
      </c>
      <c r="C260">
        <v>7.3919740000000003</v>
      </c>
      <c r="D260">
        <f t="shared" si="12"/>
        <v>1.2912379999999999</v>
      </c>
      <c r="E260">
        <f t="shared" si="13"/>
        <v>178.88301300000012</v>
      </c>
      <c r="F260">
        <f t="shared" si="14"/>
        <v>4.6584397855396531E-2</v>
      </c>
    </row>
    <row r="261" spans="1:6" x14ac:dyDescent="0.2">
      <c r="A261">
        <v>2975.8537799999999</v>
      </c>
      <c r="B261">
        <v>19.955508999999999</v>
      </c>
      <c r="C261">
        <v>7.396979</v>
      </c>
      <c r="D261">
        <f t="shared" si="12"/>
        <v>1.2962429999999996</v>
      </c>
      <c r="E261">
        <f t="shared" si="13"/>
        <v>180.86448699999983</v>
      </c>
      <c r="F261">
        <f t="shared" si="14"/>
        <v>4.6887306907727168E-2</v>
      </c>
    </row>
    <row r="262" spans="1:6" x14ac:dyDescent="0.2">
      <c r="A262">
        <v>2977.9145039999999</v>
      </c>
      <c r="B262">
        <v>19.934778999999999</v>
      </c>
      <c r="C262">
        <v>7.4019839999999997</v>
      </c>
      <c r="D262">
        <f t="shared" si="12"/>
        <v>1.3012479999999993</v>
      </c>
      <c r="E262">
        <f t="shared" si="13"/>
        <v>182.92521099999976</v>
      </c>
      <c r="F262">
        <f t="shared" si="14"/>
        <v>4.7206441589641532E-2</v>
      </c>
    </row>
    <row r="263" spans="1:6" x14ac:dyDescent="0.2">
      <c r="A263">
        <v>2979.918807</v>
      </c>
      <c r="B263">
        <v>19.957858999999999</v>
      </c>
      <c r="C263">
        <v>7.4069890000000003</v>
      </c>
      <c r="D263">
        <f t="shared" si="12"/>
        <v>1.3062529999999999</v>
      </c>
      <c r="E263">
        <f t="shared" si="13"/>
        <v>184.92951399999993</v>
      </c>
      <c r="F263">
        <f t="shared" si="14"/>
        <v>4.7508847626668627E-2</v>
      </c>
    </row>
    <row r="264" spans="1:6" x14ac:dyDescent="0.2">
      <c r="A264">
        <v>2981.8132690000002</v>
      </c>
      <c r="B264">
        <v>19.969902999999999</v>
      </c>
      <c r="C264">
        <v>7.411994</v>
      </c>
      <c r="D264">
        <f t="shared" si="12"/>
        <v>1.3112579999999996</v>
      </c>
      <c r="E264">
        <f t="shared" si="13"/>
        <v>186.82397600000013</v>
      </c>
      <c r="F264">
        <f t="shared" si="14"/>
        <v>4.7781966191334839E-2</v>
      </c>
    </row>
    <row r="265" spans="1:6" x14ac:dyDescent="0.2">
      <c r="A265">
        <v>2983.3978619999998</v>
      </c>
      <c r="B265">
        <v>19.962837</v>
      </c>
      <c r="C265">
        <v>7.4169980000000004</v>
      </c>
      <c r="D265">
        <f t="shared" si="12"/>
        <v>1.316262</v>
      </c>
      <c r="E265">
        <f t="shared" si="13"/>
        <v>188.40856899999972</v>
      </c>
      <c r="F265">
        <f t="shared" si="14"/>
        <v>4.7978551619481814E-2</v>
      </c>
    </row>
    <row r="266" spans="1:6" x14ac:dyDescent="0.2">
      <c r="A266">
        <v>2984.958807</v>
      </c>
      <c r="B266">
        <v>19.963687</v>
      </c>
      <c r="C266">
        <v>7.4220030000000001</v>
      </c>
      <c r="D266">
        <f t="shared" si="12"/>
        <v>1.3212669999999997</v>
      </c>
      <c r="E266">
        <f t="shared" si="13"/>
        <v>189.96951399999989</v>
      </c>
      <c r="F266">
        <f t="shared" si="14"/>
        <v>4.8167597077347052E-2</v>
      </c>
    </row>
    <row r="267" spans="1:6" x14ac:dyDescent="0.2">
      <c r="A267">
        <v>2986.4276140000002</v>
      </c>
      <c r="B267">
        <v>19.960808</v>
      </c>
      <c r="C267">
        <v>7.4270079999999998</v>
      </c>
      <c r="D267">
        <f t="shared" si="12"/>
        <v>1.3262719999999995</v>
      </c>
      <c r="E267">
        <f t="shared" si="13"/>
        <v>191.43832100000009</v>
      </c>
      <c r="F267">
        <f t="shared" si="14"/>
        <v>4.8333059059090216E-2</v>
      </c>
    </row>
    <row r="268" spans="1:6" x14ac:dyDescent="0.2">
      <c r="A268">
        <v>2987.711671</v>
      </c>
      <c r="B268">
        <v>19.982001</v>
      </c>
      <c r="C268">
        <v>7.4320130000000004</v>
      </c>
      <c r="D268">
        <f t="shared" si="12"/>
        <v>1.331277</v>
      </c>
      <c r="E268">
        <f t="shared" si="13"/>
        <v>192.72237799999994</v>
      </c>
      <c r="F268">
        <f t="shared" si="14"/>
        <v>4.8453486592931631E-2</v>
      </c>
    </row>
    <row r="269" spans="1:6" x14ac:dyDescent="0.2">
      <c r="A269">
        <v>2988.0664219999999</v>
      </c>
      <c r="B269">
        <v>19.983979000000001</v>
      </c>
      <c r="C269">
        <v>7.4370180000000001</v>
      </c>
      <c r="D269">
        <f t="shared" si="12"/>
        <v>1.3362819999999997</v>
      </c>
      <c r="E269">
        <f t="shared" si="13"/>
        <v>193.07712899999979</v>
      </c>
      <c r="F269">
        <f t="shared" si="14"/>
        <v>4.8355120149519176E-2</v>
      </c>
    </row>
    <row r="270" spans="1:6" x14ac:dyDescent="0.2">
      <c r="A270">
        <v>2988.7665099999999</v>
      </c>
      <c r="B270">
        <v>19.993957000000002</v>
      </c>
      <c r="C270">
        <v>7.4420219999999997</v>
      </c>
      <c r="D270">
        <f t="shared" si="12"/>
        <v>1.3412859999999993</v>
      </c>
      <c r="E270">
        <f t="shared" si="13"/>
        <v>193.77721699999984</v>
      </c>
      <c r="F270">
        <f t="shared" si="14"/>
        <v>4.8338073151437351E-2</v>
      </c>
    </row>
    <row r="271" spans="1:6" x14ac:dyDescent="0.2">
      <c r="A271">
        <v>2989.7372070000001</v>
      </c>
      <c r="B271">
        <v>19.975096000000001</v>
      </c>
      <c r="C271">
        <v>7.4470270000000003</v>
      </c>
      <c r="D271">
        <f t="shared" si="12"/>
        <v>1.3462909999999999</v>
      </c>
      <c r="E271">
        <f t="shared" si="13"/>
        <v>194.74791400000004</v>
      </c>
      <c r="F271">
        <f t="shared" si="14"/>
        <v>4.838389820363078E-2</v>
      </c>
    </row>
    <row r="272" spans="1:6" x14ac:dyDescent="0.2">
      <c r="A272">
        <v>2989.495684</v>
      </c>
      <c r="B272">
        <v>20.004203</v>
      </c>
      <c r="C272">
        <v>7.452032</v>
      </c>
      <c r="D272">
        <f t="shared" si="12"/>
        <v>1.3512959999999996</v>
      </c>
      <c r="E272">
        <f t="shared" si="13"/>
        <v>194.50639099999989</v>
      </c>
      <c r="F272">
        <f t="shared" si="14"/>
        <v>4.8148798447305616E-2</v>
      </c>
    </row>
    <row r="273" spans="1:6" x14ac:dyDescent="0.2">
      <c r="A273">
        <v>2988.582711</v>
      </c>
      <c r="B273">
        <v>20.045718999999998</v>
      </c>
      <c r="C273">
        <v>7.4570369999999997</v>
      </c>
      <c r="D273">
        <f t="shared" si="12"/>
        <v>1.3563009999999993</v>
      </c>
      <c r="E273">
        <f t="shared" si="13"/>
        <v>193.59341799999993</v>
      </c>
      <c r="F273">
        <f t="shared" si="14"/>
        <v>4.7760539721355598E-2</v>
      </c>
    </row>
    <row r="274" spans="1:6" x14ac:dyDescent="0.2">
      <c r="A274">
        <v>2986.8440460000002</v>
      </c>
      <c r="B274">
        <v>20.049222</v>
      </c>
      <c r="C274">
        <v>7.4620420000000003</v>
      </c>
      <c r="D274">
        <f t="shared" si="12"/>
        <v>1.3613059999999999</v>
      </c>
      <c r="E274">
        <f t="shared" si="13"/>
        <v>191.85475300000007</v>
      </c>
      <c r="F274">
        <f t="shared" si="14"/>
        <v>4.7185032342548665E-2</v>
      </c>
    </row>
    <row r="275" spans="1:6" x14ac:dyDescent="0.2">
      <c r="A275">
        <v>2985.2547380000001</v>
      </c>
      <c r="B275">
        <v>20.008856000000002</v>
      </c>
      <c r="C275">
        <v>7.4670459999999999</v>
      </c>
      <c r="D275">
        <f t="shared" si="12"/>
        <v>1.3663099999999995</v>
      </c>
      <c r="E275">
        <f t="shared" si="13"/>
        <v>190.265445</v>
      </c>
      <c r="F275">
        <f t="shared" si="14"/>
        <v>4.6647597160901187E-2</v>
      </c>
    </row>
    <row r="276" spans="1:6" x14ac:dyDescent="0.2">
      <c r="A276">
        <v>2984.054713</v>
      </c>
      <c r="B276">
        <v>20.040846999999999</v>
      </c>
      <c r="C276">
        <v>7.4720510000000004</v>
      </c>
      <c r="D276">
        <f t="shared" si="12"/>
        <v>1.3713150000000001</v>
      </c>
      <c r="E276">
        <f t="shared" si="13"/>
        <v>189.0654199999999</v>
      </c>
      <c r="F276">
        <f t="shared" si="14"/>
        <v>4.6202778714543452E-2</v>
      </c>
    </row>
    <row r="277" spans="1:6" x14ac:dyDescent="0.2">
      <c r="A277">
        <v>2983.0608099999999</v>
      </c>
      <c r="B277">
        <v>20.005312</v>
      </c>
      <c r="C277">
        <v>7.4770560000000001</v>
      </c>
      <c r="D277">
        <f t="shared" si="12"/>
        <v>1.3763199999999998</v>
      </c>
      <c r="E277">
        <f t="shared" si="13"/>
        <v>188.07151699999986</v>
      </c>
      <c r="F277">
        <f t="shared" si="14"/>
        <v>4.5808017876817403E-2</v>
      </c>
    </row>
    <row r="278" spans="1:6" x14ac:dyDescent="0.2">
      <c r="A278">
        <v>2981.895051</v>
      </c>
      <c r="B278">
        <v>20.034808999999999</v>
      </c>
      <c r="C278">
        <v>7.4820609999999999</v>
      </c>
      <c r="D278">
        <f t="shared" si="12"/>
        <v>1.3813249999999995</v>
      </c>
      <c r="E278">
        <f t="shared" si="13"/>
        <v>186.90575799999988</v>
      </c>
      <c r="F278">
        <f t="shared" si="14"/>
        <v>4.5376861516252032E-2</v>
      </c>
    </row>
    <row r="279" spans="1:6" x14ac:dyDescent="0.2">
      <c r="A279">
        <v>2981.7935480000001</v>
      </c>
      <c r="B279">
        <v>19.974902</v>
      </c>
      <c r="C279">
        <v>7.4870660000000004</v>
      </c>
      <c r="D279">
        <f t="shared" si="12"/>
        <v>1.3863300000000001</v>
      </c>
      <c r="E279">
        <f t="shared" si="13"/>
        <v>186.80425500000001</v>
      </c>
      <c r="F279">
        <f t="shared" si="14"/>
        <v>4.5190024023143642E-2</v>
      </c>
    </row>
    <row r="280" spans="1:6" x14ac:dyDescent="0.2">
      <c r="A280">
        <v>2982.8953750000001</v>
      </c>
      <c r="B280">
        <v>19.957370000000001</v>
      </c>
      <c r="C280">
        <v>7.49207</v>
      </c>
      <c r="D280">
        <f t="shared" si="12"/>
        <v>1.3913339999999996</v>
      </c>
      <c r="E280">
        <f t="shared" si="13"/>
        <v>187.90608199999997</v>
      </c>
      <c r="F280">
        <f t="shared" si="14"/>
        <v>4.5276351030566084E-2</v>
      </c>
    </row>
    <row r="281" spans="1:6" x14ac:dyDescent="0.2">
      <c r="A281">
        <v>2983.7505379999998</v>
      </c>
      <c r="B281">
        <v>19.999348999999999</v>
      </c>
      <c r="C281">
        <v>7.4970749999999997</v>
      </c>
      <c r="D281">
        <f t="shared" si="12"/>
        <v>1.3963389999999993</v>
      </c>
      <c r="E281">
        <f t="shared" si="13"/>
        <v>188.76124499999969</v>
      </c>
      <c r="F281">
        <f t="shared" si="14"/>
        <v>4.5306389540256717E-2</v>
      </c>
    </row>
    <row r="282" spans="1:6" x14ac:dyDescent="0.2">
      <c r="A282">
        <v>2984.423155</v>
      </c>
      <c r="B282">
        <v>19.971516999999999</v>
      </c>
      <c r="C282">
        <v>7.5020800000000003</v>
      </c>
      <c r="D282">
        <f t="shared" si="12"/>
        <v>1.4013439999999999</v>
      </c>
      <c r="E282">
        <f t="shared" si="13"/>
        <v>189.43386199999986</v>
      </c>
      <c r="F282">
        <f t="shared" si="14"/>
        <v>4.5295228419177151E-2</v>
      </c>
    </row>
    <row r="283" spans="1:6" x14ac:dyDescent="0.2">
      <c r="A283">
        <v>2985.1633780000002</v>
      </c>
      <c r="B283">
        <v>19.994302999999999</v>
      </c>
      <c r="C283">
        <v>7.507085</v>
      </c>
      <c r="D283">
        <f t="shared" si="12"/>
        <v>1.4063489999999996</v>
      </c>
      <c r="E283">
        <f t="shared" si="13"/>
        <v>190.1740850000001</v>
      </c>
      <c r="F283">
        <f t="shared" si="14"/>
        <v>4.529915716451733E-2</v>
      </c>
    </row>
    <row r="284" spans="1:6" x14ac:dyDescent="0.2">
      <c r="A284">
        <v>2985.5819240000001</v>
      </c>
      <c r="B284">
        <v>19.995991</v>
      </c>
      <c r="C284">
        <v>7.5120899999999997</v>
      </c>
      <c r="D284">
        <f t="shared" si="12"/>
        <v>1.4113539999999993</v>
      </c>
      <c r="E284">
        <f t="shared" si="13"/>
        <v>190.59263099999998</v>
      </c>
      <c r="F284">
        <f t="shared" si="14"/>
        <v>4.5231517053417929E-2</v>
      </c>
    </row>
    <row r="285" spans="1:6" x14ac:dyDescent="0.2">
      <c r="A285">
        <v>2985.4530829999999</v>
      </c>
      <c r="B285">
        <v>20.002528999999999</v>
      </c>
      <c r="C285">
        <v>7.5170940000000002</v>
      </c>
      <c r="D285">
        <f t="shared" si="12"/>
        <v>1.4163579999999998</v>
      </c>
      <c r="E285">
        <f t="shared" si="13"/>
        <v>190.46378999999979</v>
      </c>
      <c r="F285">
        <f t="shared" si="14"/>
        <v>4.5043189117251053E-2</v>
      </c>
    </row>
    <row r="286" spans="1:6" x14ac:dyDescent="0.2">
      <c r="A286">
        <v>2985.1297140000001</v>
      </c>
      <c r="B286">
        <v>20.006622</v>
      </c>
      <c r="C286">
        <v>7.5220989999999999</v>
      </c>
      <c r="D286">
        <f t="shared" si="12"/>
        <v>1.4213629999999995</v>
      </c>
      <c r="E286">
        <f t="shared" si="13"/>
        <v>190.14042100000006</v>
      </c>
      <c r="F286">
        <f t="shared" si="14"/>
        <v>4.4813228977674549E-2</v>
      </c>
    </row>
    <row r="287" spans="1:6" x14ac:dyDescent="0.2">
      <c r="A287">
        <v>2984.8476780000001</v>
      </c>
      <c r="B287">
        <v>20.016691999999999</v>
      </c>
      <c r="C287">
        <v>7.5271039999999996</v>
      </c>
      <c r="D287">
        <f t="shared" si="12"/>
        <v>1.4263679999999992</v>
      </c>
      <c r="E287">
        <f t="shared" si="13"/>
        <v>189.858385</v>
      </c>
      <c r="F287">
        <f t="shared" si="14"/>
        <v>4.4593958157888615E-2</v>
      </c>
    </row>
    <row r="288" spans="1:6" x14ac:dyDescent="0.2">
      <c r="A288">
        <v>2984.3160429999998</v>
      </c>
      <c r="B288">
        <v>20.000207</v>
      </c>
      <c r="C288">
        <v>7.5321090000000002</v>
      </c>
      <c r="D288">
        <f t="shared" si="12"/>
        <v>1.4313729999999998</v>
      </c>
      <c r="E288">
        <f t="shared" si="13"/>
        <v>189.32674999999972</v>
      </c>
      <c r="F288">
        <f t="shared" si="14"/>
        <v>4.4321489315457221E-2</v>
      </c>
    </row>
    <row r="289" spans="1:6" x14ac:dyDescent="0.2">
      <c r="A289">
        <v>2983.817043</v>
      </c>
      <c r="B289">
        <v>20.003737999999998</v>
      </c>
      <c r="C289">
        <v>7.5371139999999999</v>
      </c>
      <c r="D289">
        <f t="shared" si="12"/>
        <v>1.4363779999999995</v>
      </c>
      <c r="E289">
        <f t="shared" si="13"/>
        <v>188.82774999999992</v>
      </c>
      <c r="F289">
        <f t="shared" si="14"/>
        <v>4.4058010625320658E-2</v>
      </c>
    </row>
    <row r="290" spans="1:6" x14ac:dyDescent="0.2">
      <c r="A290">
        <v>2983.9194229999998</v>
      </c>
      <c r="B290">
        <v>19.984734</v>
      </c>
      <c r="C290">
        <v>7.5421180000000003</v>
      </c>
      <c r="D290">
        <f t="shared" si="12"/>
        <v>1.4413819999999999</v>
      </c>
      <c r="E290">
        <f t="shared" si="13"/>
        <v>188.93012999999974</v>
      </c>
      <c r="F290">
        <f t="shared" si="14"/>
        <v>4.3927353369747575E-2</v>
      </c>
    </row>
    <row r="291" spans="1:6" x14ac:dyDescent="0.2">
      <c r="A291">
        <v>2984.2579959999998</v>
      </c>
      <c r="B291">
        <v>19.999317999999999</v>
      </c>
      <c r="C291">
        <v>7.547123</v>
      </c>
      <c r="D291">
        <f t="shared" si="12"/>
        <v>1.4463869999999996</v>
      </c>
      <c r="E291">
        <f t="shared" si="13"/>
        <v>189.26870299999973</v>
      </c>
      <c r="F291">
        <f t="shared" si="14"/>
        <v>4.3848821958898478E-2</v>
      </c>
    </row>
    <row r="292" spans="1:6" x14ac:dyDescent="0.2">
      <c r="A292">
        <v>2984.7502180000001</v>
      </c>
      <c r="B292">
        <v>19.986281999999999</v>
      </c>
      <c r="C292">
        <v>7.5521279999999997</v>
      </c>
      <c r="D292">
        <f t="shared" si="12"/>
        <v>1.4513919999999993</v>
      </c>
      <c r="E292">
        <f t="shared" si="13"/>
        <v>189.76092500000004</v>
      </c>
      <c r="F292">
        <f t="shared" si="14"/>
        <v>4.3804030345402305E-2</v>
      </c>
    </row>
    <row r="293" spans="1:6" x14ac:dyDescent="0.2">
      <c r="A293">
        <v>2985.0821890000002</v>
      </c>
      <c r="B293">
        <v>19.963837999999999</v>
      </c>
      <c r="C293">
        <v>7.5571330000000003</v>
      </c>
      <c r="D293">
        <f t="shared" si="12"/>
        <v>1.4563969999999999</v>
      </c>
      <c r="E293">
        <f t="shared" si="13"/>
        <v>190.09289600000011</v>
      </c>
      <c r="F293">
        <f t="shared" si="14"/>
        <v>4.3725000007602183E-2</v>
      </c>
    </row>
    <row r="294" spans="1:6" x14ac:dyDescent="0.2">
      <c r="A294">
        <v>2986.4304750000001</v>
      </c>
      <c r="B294">
        <v>19.969180000000001</v>
      </c>
      <c r="C294">
        <v>7.562138</v>
      </c>
      <c r="D294">
        <f t="shared" si="12"/>
        <v>1.4614019999999996</v>
      </c>
      <c r="E294">
        <f t="shared" si="13"/>
        <v>191.44118200000003</v>
      </c>
      <c r="F294">
        <f t="shared" si="14"/>
        <v>4.3864507845088385E-2</v>
      </c>
    </row>
    <row r="295" spans="1:6" x14ac:dyDescent="0.2">
      <c r="A295">
        <v>2988.5325440000001</v>
      </c>
      <c r="B295">
        <v>19.950144999999999</v>
      </c>
      <c r="C295">
        <v>7.5671419999999996</v>
      </c>
      <c r="D295">
        <f t="shared" si="12"/>
        <v>1.4664059999999992</v>
      </c>
      <c r="E295">
        <f t="shared" si="13"/>
        <v>193.54325100000005</v>
      </c>
      <c r="F295">
        <f t="shared" si="14"/>
        <v>4.4163736833741564E-2</v>
      </c>
    </row>
    <row r="296" spans="1:6" x14ac:dyDescent="0.2">
      <c r="A296">
        <v>2990.2931490000001</v>
      </c>
      <c r="B296">
        <v>19.948592999999999</v>
      </c>
      <c r="C296">
        <v>7.5721470000000002</v>
      </c>
      <c r="D296">
        <f t="shared" si="12"/>
        <v>1.4714109999999998</v>
      </c>
      <c r="E296">
        <f t="shared" si="13"/>
        <v>195.303856</v>
      </c>
      <c r="F296">
        <f t="shared" si="14"/>
        <v>4.4387742059024342E-2</v>
      </c>
    </row>
    <row r="297" spans="1:6" x14ac:dyDescent="0.2">
      <c r="A297">
        <v>2991.809561</v>
      </c>
      <c r="B297">
        <v>19.963511</v>
      </c>
      <c r="C297">
        <v>7.5771519999999999</v>
      </c>
      <c r="D297">
        <f t="shared" si="12"/>
        <v>1.4764159999999995</v>
      </c>
      <c r="E297">
        <f t="shared" si="13"/>
        <v>196.82026799999994</v>
      </c>
      <c r="F297">
        <f t="shared" si="14"/>
        <v>4.455814783643567E-2</v>
      </c>
    </row>
    <row r="298" spans="1:6" x14ac:dyDescent="0.2">
      <c r="A298">
        <v>2992.776202</v>
      </c>
      <c r="B298">
        <v>19.991914999999999</v>
      </c>
      <c r="C298">
        <v>7.5821569999999996</v>
      </c>
      <c r="D298">
        <f t="shared" si="12"/>
        <v>1.4814209999999992</v>
      </c>
      <c r="E298">
        <f t="shared" si="13"/>
        <v>197.78690899999992</v>
      </c>
      <c r="F298">
        <f t="shared" si="14"/>
        <v>4.4611292383782856E-2</v>
      </c>
    </row>
    <row r="299" spans="1:6" x14ac:dyDescent="0.2">
      <c r="A299">
        <v>2993.3774950000002</v>
      </c>
      <c r="B299">
        <v>19.98272</v>
      </c>
      <c r="C299">
        <v>7.5871620000000002</v>
      </c>
      <c r="D299">
        <f t="shared" si="12"/>
        <v>1.4864259999999998</v>
      </c>
      <c r="E299">
        <f t="shared" si="13"/>
        <v>198.38820200000009</v>
      </c>
      <c r="F299">
        <f t="shared" si="14"/>
        <v>4.4587288162732115E-2</v>
      </c>
    </row>
    <row r="300" spans="1:6" x14ac:dyDescent="0.2">
      <c r="A300">
        <v>2993.5538329999999</v>
      </c>
      <c r="B300">
        <v>19.994223999999999</v>
      </c>
      <c r="C300">
        <v>7.5921659999999997</v>
      </c>
      <c r="D300">
        <f t="shared" si="12"/>
        <v>1.4914299999999994</v>
      </c>
      <c r="E300">
        <f t="shared" si="13"/>
        <v>198.56453999999985</v>
      </c>
      <c r="F300">
        <f t="shared" si="14"/>
        <v>4.4474568883519833E-2</v>
      </c>
    </row>
    <row r="301" spans="1:6" x14ac:dyDescent="0.2">
      <c r="A301">
        <v>2994.3717550000001</v>
      </c>
      <c r="B301">
        <v>19.968194</v>
      </c>
      <c r="C301">
        <v>7.5971710000000003</v>
      </c>
      <c r="D301">
        <f t="shared" si="12"/>
        <v>1.496435</v>
      </c>
      <c r="E301">
        <f t="shared" si="13"/>
        <v>199.38246200000003</v>
      </c>
      <c r="F301">
        <f t="shared" si="14"/>
        <v>4.4496246716050403E-2</v>
      </c>
    </row>
    <row r="302" spans="1:6" x14ac:dyDescent="0.2">
      <c r="A302">
        <v>2995.564073</v>
      </c>
      <c r="B302">
        <v>19.983470000000001</v>
      </c>
      <c r="C302">
        <v>7.602176</v>
      </c>
      <c r="D302">
        <f t="shared" si="12"/>
        <v>1.5014399999999997</v>
      </c>
      <c r="E302">
        <f t="shared" si="13"/>
        <v>200.57477999999992</v>
      </c>
      <c r="F302">
        <f t="shared" si="14"/>
        <v>4.4595365680817615E-2</v>
      </c>
    </row>
    <row r="303" spans="1:6" x14ac:dyDescent="0.2">
      <c r="A303">
        <v>2996.4910799999998</v>
      </c>
      <c r="B303">
        <v>19.955933000000002</v>
      </c>
      <c r="C303">
        <v>7.6071809999999997</v>
      </c>
      <c r="D303">
        <f t="shared" si="12"/>
        <v>1.5064449999999994</v>
      </c>
      <c r="E303">
        <f t="shared" si="13"/>
        <v>201.50178699999969</v>
      </c>
      <c r="F303">
        <f t="shared" si="14"/>
        <v>4.4638812466664089E-2</v>
      </c>
    </row>
    <row r="304" spans="1:6" x14ac:dyDescent="0.2">
      <c r="A304">
        <v>2997.0611330000002</v>
      </c>
      <c r="B304">
        <v>19.999085999999998</v>
      </c>
      <c r="C304">
        <v>7.6121860000000003</v>
      </c>
      <c r="D304">
        <f t="shared" si="12"/>
        <v>1.51145</v>
      </c>
      <c r="E304">
        <f t="shared" si="13"/>
        <v>202.07184000000007</v>
      </c>
      <c r="F304">
        <f t="shared" si="14"/>
        <v>4.4608375665266618E-2</v>
      </c>
    </row>
    <row r="305" spans="1:6" x14ac:dyDescent="0.2">
      <c r="A305">
        <v>2997.6726910000002</v>
      </c>
      <c r="B305">
        <v>19.979827</v>
      </c>
      <c r="C305">
        <v>7.6171899999999999</v>
      </c>
      <c r="D305">
        <f t="shared" si="12"/>
        <v>1.5164539999999995</v>
      </c>
      <c r="E305">
        <f t="shared" si="13"/>
        <v>202.68339800000012</v>
      </c>
      <c r="F305">
        <f t="shared" si="14"/>
        <v>4.4586637797880274E-2</v>
      </c>
    </row>
    <row r="306" spans="1:6" x14ac:dyDescent="0.2">
      <c r="A306">
        <v>2998.6669609999999</v>
      </c>
      <c r="B306">
        <v>19.982589000000001</v>
      </c>
      <c r="C306">
        <v>7.6221949999999996</v>
      </c>
      <c r="D306">
        <f t="shared" si="12"/>
        <v>1.5214589999999992</v>
      </c>
      <c r="E306">
        <f t="shared" si="13"/>
        <v>203.67766799999981</v>
      </c>
      <c r="F306">
        <f t="shared" si="14"/>
        <v>4.4643159769164532E-2</v>
      </c>
    </row>
    <row r="307" spans="1:6" x14ac:dyDescent="0.2">
      <c r="A307">
        <v>2999.5289320000002</v>
      </c>
      <c r="B307">
        <v>19.979337000000001</v>
      </c>
      <c r="C307">
        <v>7.6272000000000002</v>
      </c>
      <c r="D307">
        <f t="shared" si="12"/>
        <v>1.5264639999999998</v>
      </c>
      <c r="E307">
        <f t="shared" si="13"/>
        <v>204.53963900000008</v>
      </c>
      <c r="F307">
        <f t="shared" si="14"/>
        <v>4.4672253740998882E-2</v>
      </c>
    </row>
    <row r="308" spans="1:6" x14ac:dyDescent="0.2">
      <c r="A308">
        <v>2999.8139209999999</v>
      </c>
      <c r="B308">
        <v>20.00506</v>
      </c>
      <c r="C308">
        <v>7.6322049999999999</v>
      </c>
      <c r="D308">
        <f t="shared" si="12"/>
        <v>1.5314689999999995</v>
      </c>
      <c r="E308">
        <f t="shared" si="13"/>
        <v>204.82462799999985</v>
      </c>
      <c r="F308">
        <f t="shared" si="14"/>
        <v>4.4584063472982438E-2</v>
      </c>
    </row>
    <row r="309" spans="1:6" x14ac:dyDescent="0.2">
      <c r="A309">
        <v>2999.5874269999999</v>
      </c>
      <c r="B309">
        <v>20.008201</v>
      </c>
      <c r="C309">
        <v>7.6372099999999996</v>
      </c>
      <c r="D309">
        <f t="shared" si="12"/>
        <v>1.5364739999999992</v>
      </c>
      <c r="E309">
        <f t="shared" si="13"/>
        <v>204.59813399999985</v>
      </c>
      <c r="F309">
        <f t="shared" si="14"/>
        <v>4.439304431055878E-2</v>
      </c>
    </row>
    <row r="310" spans="1:6" x14ac:dyDescent="0.2">
      <c r="A310">
        <v>2999.0498419999999</v>
      </c>
      <c r="B310">
        <v>20.008918000000001</v>
      </c>
      <c r="C310">
        <v>7.6422140000000001</v>
      </c>
      <c r="D310">
        <f t="shared" si="12"/>
        <v>1.5414779999999997</v>
      </c>
      <c r="E310">
        <f t="shared" si="13"/>
        <v>204.06054899999981</v>
      </c>
      <c r="F310">
        <f t="shared" si="14"/>
        <v>4.4140580100628407E-2</v>
      </c>
    </row>
    <row r="311" spans="1:6" x14ac:dyDescent="0.2">
      <c r="A311">
        <v>2998.3141559999999</v>
      </c>
      <c r="B311">
        <v>20.018667000000001</v>
      </c>
      <c r="C311">
        <v>7.6472189999999998</v>
      </c>
      <c r="D311">
        <f t="shared" si="12"/>
        <v>1.5464829999999994</v>
      </c>
      <c r="E311">
        <f t="shared" si="13"/>
        <v>203.32486299999982</v>
      </c>
      <c r="F311">
        <f t="shared" si="14"/>
        <v>4.3849859162859432E-2</v>
      </c>
    </row>
    <row r="312" spans="1:6" x14ac:dyDescent="0.2">
      <c r="A312">
        <v>2997.7439490000002</v>
      </c>
      <c r="B312">
        <v>19.994427999999999</v>
      </c>
      <c r="C312">
        <v>7.6522240000000004</v>
      </c>
      <c r="D312">
        <f t="shared" si="12"/>
        <v>1.551488</v>
      </c>
      <c r="E312">
        <f t="shared" si="13"/>
        <v>202.75465600000007</v>
      </c>
      <c r="F312">
        <f t="shared" si="14"/>
        <v>4.3594116465008277E-2</v>
      </c>
    </row>
    <row r="313" spans="1:6" x14ac:dyDescent="0.2">
      <c r="A313">
        <v>2997.1803369999998</v>
      </c>
      <c r="B313">
        <v>20.009516999999999</v>
      </c>
      <c r="C313">
        <v>7.6572290000000001</v>
      </c>
      <c r="D313">
        <f t="shared" si="12"/>
        <v>1.5564929999999997</v>
      </c>
      <c r="E313">
        <f t="shared" si="13"/>
        <v>202.19104399999969</v>
      </c>
      <c r="F313">
        <f t="shared" si="14"/>
        <v>4.3341293461199672E-2</v>
      </c>
    </row>
    <row r="314" spans="1:6" x14ac:dyDescent="0.2">
      <c r="A314">
        <v>2996.2937849999998</v>
      </c>
      <c r="B314">
        <v>20.036339000000002</v>
      </c>
      <c r="C314">
        <v>7.6622339999999998</v>
      </c>
      <c r="D314">
        <f t="shared" si="12"/>
        <v>1.5614979999999994</v>
      </c>
      <c r="E314">
        <f t="shared" si="13"/>
        <v>201.30449199999975</v>
      </c>
      <c r="F314">
        <f t="shared" si="14"/>
        <v>4.3025669835850218E-2</v>
      </c>
    </row>
    <row r="315" spans="1:6" x14ac:dyDescent="0.2">
      <c r="A315">
        <v>2994.8371050000001</v>
      </c>
      <c r="B315">
        <v>20.028462999999999</v>
      </c>
      <c r="C315">
        <v>7.6672380000000002</v>
      </c>
      <c r="D315">
        <f t="shared" si="12"/>
        <v>1.5665019999999998</v>
      </c>
      <c r="E315">
        <f t="shared" si="13"/>
        <v>199.84781199999998</v>
      </c>
      <c r="F315">
        <f t="shared" si="14"/>
        <v>4.2598591427169222E-2</v>
      </c>
    </row>
    <row r="316" spans="1:6" x14ac:dyDescent="0.2">
      <c r="A316">
        <v>2994.0235120000002</v>
      </c>
      <c r="B316">
        <v>20.012622</v>
      </c>
      <c r="C316">
        <v>7.6722429999999999</v>
      </c>
      <c r="D316">
        <f t="shared" si="12"/>
        <v>1.5715069999999995</v>
      </c>
      <c r="E316">
        <f t="shared" si="13"/>
        <v>199.03421900000012</v>
      </c>
      <c r="F316">
        <f t="shared" si="14"/>
        <v>4.2301544319510276E-2</v>
      </c>
    </row>
    <row r="317" spans="1:6" x14ac:dyDescent="0.2">
      <c r="A317">
        <v>2993.5327820000002</v>
      </c>
      <c r="B317">
        <v>20.015581999999998</v>
      </c>
      <c r="C317">
        <v>7.6772479999999996</v>
      </c>
      <c r="D317">
        <f t="shared" si="12"/>
        <v>1.5765119999999992</v>
      </c>
      <c r="E317">
        <f t="shared" si="13"/>
        <v>198.54348900000014</v>
      </c>
      <c r="F317">
        <f t="shared" si="14"/>
        <v>4.2070178063060529E-2</v>
      </c>
    </row>
    <row r="318" spans="1:6" x14ac:dyDescent="0.2">
      <c r="A318">
        <v>2993.5741830000002</v>
      </c>
      <c r="B318">
        <v>19.973264</v>
      </c>
      <c r="C318">
        <v>7.6822530000000002</v>
      </c>
      <c r="D318">
        <f t="shared" si="12"/>
        <v>1.5815169999999998</v>
      </c>
      <c r="E318">
        <f t="shared" si="13"/>
        <v>198.58489000000009</v>
      </c>
      <c r="F318">
        <f t="shared" si="14"/>
        <v>4.1945204038176635E-2</v>
      </c>
    </row>
    <row r="319" spans="1:6" x14ac:dyDescent="0.2">
      <c r="A319">
        <v>2993.6248500000002</v>
      </c>
      <c r="B319">
        <v>20.004688000000002</v>
      </c>
      <c r="C319">
        <v>7.6872579999999999</v>
      </c>
      <c r="D319">
        <f t="shared" si="12"/>
        <v>1.5865219999999995</v>
      </c>
      <c r="E319">
        <f t="shared" si="13"/>
        <v>198.63555700000006</v>
      </c>
      <c r="F319">
        <f t="shared" si="14"/>
        <v>4.182283981492059E-2</v>
      </c>
    </row>
    <row r="320" spans="1:6" x14ac:dyDescent="0.2">
      <c r="A320">
        <v>2994.296707</v>
      </c>
      <c r="B320">
        <v>19.965962000000001</v>
      </c>
      <c r="C320">
        <v>7.6922620000000004</v>
      </c>
      <c r="D320">
        <f t="shared" si="12"/>
        <v>1.591526</v>
      </c>
      <c r="E320">
        <f t="shared" si="13"/>
        <v>199.30741399999988</v>
      </c>
      <c r="F320">
        <f t="shared" si="14"/>
        <v>4.1822971278943549E-2</v>
      </c>
    </row>
    <row r="321" spans="1:6" x14ac:dyDescent="0.2">
      <c r="A321">
        <v>2995.3059410000001</v>
      </c>
      <c r="B321">
        <v>19.968883999999999</v>
      </c>
      <c r="C321">
        <v>7.6972670000000001</v>
      </c>
      <c r="D321">
        <f t="shared" si="12"/>
        <v>1.5965309999999997</v>
      </c>
      <c r="E321">
        <f t="shared" si="13"/>
        <v>200.31664799999999</v>
      </c>
      <c r="F321">
        <f t="shared" si="14"/>
        <v>4.1888856091513944E-2</v>
      </c>
    </row>
    <row r="322" spans="1:6" x14ac:dyDescent="0.2">
      <c r="A322">
        <v>2996.8144969999998</v>
      </c>
      <c r="B322">
        <v>19.975899999999999</v>
      </c>
      <c r="C322">
        <v>7.7022719999999998</v>
      </c>
      <c r="D322">
        <f t="shared" si="12"/>
        <v>1.6015359999999994</v>
      </c>
      <c r="E322">
        <f t="shared" si="13"/>
        <v>201.82520399999976</v>
      </c>
      <c r="F322">
        <f t="shared" si="14"/>
        <v>4.2051242625653643E-2</v>
      </c>
    </row>
    <row r="323" spans="1:6" x14ac:dyDescent="0.2">
      <c r="A323">
        <v>2998.1439220000002</v>
      </c>
      <c r="B323">
        <v>19.964499</v>
      </c>
      <c r="C323">
        <v>7.7072770000000004</v>
      </c>
      <c r="D323">
        <f t="shared" ref="D323:D386" si="15">C323-$C$2</f>
        <v>1.606541</v>
      </c>
      <c r="E323">
        <f t="shared" ref="E323:E386" si="16">A323-$A$2</f>
        <v>203.15462900000011</v>
      </c>
      <c r="F323">
        <f t="shared" ref="F323:F386" si="17">(1/A323)*(E323/D323)</f>
        <v>4.2177655200615768E-2</v>
      </c>
    </row>
    <row r="324" spans="1:6" x14ac:dyDescent="0.2">
      <c r="A324">
        <v>2999.4996729999998</v>
      </c>
      <c r="B324">
        <v>19.976132</v>
      </c>
      <c r="C324">
        <v>7.7122820000000001</v>
      </c>
      <c r="D324">
        <f t="shared" si="15"/>
        <v>1.6115459999999997</v>
      </c>
      <c r="E324">
        <f t="shared" si="16"/>
        <v>204.51037999999971</v>
      </c>
      <c r="F324">
        <f t="shared" si="17"/>
        <v>4.2308130007704857E-2</v>
      </c>
    </row>
    <row r="325" spans="1:6" x14ac:dyDescent="0.2">
      <c r="A325">
        <v>3001.3501449999999</v>
      </c>
      <c r="B325">
        <v>19.942184999999998</v>
      </c>
      <c r="C325">
        <v>7.7172859999999996</v>
      </c>
      <c r="D325">
        <f t="shared" si="15"/>
        <v>1.6165499999999993</v>
      </c>
      <c r="E325">
        <f t="shared" si="16"/>
        <v>206.3608519999998</v>
      </c>
      <c r="F325">
        <f t="shared" si="17"/>
        <v>4.2532558312608028E-2</v>
      </c>
    </row>
    <row r="326" spans="1:6" x14ac:dyDescent="0.2">
      <c r="A326">
        <v>3002.5837339999998</v>
      </c>
      <c r="B326">
        <v>19.988233999999999</v>
      </c>
      <c r="C326">
        <v>7.7222910000000002</v>
      </c>
      <c r="D326">
        <f t="shared" si="15"/>
        <v>1.6215549999999999</v>
      </c>
      <c r="E326">
        <f t="shared" si="16"/>
        <v>207.59444099999973</v>
      </c>
      <c r="F326">
        <f t="shared" si="17"/>
        <v>4.2637222757158207E-2</v>
      </c>
    </row>
    <row r="327" spans="1:6" x14ac:dyDescent="0.2">
      <c r="A327">
        <v>3003.771056</v>
      </c>
      <c r="B327">
        <v>19.954027</v>
      </c>
      <c r="C327">
        <v>7.7272959999999999</v>
      </c>
      <c r="D327">
        <f t="shared" si="15"/>
        <v>1.6265599999999996</v>
      </c>
      <c r="E327">
        <f t="shared" si="16"/>
        <v>208.78176299999996</v>
      </c>
      <c r="F327">
        <f t="shared" si="17"/>
        <v>4.2732238570500368E-2</v>
      </c>
    </row>
    <row r="328" spans="1:6" x14ac:dyDescent="0.2">
      <c r="A328">
        <v>3005.0976559999999</v>
      </c>
      <c r="B328">
        <v>19.970186999999999</v>
      </c>
      <c r="C328">
        <v>7.7323009999999996</v>
      </c>
      <c r="D328">
        <f t="shared" si="15"/>
        <v>1.6315649999999993</v>
      </c>
      <c r="E328">
        <f t="shared" si="16"/>
        <v>210.10836299999983</v>
      </c>
      <c r="F328">
        <f t="shared" si="17"/>
        <v>4.2852914956624251E-2</v>
      </c>
    </row>
    <row r="329" spans="1:6" x14ac:dyDescent="0.2">
      <c r="A329">
        <v>3006.6050540000001</v>
      </c>
      <c r="B329">
        <v>19.967715999999999</v>
      </c>
      <c r="C329">
        <v>7.7373060000000002</v>
      </c>
      <c r="D329">
        <f t="shared" si="15"/>
        <v>1.6365699999999999</v>
      </c>
      <c r="E329">
        <f t="shared" si="16"/>
        <v>211.61576100000002</v>
      </c>
      <c r="F329">
        <f t="shared" si="17"/>
        <v>4.3006791309419617E-2</v>
      </c>
    </row>
    <row r="330" spans="1:6" x14ac:dyDescent="0.2">
      <c r="A330">
        <v>3008.0005970000002</v>
      </c>
      <c r="B330">
        <v>19.972024000000001</v>
      </c>
      <c r="C330">
        <v>7.7423099999999998</v>
      </c>
      <c r="D330">
        <f t="shared" si="15"/>
        <v>1.6415739999999994</v>
      </c>
      <c r="E330">
        <f t="shared" si="16"/>
        <v>213.01130400000011</v>
      </c>
      <c r="F330">
        <f t="shared" si="17"/>
        <v>4.3138423328342598E-2</v>
      </c>
    </row>
    <row r="331" spans="1:6" x14ac:dyDescent="0.2">
      <c r="A331">
        <v>3009.3630779999999</v>
      </c>
      <c r="B331">
        <v>19.969863</v>
      </c>
      <c r="C331">
        <v>7.7473150000000004</v>
      </c>
      <c r="D331">
        <f t="shared" si="15"/>
        <v>1.646579</v>
      </c>
      <c r="E331">
        <f t="shared" si="16"/>
        <v>214.37378499999977</v>
      </c>
      <c r="F331">
        <f t="shared" si="17"/>
        <v>4.3262789196915244E-2</v>
      </c>
    </row>
    <row r="332" spans="1:6" x14ac:dyDescent="0.2">
      <c r="A332">
        <v>3009.7717520000001</v>
      </c>
      <c r="B332">
        <v>19.98226</v>
      </c>
      <c r="C332">
        <v>7.7523200000000001</v>
      </c>
      <c r="D332">
        <f t="shared" si="15"/>
        <v>1.6515839999999997</v>
      </c>
      <c r="E332">
        <f t="shared" si="16"/>
        <v>214.78245900000002</v>
      </c>
      <c r="F332">
        <f t="shared" si="17"/>
        <v>4.3208041505884601E-2</v>
      </c>
    </row>
    <row r="333" spans="1:6" x14ac:dyDescent="0.2">
      <c r="A333">
        <v>3010.1383040000001</v>
      </c>
      <c r="B333">
        <v>19.989162</v>
      </c>
      <c r="C333">
        <v>7.7573249999999998</v>
      </c>
      <c r="D333">
        <f t="shared" si="15"/>
        <v>1.6565889999999994</v>
      </c>
      <c r="E333">
        <f t="shared" si="16"/>
        <v>215.14901099999997</v>
      </c>
      <c r="F333">
        <f t="shared" si="17"/>
        <v>4.3145760721619845E-2</v>
      </c>
    </row>
    <row r="334" spans="1:6" x14ac:dyDescent="0.2">
      <c r="A334">
        <v>3010.2055930000001</v>
      </c>
      <c r="B334">
        <v>19.987480000000001</v>
      </c>
      <c r="C334">
        <v>7.7623300000000004</v>
      </c>
      <c r="D334">
        <f t="shared" si="15"/>
        <v>1.661594</v>
      </c>
      <c r="E334">
        <f t="shared" si="16"/>
        <v>215.21630000000005</v>
      </c>
      <c r="F334">
        <f t="shared" si="17"/>
        <v>4.3028290009591838E-2</v>
      </c>
    </row>
    <row r="335" spans="1:6" x14ac:dyDescent="0.2">
      <c r="A335">
        <v>3009.9959920000001</v>
      </c>
      <c r="B335">
        <v>20.007069000000001</v>
      </c>
      <c r="C335">
        <v>7.767334</v>
      </c>
      <c r="D335">
        <f t="shared" si="15"/>
        <v>1.6665979999999996</v>
      </c>
      <c r="E335">
        <f t="shared" si="16"/>
        <v>215.00669900000003</v>
      </c>
      <c r="F335">
        <f t="shared" si="17"/>
        <v>4.2860301119160067E-2</v>
      </c>
    </row>
    <row r="336" spans="1:6" x14ac:dyDescent="0.2">
      <c r="A336">
        <v>3009.418964</v>
      </c>
      <c r="B336">
        <v>20.032906000000001</v>
      </c>
      <c r="C336">
        <v>7.7723389999999997</v>
      </c>
      <c r="D336">
        <f t="shared" si="15"/>
        <v>1.6716029999999993</v>
      </c>
      <c r="E336">
        <f t="shared" si="16"/>
        <v>214.42967099999987</v>
      </c>
      <c r="F336">
        <f t="shared" si="17"/>
        <v>4.2625460509652963E-2</v>
      </c>
    </row>
    <row r="337" spans="1:6" x14ac:dyDescent="0.2">
      <c r="A337">
        <v>3008.324208</v>
      </c>
      <c r="B337">
        <v>20.014292999999999</v>
      </c>
      <c r="C337">
        <v>7.7773440000000003</v>
      </c>
      <c r="D337">
        <f t="shared" si="15"/>
        <v>1.6766079999999999</v>
      </c>
      <c r="E337">
        <f t="shared" si="16"/>
        <v>213.33491499999991</v>
      </c>
      <c r="F337">
        <f t="shared" si="17"/>
        <v>4.229663003835063E-2</v>
      </c>
    </row>
    <row r="338" spans="1:6" x14ac:dyDescent="0.2">
      <c r="A338">
        <v>3007.4463660000001</v>
      </c>
      <c r="B338">
        <v>20.022352999999999</v>
      </c>
      <c r="C338">
        <v>7.782349</v>
      </c>
      <c r="D338">
        <f t="shared" si="15"/>
        <v>1.6816129999999996</v>
      </c>
      <c r="E338">
        <f t="shared" si="16"/>
        <v>212.45707300000004</v>
      </c>
      <c r="F338">
        <f t="shared" si="17"/>
        <v>4.2009474299821756E-2</v>
      </c>
    </row>
    <row r="339" spans="1:6" x14ac:dyDescent="0.2">
      <c r="A339">
        <v>3006.620136</v>
      </c>
      <c r="B339">
        <v>20.020782000000001</v>
      </c>
      <c r="C339">
        <v>7.7873539999999997</v>
      </c>
      <c r="D339">
        <f t="shared" si="15"/>
        <v>1.6866179999999993</v>
      </c>
      <c r="E339">
        <f t="shared" si="16"/>
        <v>211.63084299999991</v>
      </c>
      <c r="F339">
        <f t="shared" si="17"/>
        <v>4.1733390521331522E-2</v>
      </c>
    </row>
    <row r="340" spans="1:6" x14ac:dyDescent="0.2">
      <c r="A340">
        <v>3005.3610629999998</v>
      </c>
      <c r="B340">
        <v>20.044058</v>
      </c>
      <c r="C340">
        <v>7.7923580000000001</v>
      </c>
      <c r="D340">
        <f t="shared" si="15"/>
        <v>1.6916219999999997</v>
      </c>
      <c r="E340">
        <f t="shared" si="16"/>
        <v>210.37176999999974</v>
      </c>
      <c r="F340">
        <f t="shared" si="17"/>
        <v>4.1379713639982392E-2</v>
      </c>
    </row>
    <row r="341" spans="1:6" x14ac:dyDescent="0.2">
      <c r="A341">
        <v>3003.527106</v>
      </c>
      <c r="B341">
        <v>20.044892000000001</v>
      </c>
      <c r="C341">
        <v>7.7973629999999998</v>
      </c>
      <c r="D341">
        <f t="shared" si="15"/>
        <v>1.6966269999999994</v>
      </c>
      <c r="E341">
        <f t="shared" si="16"/>
        <v>208.53781299999991</v>
      </c>
      <c r="F341">
        <f t="shared" si="17"/>
        <v>4.0922945466567877E-2</v>
      </c>
    </row>
    <row r="342" spans="1:6" x14ac:dyDescent="0.2">
      <c r="A342">
        <v>3002.407185</v>
      </c>
      <c r="B342">
        <v>20.011185000000001</v>
      </c>
      <c r="C342">
        <v>7.8023680000000004</v>
      </c>
      <c r="D342">
        <f t="shared" si="15"/>
        <v>1.701632</v>
      </c>
      <c r="E342">
        <f t="shared" si="16"/>
        <v>207.41789199999994</v>
      </c>
      <c r="F342">
        <f t="shared" si="17"/>
        <v>4.059859287181284E-2</v>
      </c>
    </row>
    <row r="343" spans="1:6" x14ac:dyDescent="0.2">
      <c r="A343">
        <v>3001.9999720000001</v>
      </c>
      <c r="B343">
        <v>20.001664999999999</v>
      </c>
      <c r="C343">
        <v>7.8073730000000001</v>
      </c>
      <c r="D343">
        <f t="shared" si="15"/>
        <v>1.7066369999999997</v>
      </c>
      <c r="E343">
        <f t="shared" si="16"/>
        <v>207.01067899999998</v>
      </c>
      <c r="F343">
        <f t="shared" si="17"/>
        <v>4.0405539423174222E-2</v>
      </c>
    </row>
    <row r="344" spans="1:6" x14ac:dyDescent="0.2">
      <c r="A344">
        <v>3001.9459769999999</v>
      </c>
      <c r="B344">
        <v>19.998256999999999</v>
      </c>
      <c r="C344">
        <v>7.8123779999999998</v>
      </c>
      <c r="D344">
        <f t="shared" si="15"/>
        <v>1.7116419999999994</v>
      </c>
      <c r="E344">
        <f t="shared" si="16"/>
        <v>206.95668399999977</v>
      </c>
      <c r="F344">
        <f t="shared" si="17"/>
        <v>4.0277606085588932E-2</v>
      </c>
    </row>
    <row r="345" spans="1:6" x14ac:dyDescent="0.2">
      <c r="A345">
        <v>3002.22318</v>
      </c>
      <c r="B345">
        <v>19.987925000000001</v>
      </c>
      <c r="C345">
        <v>7.8173820000000003</v>
      </c>
      <c r="D345">
        <f t="shared" si="15"/>
        <v>1.7166459999999999</v>
      </c>
      <c r="E345">
        <f t="shared" si="16"/>
        <v>207.23388699999987</v>
      </c>
      <c r="F345">
        <f t="shared" si="17"/>
        <v>4.0210275925271814E-2</v>
      </c>
    </row>
    <row r="346" spans="1:6" x14ac:dyDescent="0.2">
      <c r="A346">
        <v>3002.5318670000001</v>
      </c>
      <c r="B346">
        <v>19.985575000000001</v>
      </c>
      <c r="C346">
        <v>7.822387</v>
      </c>
      <c r="D346">
        <f t="shared" si="15"/>
        <v>1.7216509999999996</v>
      </c>
      <c r="E346">
        <f t="shared" si="16"/>
        <v>207.54257400000006</v>
      </c>
      <c r="F346">
        <f t="shared" si="17"/>
        <v>4.0148974243998367E-2</v>
      </c>
    </row>
    <row r="347" spans="1:6" x14ac:dyDescent="0.2">
      <c r="A347">
        <v>3003.2088050000002</v>
      </c>
      <c r="B347">
        <v>19.962102000000002</v>
      </c>
      <c r="C347">
        <v>7.8273919999999997</v>
      </c>
      <c r="D347">
        <f t="shared" si="15"/>
        <v>1.7266559999999993</v>
      </c>
      <c r="E347">
        <f t="shared" si="16"/>
        <v>208.21951200000012</v>
      </c>
      <c r="F347">
        <f t="shared" si="17"/>
        <v>4.015411640023079E-2</v>
      </c>
    </row>
    <row r="348" spans="1:6" x14ac:dyDescent="0.2">
      <c r="A348">
        <v>3004.208924</v>
      </c>
      <c r="B348">
        <v>19.988163</v>
      </c>
      <c r="C348">
        <v>7.8323970000000003</v>
      </c>
      <c r="D348">
        <f t="shared" si="15"/>
        <v>1.7316609999999999</v>
      </c>
      <c r="E348">
        <f t="shared" si="16"/>
        <v>209.21963099999994</v>
      </c>
      <c r="F348">
        <f t="shared" si="17"/>
        <v>4.0216977109629327E-2</v>
      </c>
    </row>
    <row r="349" spans="1:6" x14ac:dyDescent="0.2">
      <c r="A349">
        <v>3004.716441</v>
      </c>
      <c r="B349">
        <v>20.000152</v>
      </c>
      <c r="C349">
        <v>7.837402</v>
      </c>
      <c r="D349">
        <f t="shared" si="15"/>
        <v>1.7366659999999996</v>
      </c>
      <c r="E349">
        <f t="shared" si="16"/>
        <v>209.72714799999994</v>
      </c>
      <c r="F349">
        <f t="shared" si="17"/>
        <v>4.0191559315585677E-2</v>
      </c>
    </row>
    <row r="350" spans="1:6" x14ac:dyDescent="0.2">
      <c r="A350">
        <v>3005.2441290000002</v>
      </c>
      <c r="B350">
        <v>19.977571000000001</v>
      </c>
      <c r="C350">
        <v>7.8424060000000004</v>
      </c>
      <c r="D350">
        <f t="shared" si="15"/>
        <v>1.7416700000000001</v>
      </c>
      <c r="E350">
        <f t="shared" si="16"/>
        <v>210.25483600000007</v>
      </c>
      <c r="F350">
        <f t="shared" si="17"/>
        <v>4.0169864335324802E-2</v>
      </c>
    </row>
    <row r="351" spans="1:6" x14ac:dyDescent="0.2">
      <c r="A351">
        <v>3006.2214560000002</v>
      </c>
      <c r="B351">
        <v>19.984196000000001</v>
      </c>
      <c r="C351">
        <v>7.8474110000000001</v>
      </c>
      <c r="D351">
        <f t="shared" si="15"/>
        <v>1.7466749999999998</v>
      </c>
      <c r="E351">
        <f t="shared" si="16"/>
        <v>211.23216300000013</v>
      </c>
      <c r="F351">
        <f t="shared" si="17"/>
        <v>4.0227863868685758E-2</v>
      </c>
    </row>
    <row r="352" spans="1:6" x14ac:dyDescent="0.2">
      <c r="A352">
        <v>3007.2000050000001</v>
      </c>
      <c r="B352">
        <v>19.974886000000001</v>
      </c>
      <c r="C352">
        <v>7.8524159999999998</v>
      </c>
      <c r="D352">
        <f t="shared" si="15"/>
        <v>1.7516799999999995</v>
      </c>
      <c r="E352">
        <f t="shared" si="16"/>
        <v>212.21071200000006</v>
      </c>
      <c r="F352">
        <f t="shared" si="17"/>
        <v>4.0285635379812758E-2</v>
      </c>
    </row>
    <row r="353" spans="1:6" x14ac:dyDescent="0.2">
      <c r="A353">
        <v>3007.301453</v>
      </c>
      <c r="B353">
        <v>20.014071000000001</v>
      </c>
      <c r="C353">
        <v>7.8574210000000004</v>
      </c>
      <c r="D353">
        <f t="shared" si="15"/>
        <v>1.7566850000000001</v>
      </c>
      <c r="E353">
        <f t="shared" si="16"/>
        <v>212.31215999999995</v>
      </c>
      <c r="F353">
        <f t="shared" si="17"/>
        <v>4.018870495376705E-2</v>
      </c>
    </row>
    <row r="354" spans="1:6" x14ac:dyDescent="0.2">
      <c r="A354">
        <v>3007.146667</v>
      </c>
      <c r="B354">
        <v>20.002365000000001</v>
      </c>
      <c r="C354">
        <v>7.8624260000000001</v>
      </c>
      <c r="D354">
        <f t="shared" si="15"/>
        <v>1.7616899999999998</v>
      </c>
      <c r="E354">
        <f t="shared" si="16"/>
        <v>212.15737399999989</v>
      </c>
      <c r="F354">
        <f t="shared" si="17"/>
        <v>4.0047372900200794E-2</v>
      </c>
    </row>
    <row r="355" spans="1:6" x14ac:dyDescent="0.2">
      <c r="A355">
        <v>3007.035198</v>
      </c>
      <c r="B355">
        <v>19.991094</v>
      </c>
      <c r="C355">
        <v>7.8674299999999997</v>
      </c>
      <c r="D355">
        <f t="shared" si="15"/>
        <v>1.7666939999999993</v>
      </c>
      <c r="E355">
        <f t="shared" si="16"/>
        <v>212.04590499999995</v>
      </c>
      <c r="F355">
        <f t="shared" si="17"/>
        <v>3.991444033147136E-2</v>
      </c>
    </row>
    <row r="356" spans="1:6" x14ac:dyDescent="0.2">
      <c r="A356">
        <v>3007.1607829999998</v>
      </c>
      <c r="B356">
        <v>19.983595999999999</v>
      </c>
      <c r="C356">
        <v>7.8724350000000003</v>
      </c>
      <c r="D356">
        <f t="shared" si="15"/>
        <v>1.7716989999999999</v>
      </c>
      <c r="E356">
        <f t="shared" si="16"/>
        <v>212.17148999999972</v>
      </c>
      <c r="F356">
        <f t="shared" si="17"/>
        <v>3.9823592674374977E-2</v>
      </c>
    </row>
    <row r="357" spans="1:6" x14ac:dyDescent="0.2">
      <c r="A357">
        <v>3007.6179269999998</v>
      </c>
      <c r="B357">
        <v>19.982818999999999</v>
      </c>
      <c r="C357">
        <v>7.87744</v>
      </c>
      <c r="D357">
        <f t="shared" si="15"/>
        <v>1.7767039999999996</v>
      </c>
      <c r="E357">
        <f t="shared" si="16"/>
        <v>212.62863399999969</v>
      </c>
      <c r="F357">
        <f t="shared" si="17"/>
        <v>3.9790922174231726E-2</v>
      </c>
    </row>
    <row r="358" spans="1:6" x14ac:dyDescent="0.2">
      <c r="A358">
        <v>3007.9364380000002</v>
      </c>
      <c r="B358">
        <v>19.988803999999998</v>
      </c>
      <c r="C358">
        <v>7.8824449999999997</v>
      </c>
      <c r="D358">
        <f t="shared" si="15"/>
        <v>1.7817089999999993</v>
      </c>
      <c r="E358">
        <f t="shared" si="16"/>
        <v>212.94714500000009</v>
      </c>
      <c r="F358">
        <f t="shared" si="17"/>
        <v>3.9734375650972591E-2</v>
      </c>
    </row>
    <row r="359" spans="1:6" x14ac:dyDescent="0.2">
      <c r="A359">
        <v>3008.2959190000001</v>
      </c>
      <c r="B359">
        <v>19.988713000000001</v>
      </c>
      <c r="C359">
        <v>7.8874500000000003</v>
      </c>
      <c r="D359">
        <f t="shared" si="15"/>
        <v>1.7867139999999999</v>
      </c>
      <c r="E359">
        <f t="shared" si="16"/>
        <v>213.30662600000005</v>
      </c>
      <c r="F359">
        <f t="shared" si="17"/>
        <v>3.9685216264147033E-2</v>
      </c>
    </row>
    <row r="360" spans="1:6" x14ac:dyDescent="0.2">
      <c r="A360">
        <v>3008.5683739999999</v>
      </c>
      <c r="B360">
        <v>19.987625000000001</v>
      </c>
      <c r="C360">
        <v>7.8924539999999999</v>
      </c>
      <c r="D360">
        <f t="shared" si="15"/>
        <v>1.7917179999999995</v>
      </c>
      <c r="E360">
        <f t="shared" si="16"/>
        <v>213.57908099999986</v>
      </c>
      <c r="F360">
        <f t="shared" si="17"/>
        <v>3.9621341047494117E-2</v>
      </c>
    </row>
    <row r="361" spans="1:6" x14ac:dyDescent="0.2">
      <c r="A361">
        <v>3008.5371719999998</v>
      </c>
      <c r="B361">
        <v>20.002741</v>
      </c>
      <c r="C361">
        <v>7.8974589999999996</v>
      </c>
      <c r="D361">
        <f t="shared" si="15"/>
        <v>1.7967229999999992</v>
      </c>
      <c r="E361">
        <f t="shared" si="16"/>
        <v>213.54787899999974</v>
      </c>
      <c r="F361">
        <f t="shared" si="17"/>
        <v>3.9505608286126571E-2</v>
      </c>
    </row>
    <row r="362" spans="1:6" x14ac:dyDescent="0.2">
      <c r="A362">
        <v>3007.8242730000002</v>
      </c>
      <c r="B362">
        <v>20.033759</v>
      </c>
      <c r="C362">
        <v>7.9024640000000002</v>
      </c>
      <c r="D362">
        <f t="shared" si="15"/>
        <v>1.8017279999999998</v>
      </c>
      <c r="E362">
        <f t="shared" si="16"/>
        <v>212.83498000000009</v>
      </c>
      <c r="F362">
        <f t="shared" si="17"/>
        <v>3.9273654878580644E-2</v>
      </c>
    </row>
    <row r="363" spans="1:6" x14ac:dyDescent="0.2">
      <c r="A363">
        <v>3007.573883</v>
      </c>
      <c r="B363">
        <v>19.987006999999998</v>
      </c>
      <c r="C363">
        <v>7.9074689999999999</v>
      </c>
      <c r="D363">
        <f t="shared" si="15"/>
        <v>1.8067329999999995</v>
      </c>
      <c r="E363">
        <f t="shared" si="16"/>
        <v>212.58458999999993</v>
      </c>
      <c r="F363">
        <f t="shared" si="17"/>
        <v>3.912204046573952E-2</v>
      </c>
    </row>
    <row r="364" spans="1:6" x14ac:dyDescent="0.2">
      <c r="A364">
        <v>3007.5568290000001</v>
      </c>
      <c r="B364">
        <v>20.013656999999998</v>
      </c>
      <c r="C364">
        <v>7.9124739999999996</v>
      </c>
      <c r="D364">
        <f t="shared" si="15"/>
        <v>1.8117379999999992</v>
      </c>
      <c r="E364">
        <f t="shared" si="16"/>
        <v>212.56753600000002</v>
      </c>
      <c r="F364">
        <f t="shared" si="17"/>
        <v>3.9011055656865058E-2</v>
      </c>
    </row>
    <row r="365" spans="1:6" x14ac:dyDescent="0.2">
      <c r="A365">
        <v>3007.257568</v>
      </c>
      <c r="B365">
        <v>19.983225999999998</v>
      </c>
      <c r="C365">
        <v>7.917478</v>
      </c>
      <c r="D365">
        <f t="shared" si="15"/>
        <v>1.8167419999999996</v>
      </c>
      <c r="E365">
        <f t="shared" si="16"/>
        <v>212.2682749999999</v>
      </c>
      <c r="F365">
        <f t="shared" si="17"/>
        <v>3.8852700264250382E-2</v>
      </c>
    </row>
    <row r="366" spans="1:6" x14ac:dyDescent="0.2">
      <c r="A366">
        <v>3007.417363</v>
      </c>
      <c r="B366">
        <v>19.995856</v>
      </c>
      <c r="C366">
        <v>7.9224829999999997</v>
      </c>
      <c r="D366">
        <f t="shared" si="15"/>
        <v>1.8217469999999993</v>
      </c>
      <c r="E366">
        <f t="shared" si="16"/>
        <v>212.42806999999993</v>
      </c>
      <c r="F366">
        <f t="shared" si="17"/>
        <v>3.8773065391682425E-2</v>
      </c>
    </row>
    <row r="367" spans="1:6" x14ac:dyDescent="0.2">
      <c r="A367">
        <v>3007.231796</v>
      </c>
      <c r="B367">
        <v>20.010299</v>
      </c>
      <c r="C367">
        <v>7.9274880000000003</v>
      </c>
      <c r="D367">
        <f t="shared" si="15"/>
        <v>1.8267519999999999</v>
      </c>
      <c r="E367">
        <f t="shared" si="16"/>
        <v>212.24250299999994</v>
      </c>
      <c r="F367">
        <f t="shared" si="17"/>
        <v>3.86354400008911E-2</v>
      </c>
    </row>
    <row r="368" spans="1:6" x14ac:dyDescent="0.2">
      <c r="A368">
        <v>3006.4137820000001</v>
      </c>
      <c r="B368">
        <v>20.029959000000002</v>
      </c>
      <c r="C368">
        <v>7.932493</v>
      </c>
      <c r="D368">
        <f t="shared" si="15"/>
        <v>1.8317569999999996</v>
      </c>
      <c r="E368">
        <f t="shared" si="16"/>
        <v>211.42448899999999</v>
      </c>
      <c r="F368">
        <f t="shared" si="17"/>
        <v>3.8391817821062706E-2</v>
      </c>
    </row>
    <row r="369" spans="1:6" x14ac:dyDescent="0.2">
      <c r="A369">
        <v>3005.9943950000002</v>
      </c>
      <c r="B369">
        <v>20.006696000000002</v>
      </c>
      <c r="C369">
        <v>7.9374979999999997</v>
      </c>
      <c r="D369">
        <f t="shared" si="15"/>
        <v>1.8367619999999993</v>
      </c>
      <c r="E369">
        <f t="shared" si="16"/>
        <v>211.00510200000008</v>
      </c>
      <c r="F369">
        <f t="shared" si="17"/>
        <v>3.8216587449025521E-2</v>
      </c>
    </row>
    <row r="370" spans="1:6" x14ac:dyDescent="0.2">
      <c r="A370">
        <v>3005.9101009999999</v>
      </c>
      <c r="B370">
        <v>19.994054999999999</v>
      </c>
      <c r="C370">
        <v>7.9425020000000002</v>
      </c>
      <c r="D370">
        <f t="shared" si="15"/>
        <v>1.8417659999999998</v>
      </c>
      <c r="E370">
        <f t="shared" si="16"/>
        <v>210.92080799999985</v>
      </c>
      <c r="F370">
        <f t="shared" si="17"/>
        <v>3.8098597376702771E-2</v>
      </c>
    </row>
    <row r="371" spans="1:6" x14ac:dyDescent="0.2">
      <c r="A371">
        <v>3005.7076120000002</v>
      </c>
      <c r="B371">
        <v>20.003979000000001</v>
      </c>
      <c r="C371">
        <v>7.9475069999999999</v>
      </c>
      <c r="D371">
        <f t="shared" si="15"/>
        <v>1.8467709999999995</v>
      </c>
      <c r="E371">
        <f t="shared" si="16"/>
        <v>210.71831900000006</v>
      </c>
      <c r="F371">
        <f t="shared" si="17"/>
        <v>3.7961425791129849E-2</v>
      </c>
    </row>
    <row r="372" spans="1:6" x14ac:dyDescent="0.2">
      <c r="A372">
        <v>3005.635499</v>
      </c>
      <c r="B372">
        <v>20.001946</v>
      </c>
      <c r="C372">
        <v>7.9525119999999996</v>
      </c>
      <c r="D372">
        <f t="shared" si="15"/>
        <v>1.8517759999999992</v>
      </c>
      <c r="E372">
        <f t="shared" si="16"/>
        <v>210.64620599999989</v>
      </c>
      <c r="F372">
        <f t="shared" si="17"/>
        <v>3.7846775041663047E-2</v>
      </c>
    </row>
    <row r="373" spans="1:6" x14ac:dyDescent="0.2">
      <c r="A373">
        <v>3005.8284610000001</v>
      </c>
      <c r="B373">
        <v>19.979351000000001</v>
      </c>
      <c r="C373">
        <v>7.9575170000000002</v>
      </c>
      <c r="D373">
        <f t="shared" si="15"/>
        <v>1.8567809999999998</v>
      </c>
      <c r="E373">
        <f t="shared" si="16"/>
        <v>210.83916799999997</v>
      </c>
      <c r="F373">
        <f t="shared" si="17"/>
        <v>3.7776908829018865E-2</v>
      </c>
    </row>
    <row r="374" spans="1:6" x14ac:dyDescent="0.2">
      <c r="A374">
        <v>3005.7605899999999</v>
      </c>
      <c r="B374">
        <v>20.013188</v>
      </c>
      <c r="C374">
        <v>7.9625219999999999</v>
      </c>
      <c r="D374">
        <f t="shared" si="15"/>
        <v>1.8617859999999995</v>
      </c>
      <c r="E374">
        <f t="shared" si="16"/>
        <v>210.77129699999978</v>
      </c>
      <c r="F374">
        <f t="shared" si="17"/>
        <v>3.7664076378837168E-2</v>
      </c>
    </row>
    <row r="375" spans="1:6" x14ac:dyDescent="0.2">
      <c r="A375">
        <v>3006.029587</v>
      </c>
      <c r="B375">
        <v>19.977556</v>
      </c>
      <c r="C375">
        <v>7.9675260000000003</v>
      </c>
      <c r="D375">
        <f t="shared" si="15"/>
        <v>1.8667899999999999</v>
      </c>
      <c r="E375">
        <f t="shared" si="16"/>
        <v>211.0402939999999</v>
      </c>
      <c r="F375">
        <f t="shared" si="17"/>
        <v>3.7607690716754523E-2</v>
      </c>
    </row>
    <row r="376" spans="1:6" x14ac:dyDescent="0.2">
      <c r="A376">
        <v>3006.5111310000002</v>
      </c>
      <c r="B376">
        <v>19.982980000000001</v>
      </c>
      <c r="C376">
        <v>7.972531</v>
      </c>
      <c r="D376">
        <f t="shared" si="15"/>
        <v>1.8717949999999997</v>
      </c>
      <c r="E376">
        <f t="shared" si="16"/>
        <v>211.52183800000012</v>
      </c>
      <c r="F376">
        <f t="shared" si="17"/>
        <v>3.758669264730171E-2</v>
      </c>
    </row>
    <row r="377" spans="1:6" x14ac:dyDescent="0.2">
      <c r="A377">
        <v>3006.8658919999998</v>
      </c>
      <c r="B377">
        <v>19.980501</v>
      </c>
      <c r="C377">
        <v>7.9775359999999997</v>
      </c>
      <c r="D377">
        <f t="shared" si="15"/>
        <v>1.8767999999999994</v>
      </c>
      <c r="E377">
        <f t="shared" si="16"/>
        <v>211.87659899999971</v>
      </c>
      <c r="F377">
        <f t="shared" si="17"/>
        <v>3.7544898933928844E-2</v>
      </c>
    </row>
    <row r="378" spans="1:6" x14ac:dyDescent="0.2">
      <c r="A378">
        <v>3007.5234959999998</v>
      </c>
      <c r="B378">
        <v>19.972235999999999</v>
      </c>
      <c r="C378">
        <v>7.9825410000000003</v>
      </c>
      <c r="D378">
        <f t="shared" si="15"/>
        <v>1.8818049999999999</v>
      </c>
      <c r="E378">
        <f t="shared" si="16"/>
        <v>212.53420299999971</v>
      </c>
      <c r="F378">
        <f t="shared" si="17"/>
        <v>3.7553047252592953E-2</v>
      </c>
    </row>
    <row r="379" spans="1:6" x14ac:dyDescent="0.2">
      <c r="A379">
        <v>3007.9100119999998</v>
      </c>
      <c r="B379">
        <v>20.026577</v>
      </c>
      <c r="C379">
        <v>7.987546</v>
      </c>
      <c r="D379">
        <f t="shared" si="15"/>
        <v>1.8868099999999997</v>
      </c>
      <c r="E379">
        <f t="shared" si="16"/>
        <v>212.92071899999974</v>
      </c>
      <c r="F379">
        <f t="shared" si="17"/>
        <v>3.7516724617204428E-2</v>
      </c>
    </row>
    <row r="380" spans="1:6" x14ac:dyDescent="0.2">
      <c r="A380">
        <v>3007.0412649999998</v>
      </c>
      <c r="B380">
        <v>20.020009000000002</v>
      </c>
      <c r="C380">
        <v>7.9925499999999996</v>
      </c>
      <c r="D380">
        <f t="shared" si="15"/>
        <v>1.8918139999999992</v>
      </c>
      <c r="E380">
        <f t="shared" si="16"/>
        <v>212.05197199999975</v>
      </c>
      <c r="F380">
        <f t="shared" si="17"/>
        <v>3.7275587119387027E-2</v>
      </c>
    </row>
    <row r="381" spans="1:6" x14ac:dyDescent="0.2">
      <c r="A381">
        <v>3005.954729</v>
      </c>
      <c r="B381">
        <v>20.021287000000001</v>
      </c>
      <c r="C381">
        <v>7.9975550000000002</v>
      </c>
      <c r="D381">
        <f t="shared" si="15"/>
        <v>1.8968189999999998</v>
      </c>
      <c r="E381">
        <f t="shared" si="16"/>
        <v>210.96543599999995</v>
      </c>
      <c r="F381">
        <f t="shared" si="17"/>
        <v>3.7000107055697E-2</v>
      </c>
    </row>
    <row r="382" spans="1:6" x14ac:dyDescent="0.2">
      <c r="A382">
        <v>3005.974839</v>
      </c>
      <c r="B382">
        <v>19.988889</v>
      </c>
      <c r="C382">
        <v>8.0025600000000008</v>
      </c>
      <c r="D382">
        <f t="shared" si="15"/>
        <v>1.9018240000000004</v>
      </c>
      <c r="E382">
        <f t="shared" si="16"/>
        <v>210.98554599999989</v>
      </c>
      <c r="F382">
        <f t="shared" si="17"/>
        <v>3.6906005262882756E-2</v>
      </c>
    </row>
    <row r="383" spans="1:6" x14ac:dyDescent="0.2">
      <c r="A383">
        <v>3006.3942350000002</v>
      </c>
      <c r="B383">
        <v>19.965479999999999</v>
      </c>
      <c r="C383">
        <v>8.0075649999999996</v>
      </c>
      <c r="D383">
        <f t="shared" si="15"/>
        <v>1.9068289999999992</v>
      </c>
      <c r="E383">
        <f t="shared" si="16"/>
        <v>211.40494200000012</v>
      </c>
      <c r="F383">
        <f t="shared" si="17"/>
        <v>3.687715912865739E-2</v>
      </c>
    </row>
    <row r="384" spans="1:6" x14ac:dyDescent="0.2">
      <c r="A384">
        <v>3007.2994610000001</v>
      </c>
      <c r="B384">
        <v>19.98724</v>
      </c>
      <c r="C384">
        <v>8.0125700000000002</v>
      </c>
      <c r="D384">
        <f t="shared" si="15"/>
        <v>1.9118339999999998</v>
      </c>
      <c r="E384">
        <f t="shared" si="16"/>
        <v>212.31016799999998</v>
      </c>
      <c r="F384">
        <f t="shared" si="17"/>
        <v>3.6926992373440111E-2</v>
      </c>
    </row>
    <row r="385" spans="1:6" x14ac:dyDescent="0.2">
      <c r="A385">
        <v>3007.5494330000001</v>
      </c>
      <c r="B385">
        <v>20.000589000000002</v>
      </c>
      <c r="C385">
        <v>8.0175739999999998</v>
      </c>
      <c r="D385">
        <f t="shared" si="15"/>
        <v>1.9168379999999994</v>
      </c>
      <c r="E385">
        <f t="shared" si="16"/>
        <v>212.56014000000005</v>
      </c>
      <c r="F385">
        <f t="shared" si="17"/>
        <v>3.6870891862375299E-2</v>
      </c>
    </row>
    <row r="386" spans="1:6" x14ac:dyDescent="0.2">
      <c r="A386">
        <v>3007.3997100000001</v>
      </c>
      <c r="B386">
        <v>20.011614999999999</v>
      </c>
      <c r="C386">
        <v>8.0225790000000003</v>
      </c>
      <c r="D386">
        <f t="shared" si="15"/>
        <v>1.921843</v>
      </c>
      <c r="E386">
        <f t="shared" si="16"/>
        <v>212.41041700000005</v>
      </c>
      <c r="F386">
        <f t="shared" si="17"/>
        <v>3.6750796146568183E-2</v>
      </c>
    </row>
    <row r="387" spans="1:6" x14ac:dyDescent="0.2">
      <c r="A387">
        <v>3007.5852209999998</v>
      </c>
      <c r="B387">
        <v>19.976734</v>
      </c>
      <c r="C387">
        <v>8.0275839999999992</v>
      </c>
      <c r="D387">
        <f t="shared" ref="D387:D401" si="18">C387-$C$2</f>
        <v>1.9268479999999988</v>
      </c>
      <c r="E387">
        <f t="shared" ref="E387:E401" si="19">A387-$A$2</f>
        <v>212.59592799999973</v>
      </c>
      <c r="F387">
        <f t="shared" ref="F387:F402" si="20">(1/A387)*(E387/D387)</f>
        <v>3.6685086149672093E-2</v>
      </c>
    </row>
    <row r="388" spans="1:6" x14ac:dyDescent="0.2">
      <c r="A388">
        <v>3008.2786799999999</v>
      </c>
      <c r="B388">
        <v>19.960204999999998</v>
      </c>
      <c r="C388">
        <v>8.0325889999999998</v>
      </c>
      <c r="D388">
        <f t="shared" si="18"/>
        <v>1.9318529999999994</v>
      </c>
      <c r="E388">
        <f t="shared" si="19"/>
        <v>213.28938699999981</v>
      </c>
      <c r="F388">
        <f t="shared" si="20"/>
        <v>3.670093288751073E-2</v>
      </c>
    </row>
    <row r="389" spans="1:6" x14ac:dyDescent="0.2">
      <c r="A389">
        <v>3010.0775039999999</v>
      </c>
      <c r="B389">
        <v>19.950607999999999</v>
      </c>
      <c r="C389">
        <v>8.0375940000000003</v>
      </c>
      <c r="D389">
        <f t="shared" si="18"/>
        <v>1.936858</v>
      </c>
      <c r="E389">
        <f t="shared" si="19"/>
        <v>215.08821099999977</v>
      </c>
      <c r="F389">
        <f t="shared" si="20"/>
        <v>3.6892760077796426E-2</v>
      </c>
    </row>
    <row r="390" spans="1:6" x14ac:dyDescent="0.2">
      <c r="A390">
        <v>3012.578477</v>
      </c>
      <c r="B390">
        <v>19.935652000000001</v>
      </c>
      <c r="C390">
        <v>8.0425979999999999</v>
      </c>
      <c r="D390">
        <f t="shared" si="18"/>
        <v>1.9418619999999995</v>
      </c>
      <c r="E390">
        <f t="shared" si="19"/>
        <v>217.58918399999993</v>
      </c>
      <c r="F390">
        <f t="shared" si="20"/>
        <v>3.7194658131344552E-2</v>
      </c>
    </row>
    <row r="391" spans="1:6" x14ac:dyDescent="0.2">
      <c r="A391">
        <v>3015.298315</v>
      </c>
      <c r="B391">
        <v>19.954297</v>
      </c>
      <c r="C391">
        <v>8.0476030000000005</v>
      </c>
      <c r="D391">
        <f t="shared" si="18"/>
        <v>1.9468670000000001</v>
      </c>
      <c r="E391">
        <f t="shared" si="19"/>
        <v>220.30902199999991</v>
      </c>
      <c r="F391">
        <f t="shared" si="20"/>
        <v>3.7528889516212381E-2</v>
      </c>
    </row>
    <row r="392" spans="1:6" x14ac:dyDescent="0.2">
      <c r="A392">
        <v>3017.0596650000002</v>
      </c>
      <c r="B392">
        <v>19.970009999999998</v>
      </c>
      <c r="C392">
        <v>8.0526079999999993</v>
      </c>
      <c r="D392">
        <f t="shared" si="18"/>
        <v>1.9518719999999989</v>
      </c>
      <c r="E392">
        <f t="shared" si="19"/>
        <v>222.07037200000013</v>
      </c>
      <c r="F392">
        <f t="shared" si="20"/>
        <v>3.7709900560461113E-2</v>
      </c>
    </row>
    <row r="393" spans="1:6" x14ac:dyDescent="0.2">
      <c r="A393">
        <v>3018.0432850000002</v>
      </c>
      <c r="B393">
        <v>19.979996</v>
      </c>
      <c r="C393">
        <v>8.0576129999999999</v>
      </c>
      <c r="D393">
        <f t="shared" si="18"/>
        <v>1.9568769999999995</v>
      </c>
      <c r="E393">
        <f t="shared" si="19"/>
        <v>223.05399200000011</v>
      </c>
      <c r="F393">
        <f t="shared" si="20"/>
        <v>3.7767740830996856E-2</v>
      </c>
    </row>
    <row r="394" spans="1:6" x14ac:dyDescent="0.2">
      <c r="A394">
        <v>3018.9474489999998</v>
      </c>
      <c r="B394">
        <v>19.953681</v>
      </c>
      <c r="C394">
        <v>8.0626180000000005</v>
      </c>
      <c r="D394">
        <f t="shared" si="18"/>
        <v>1.9618820000000001</v>
      </c>
      <c r="E394">
        <f t="shared" si="19"/>
        <v>223.95815599999969</v>
      </c>
      <c r="F394">
        <f t="shared" si="20"/>
        <v>3.7812765996883622E-2</v>
      </c>
    </row>
    <row r="395" spans="1:6" x14ac:dyDescent="0.2">
      <c r="A395">
        <v>3019.889678</v>
      </c>
      <c r="B395">
        <v>19.980682999999999</v>
      </c>
      <c r="C395">
        <v>8.0676220000000001</v>
      </c>
      <c r="D395">
        <f t="shared" si="18"/>
        <v>1.9668859999999997</v>
      </c>
      <c r="E395">
        <f t="shared" si="19"/>
        <v>224.90038499999991</v>
      </c>
      <c r="F395">
        <f t="shared" si="20"/>
        <v>3.7863428126419144E-2</v>
      </c>
    </row>
    <row r="396" spans="1:6" x14ac:dyDescent="0.2">
      <c r="A396">
        <v>3020.8606719999998</v>
      </c>
      <c r="B396">
        <v>20.000637000000001</v>
      </c>
      <c r="C396">
        <v>8.0726270000000007</v>
      </c>
      <c r="D396">
        <f t="shared" si="18"/>
        <v>1.9718910000000003</v>
      </c>
      <c r="E396">
        <f t="shared" si="19"/>
        <v>225.87137899999971</v>
      </c>
      <c r="F396">
        <f t="shared" si="20"/>
        <v>3.791819042775408E-2</v>
      </c>
    </row>
    <row r="397" spans="1:6" x14ac:dyDescent="0.2">
      <c r="A397">
        <v>3021.5056989999998</v>
      </c>
      <c r="B397">
        <v>19.982548000000001</v>
      </c>
      <c r="C397">
        <v>8.0776319999999995</v>
      </c>
      <c r="D397">
        <f t="shared" si="18"/>
        <v>1.9768959999999991</v>
      </c>
      <c r="E397">
        <f t="shared" si="19"/>
        <v>226.51640599999973</v>
      </c>
      <c r="F397">
        <f t="shared" si="20"/>
        <v>3.7922103737452542E-2</v>
      </c>
    </row>
    <row r="398" spans="1:6" x14ac:dyDescent="0.2">
      <c r="A398">
        <v>3021.3744299999998</v>
      </c>
      <c r="B398">
        <v>20.015319999999999</v>
      </c>
      <c r="C398">
        <v>8.0826370000000001</v>
      </c>
      <c r="D398">
        <f t="shared" si="18"/>
        <v>1.9819009999999997</v>
      </c>
      <c r="E398">
        <f t="shared" si="19"/>
        <v>226.38513699999976</v>
      </c>
      <c r="F398">
        <f t="shared" si="20"/>
        <v>3.7806058692004568E-2</v>
      </c>
    </row>
    <row r="399" spans="1:6" x14ac:dyDescent="0.2">
      <c r="A399">
        <v>3020.9014739999998</v>
      </c>
      <c r="B399">
        <v>19.997062</v>
      </c>
      <c r="C399">
        <v>8.0876420000000007</v>
      </c>
      <c r="D399">
        <f t="shared" si="18"/>
        <v>1.9869060000000003</v>
      </c>
      <c r="E399">
        <f t="shared" si="19"/>
        <v>225.91218099999969</v>
      </c>
      <c r="F399">
        <f t="shared" si="20"/>
        <v>3.7637933104026286E-2</v>
      </c>
    </row>
    <row r="400" spans="1:6" x14ac:dyDescent="0.2">
      <c r="A400">
        <v>3019.8794459999999</v>
      </c>
      <c r="B400">
        <v>20.027978999999998</v>
      </c>
      <c r="C400">
        <v>8.0926460000000002</v>
      </c>
      <c r="D400">
        <f t="shared" si="18"/>
        <v>1.9919099999999998</v>
      </c>
      <c r="E400">
        <f t="shared" si="19"/>
        <v>224.89015299999983</v>
      </c>
      <c r="F400">
        <f t="shared" si="20"/>
        <v>3.738618251317101E-2</v>
      </c>
    </row>
    <row r="401" spans="1:6" x14ac:dyDescent="0.2">
      <c r="A401">
        <v>3018.6535290000002</v>
      </c>
      <c r="B401">
        <v>20.020512</v>
      </c>
      <c r="C401">
        <v>8.0976510000000008</v>
      </c>
      <c r="D401">
        <f t="shared" si="18"/>
        <v>1.9969150000000004</v>
      </c>
      <c r="E401">
        <f t="shared" si="19"/>
        <v>223.66423600000007</v>
      </c>
      <c r="F401">
        <f t="shared" si="20"/>
        <v>3.710425342289727E-2</v>
      </c>
    </row>
    <row r="402" spans="1:6" x14ac:dyDescent="0.2">
      <c r="A402">
        <f>MAX(A2:A401)</f>
        <v>3021.5056989999998</v>
      </c>
      <c r="F402" t="e">
        <f t="shared" si="20"/>
        <v>#DIV/0!</v>
      </c>
    </row>
    <row r="403" spans="1:6" x14ac:dyDescent="0.2">
      <c r="A403">
        <f>MIN(A2:A401)</f>
        <v>2794.9892930000001</v>
      </c>
    </row>
    <row r="405" spans="1:6" x14ac:dyDescent="0.2">
      <c r="A405" t="s">
        <v>20</v>
      </c>
      <c r="C405" s="14">
        <f>E401/A403</f>
        <v>8.0023289019447441E-2</v>
      </c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12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2085.4108769999998</v>
      </c>
      <c r="B2">
        <v>19.939592999999999</v>
      </c>
      <c r="C2">
        <v>6.1357179999999998</v>
      </c>
      <c r="D2">
        <f>C2-$C$2</f>
        <v>0</v>
      </c>
      <c r="E2">
        <f>A2-$A$2</f>
        <v>0</v>
      </c>
      <c r="G2" s="3">
        <f>(A409-A410)/A410</f>
        <v>4.4168426958866518E-2</v>
      </c>
    </row>
    <row r="3" spans="1:7" x14ac:dyDescent="0.2">
      <c r="A3">
        <v>2087.0181229999998</v>
      </c>
      <c r="B3">
        <v>19.952976</v>
      </c>
      <c r="C3">
        <v>6.1407230000000004</v>
      </c>
      <c r="D3">
        <f t="shared" ref="D3:D6" si="0">C3-$C$2</f>
        <v>5.0050000000005923E-3</v>
      </c>
      <c r="E3">
        <f t="shared" ref="E3:E66" si="1">A3-$A$2</f>
        <v>1.6072460000000319</v>
      </c>
      <c r="F3">
        <f t="shared" ref="F3:F66" si="2">(1/A3)*(E3/D3)</f>
        <v>0.15386932599628428</v>
      </c>
      <c r="G3" s="4">
        <f>G2*100</f>
        <v>4.4168426958866513</v>
      </c>
    </row>
    <row r="4" spans="1:7" x14ac:dyDescent="0.2">
      <c r="A4">
        <v>2088.4501380000002</v>
      </c>
      <c r="B4">
        <v>19.963367999999999</v>
      </c>
      <c r="C4">
        <v>6.1457280000000001</v>
      </c>
      <c r="D4">
        <f t="shared" si="0"/>
        <v>1.0010000000000296E-2</v>
      </c>
      <c r="E4">
        <f t="shared" si="1"/>
        <v>3.0392610000003515</v>
      </c>
      <c r="F4">
        <f t="shared" si="2"/>
        <v>0.14538172207130934</v>
      </c>
    </row>
    <row r="5" spans="1:7" x14ac:dyDescent="0.2">
      <c r="A5">
        <v>2089.123454</v>
      </c>
      <c r="B5">
        <v>19.995023</v>
      </c>
      <c r="C5">
        <v>6.1507329999999998</v>
      </c>
      <c r="D5">
        <f t="shared" si="0"/>
        <v>1.5015000000000001E-2</v>
      </c>
      <c r="E5">
        <f t="shared" si="1"/>
        <v>3.7125770000002376</v>
      </c>
      <c r="F5">
        <f t="shared" si="2"/>
        <v>0.11835484158893142</v>
      </c>
    </row>
    <row r="6" spans="1:7" x14ac:dyDescent="0.2">
      <c r="A6">
        <v>2089.6890469999998</v>
      </c>
      <c r="B6">
        <v>19.956330999999999</v>
      </c>
      <c r="C6">
        <v>6.1557380000000004</v>
      </c>
      <c r="D6">
        <f t="shared" si="0"/>
        <v>2.0020000000000593E-2</v>
      </c>
      <c r="E6">
        <f t="shared" si="1"/>
        <v>4.2781700000000455</v>
      </c>
      <c r="F6">
        <f t="shared" si="2"/>
        <v>0.1022615328828879</v>
      </c>
    </row>
    <row r="7" spans="1:7" x14ac:dyDescent="0.2">
      <c r="A7">
        <v>2090.6107109999998</v>
      </c>
      <c r="B7">
        <v>19.963994</v>
      </c>
      <c r="C7">
        <v>6.1607419999999999</v>
      </c>
      <c r="D7">
        <f t="shared" ref="D7:D70" si="3">C7-$C$2</f>
        <v>2.5024000000000157E-2</v>
      </c>
      <c r="E7">
        <f t="shared" si="1"/>
        <v>5.1998340000000098</v>
      </c>
      <c r="F7">
        <f t="shared" si="2"/>
        <v>9.9393864569766358E-2</v>
      </c>
    </row>
    <row r="8" spans="1:7" x14ac:dyDescent="0.2">
      <c r="A8">
        <v>2091.238171</v>
      </c>
      <c r="B8">
        <v>19.987106000000001</v>
      </c>
      <c r="C8">
        <v>6.1657469999999996</v>
      </c>
      <c r="D8">
        <f t="shared" si="3"/>
        <v>3.0028999999999861E-2</v>
      </c>
      <c r="E8">
        <f t="shared" si="1"/>
        <v>5.8272940000001654</v>
      </c>
      <c r="F8">
        <f t="shared" si="2"/>
        <v>9.279456974164263E-2</v>
      </c>
    </row>
    <row r="9" spans="1:7" x14ac:dyDescent="0.2">
      <c r="A9">
        <v>2092.3013179999998</v>
      </c>
      <c r="B9">
        <v>19.950433</v>
      </c>
      <c r="C9">
        <v>6.1707520000000002</v>
      </c>
      <c r="D9">
        <f t="shared" si="3"/>
        <v>3.5034000000000454E-2</v>
      </c>
      <c r="E9">
        <f t="shared" si="1"/>
        <v>6.8904410000000098</v>
      </c>
      <c r="F9">
        <f t="shared" si="2"/>
        <v>9.400112778810335E-2</v>
      </c>
    </row>
    <row r="10" spans="1:7" x14ac:dyDescent="0.2">
      <c r="A10">
        <v>2093.6988930000002</v>
      </c>
      <c r="B10">
        <v>19.953976000000001</v>
      </c>
      <c r="C10">
        <v>6.1757569999999999</v>
      </c>
      <c r="D10">
        <f t="shared" si="3"/>
        <v>4.0039000000000158E-2</v>
      </c>
      <c r="E10">
        <f t="shared" si="1"/>
        <v>8.2880160000004253</v>
      </c>
      <c r="F10">
        <f t="shared" si="2"/>
        <v>9.8867404993193297E-2</v>
      </c>
    </row>
    <row r="11" spans="1:7" x14ac:dyDescent="0.2">
      <c r="A11">
        <v>2095.1215109999998</v>
      </c>
      <c r="B11">
        <v>19.942730999999998</v>
      </c>
      <c r="C11">
        <v>6.1807619999999996</v>
      </c>
      <c r="D11">
        <f t="shared" si="3"/>
        <v>4.5043999999999862E-2</v>
      </c>
      <c r="E11">
        <f t="shared" si="1"/>
        <v>9.7106340000000273</v>
      </c>
      <c r="F11">
        <f t="shared" si="2"/>
        <v>0.10289669365194686</v>
      </c>
    </row>
    <row r="12" spans="1:7" x14ac:dyDescent="0.2">
      <c r="A12">
        <v>2095.7792629999999</v>
      </c>
      <c r="B12">
        <v>19.978114999999999</v>
      </c>
      <c r="C12">
        <v>6.1857660000000001</v>
      </c>
      <c r="D12">
        <f t="shared" si="3"/>
        <v>5.0048000000000314E-2</v>
      </c>
      <c r="E12">
        <f t="shared" si="1"/>
        <v>10.3683860000001</v>
      </c>
      <c r="F12">
        <f t="shared" si="2"/>
        <v>9.8850504713483153E-2</v>
      </c>
    </row>
    <row r="13" spans="1:7" x14ac:dyDescent="0.2">
      <c r="A13">
        <v>2096.6355749999998</v>
      </c>
      <c r="B13">
        <v>19.978596</v>
      </c>
      <c r="C13">
        <v>6.1907709999999998</v>
      </c>
      <c r="D13">
        <f t="shared" si="3"/>
        <v>5.5053000000000019E-2</v>
      </c>
      <c r="E13">
        <f t="shared" si="1"/>
        <v>11.224697999999989</v>
      </c>
      <c r="F13">
        <f t="shared" si="2"/>
        <v>9.7245771183593413E-2</v>
      </c>
    </row>
    <row r="14" spans="1:7" x14ac:dyDescent="0.2">
      <c r="A14">
        <v>2097.1792089999999</v>
      </c>
      <c r="B14">
        <v>19.980976999999999</v>
      </c>
      <c r="C14">
        <v>6.1957760000000004</v>
      </c>
      <c r="D14">
        <f t="shared" si="3"/>
        <v>6.0058000000000611E-2</v>
      </c>
      <c r="E14">
        <f t="shared" si="1"/>
        <v>11.7683320000001</v>
      </c>
      <c r="F14">
        <f t="shared" si="2"/>
        <v>9.3434766101620173E-2</v>
      </c>
    </row>
    <row r="15" spans="1:7" x14ac:dyDescent="0.2">
      <c r="A15">
        <v>2098.1519119999998</v>
      </c>
      <c r="B15">
        <v>19.971601</v>
      </c>
      <c r="C15">
        <v>6.2007810000000001</v>
      </c>
      <c r="D15">
        <f t="shared" si="3"/>
        <v>6.5063000000000315E-2</v>
      </c>
      <c r="E15">
        <f t="shared" si="1"/>
        <v>12.741035000000011</v>
      </c>
      <c r="F15">
        <f t="shared" si="2"/>
        <v>9.3332671125339647E-2</v>
      </c>
    </row>
    <row r="16" spans="1:7" x14ac:dyDescent="0.2">
      <c r="A16">
        <v>2099.4727640000001</v>
      </c>
      <c r="B16">
        <v>19.948131</v>
      </c>
      <c r="C16">
        <v>6.2057859999999998</v>
      </c>
      <c r="D16">
        <f t="shared" si="3"/>
        <v>7.0068000000000019E-2</v>
      </c>
      <c r="E16">
        <f t="shared" si="1"/>
        <v>14.061887000000297</v>
      </c>
      <c r="F16">
        <f t="shared" si="2"/>
        <v>9.5590258788772767E-2</v>
      </c>
    </row>
    <row r="17" spans="1:6" x14ac:dyDescent="0.2">
      <c r="A17">
        <v>2099.9721610000001</v>
      </c>
      <c r="B17">
        <v>20.003350000000001</v>
      </c>
      <c r="C17">
        <v>6.2107900000000003</v>
      </c>
      <c r="D17">
        <f t="shared" si="3"/>
        <v>7.5072000000000472E-2</v>
      </c>
      <c r="E17">
        <f t="shared" si="1"/>
        <v>14.561284000000342</v>
      </c>
      <c r="F17">
        <f t="shared" si="2"/>
        <v>9.2365151909072046E-2</v>
      </c>
    </row>
    <row r="18" spans="1:6" x14ac:dyDescent="0.2">
      <c r="A18">
        <v>2100.0237910000001</v>
      </c>
      <c r="B18">
        <v>19.989248</v>
      </c>
      <c r="C18">
        <v>6.215795</v>
      </c>
      <c r="D18">
        <f t="shared" si="3"/>
        <v>8.0077000000000176E-2</v>
      </c>
      <c r="E18">
        <f t="shared" si="1"/>
        <v>14.612914000000274</v>
      </c>
      <c r="F18">
        <f t="shared" si="2"/>
        <v>8.6897007175101043E-2</v>
      </c>
    </row>
    <row r="19" spans="1:6" x14ac:dyDescent="0.2">
      <c r="A19">
        <v>2100.1395710000002</v>
      </c>
      <c r="B19">
        <v>19.990210999999999</v>
      </c>
      <c r="C19">
        <v>6.2207999999999997</v>
      </c>
      <c r="D19">
        <f t="shared" si="3"/>
        <v>8.508199999999988E-2</v>
      </c>
      <c r="E19">
        <f t="shared" si="1"/>
        <v>14.72869400000036</v>
      </c>
      <c r="F19">
        <f t="shared" si="2"/>
        <v>8.2428688743882886E-2</v>
      </c>
    </row>
    <row r="20" spans="1:6" x14ac:dyDescent="0.2">
      <c r="A20">
        <v>2100.6777400000001</v>
      </c>
      <c r="B20">
        <v>19.973299999999998</v>
      </c>
      <c r="C20">
        <v>6.2258050000000003</v>
      </c>
      <c r="D20">
        <f t="shared" si="3"/>
        <v>9.0087000000000472E-2</v>
      </c>
      <c r="E20">
        <f t="shared" si="1"/>
        <v>15.266863000000285</v>
      </c>
      <c r="F20">
        <f t="shared" si="2"/>
        <v>8.0673007965576707E-2</v>
      </c>
    </row>
    <row r="21" spans="1:6" x14ac:dyDescent="0.2">
      <c r="A21">
        <v>2101.9225470000001</v>
      </c>
      <c r="B21">
        <v>19.967134999999999</v>
      </c>
      <c r="C21">
        <v>6.23081</v>
      </c>
      <c r="D21">
        <f t="shared" si="3"/>
        <v>9.5092000000000176E-2</v>
      </c>
      <c r="E21">
        <f t="shared" si="1"/>
        <v>16.511670000000322</v>
      </c>
      <c r="F21">
        <f t="shared" si="2"/>
        <v>8.260956014575048E-2</v>
      </c>
    </row>
    <row r="22" spans="1:6" x14ac:dyDescent="0.2">
      <c r="A22">
        <v>2102.8797049999998</v>
      </c>
      <c r="B22">
        <v>19.953776000000001</v>
      </c>
      <c r="C22">
        <v>6.2358140000000004</v>
      </c>
      <c r="D22">
        <f t="shared" si="3"/>
        <v>0.10009600000000063</v>
      </c>
      <c r="E22">
        <f t="shared" si="1"/>
        <v>17.46882800000003</v>
      </c>
      <c r="F22">
        <f t="shared" si="2"/>
        <v>8.2991309333841953E-2</v>
      </c>
    </row>
    <row r="23" spans="1:6" x14ac:dyDescent="0.2">
      <c r="A23">
        <v>2104.1630690000002</v>
      </c>
      <c r="B23">
        <v>19.961265999999998</v>
      </c>
      <c r="C23">
        <v>6.2408190000000001</v>
      </c>
      <c r="D23">
        <f t="shared" si="3"/>
        <v>0.10510100000000033</v>
      </c>
      <c r="E23">
        <f t="shared" si="1"/>
        <v>18.752192000000377</v>
      </c>
      <c r="F23">
        <f t="shared" si="2"/>
        <v>8.4794132017519341E-2</v>
      </c>
    </row>
    <row r="24" spans="1:6" x14ac:dyDescent="0.2">
      <c r="A24">
        <v>2105.6494670000002</v>
      </c>
      <c r="B24">
        <v>19.956122000000001</v>
      </c>
      <c r="C24">
        <v>6.2458239999999998</v>
      </c>
      <c r="D24">
        <f t="shared" si="3"/>
        <v>0.11010600000000004</v>
      </c>
      <c r="E24">
        <f t="shared" si="1"/>
        <v>20.238590000000386</v>
      </c>
      <c r="F24">
        <f t="shared" si="2"/>
        <v>8.7293758360611595E-2</v>
      </c>
    </row>
    <row r="25" spans="1:6" x14ac:dyDescent="0.2">
      <c r="A25">
        <v>2106.95946</v>
      </c>
      <c r="B25">
        <v>19.944652999999999</v>
      </c>
      <c r="C25">
        <v>6.2508290000000004</v>
      </c>
      <c r="D25">
        <f t="shared" si="3"/>
        <v>0.11511100000000063</v>
      </c>
      <c r="E25">
        <f t="shared" si="1"/>
        <v>21.548583000000235</v>
      </c>
      <c r="F25">
        <f t="shared" si="2"/>
        <v>8.8847602012333618E-2</v>
      </c>
    </row>
    <row r="26" spans="1:6" x14ac:dyDescent="0.2">
      <c r="A26">
        <v>2107.9415119999999</v>
      </c>
      <c r="B26">
        <v>19.975929000000001</v>
      </c>
      <c r="C26">
        <v>6.2558340000000001</v>
      </c>
      <c r="D26">
        <f t="shared" si="3"/>
        <v>0.12011600000000033</v>
      </c>
      <c r="E26">
        <f t="shared" si="1"/>
        <v>22.530635000000075</v>
      </c>
      <c r="F26">
        <f t="shared" si="2"/>
        <v>8.8984428217938463E-2</v>
      </c>
    </row>
    <row r="27" spans="1:6" x14ac:dyDescent="0.2">
      <c r="A27">
        <v>2108.887823</v>
      </c>
      <c r="B27">
        <v>19.969531</v>
      </c>
      <c r="C27">
        <v>6.2608379999999997</v>
      </c>
      <c r="D27">
        <f t="shared" si="3"/>
        <v>0.1251199999999999</v>
      </c>
      <c r="E27">
        <f t="shared" si="1"/>
        <v>23.476946000000225</v>
      </c>
      <c r="F27">
        <f t="shared" si="2"/>
        <v>8.8973645697579415E-2</v>
      </c>
    </row>
    <row r="28" spans="1:6" x14ac:dyDescent="0.2">
      <c r="A28">
        <v>2109.9625679999999</v>
      </c>
      <c r="B28">
        <v>19.940458</v>
      </c>
      <c r="C28">
        <v>6.2658430000000003</v>
      </c>
      <c r="D28">
        <f t="shared" si="3"/>
        <v>0.13012500000000049</v>
      </c>
      <c r="E28">
        <f t="shared" si="1"/>
        <v>24.551691000000119</v>
      </c>
      <c r="F28">
        <f t="shared" si="2"/>
        <v>8.9422316535620161E-2</v>
      </c>
    </row>
    <row r="29" spans="1:6" x14ac:dyDescent="0.2">
      <c r="A29">
        <v>2111.4983269999998</v>
      </c>
      <c r="B29">
        <v>19.959102000000001</v>
      </c>
      <c r="C29">
        <v>6.270848</v>
      </c>
      <c r="D29">
        <f t="shared" si="3"/>
        <v>0.13513000000000019</v>
      </c>
      <c r="E29">
        <f t="shared" si="1"/>
        <v>26.08744999999999</v>
      </c>
      <c r="F29">
        <f t="shared" si="2"/>
        <v>9.1430082421140521E-2</v>
      </c>
    </row>
    <row r="30" spans="1:6" x14ac:dyDescent="0.2">
      <c r="A30">
        <v>2112.9209110000002</v>
      </c>
      <c r="B30">
        <v>19.961099999999998</v>
      </c>
      <c r="C30">
        <v>6.2758529999999997</v>
      </c>
      <c r="D30">
        <f t="shared" si="3"/>
        <v>0.1401349999999999</v>
      </c>
      <c r="E30">
        <f t="shared" si="1"/>
        <v>27.51003400000036</v>
      </c>
      <c r="F30">
        <f t="shared" si="2"/>
        <v>9.2909744987248202E-2</v>
      </c>
    </row>
    <row r="31" spans="1:6" x14ac:dyDescent="0.2">
      <c r="A31">
        <v>2113.8766340000002</v>
      </c>
      <c r="B31">
        <v>19.970685</v>
      </c>
      <c r="C31">
        <v>6.2808580000000003</v>
      </c>
      <c r="D31">
        <f t="shared" si="3"/>
        <v>0.14514000000000049</v>
      </c>
      <c r="E31">
        <f t="shared" si="1"/>
        <v>28.465757000000394</v>
      </c>
      <c r="F31">
        <f t="shared" si="2"/>
        <v>9.2780344478441606E-2</v>
      </c>
    </row>
    <row r="32" spans="1:6" x14ac:dyDescent="0.2">
      <c r="A32">
        <v>2114.9086080000002</v>
      </c>
      <c r="B32">
        <v>19.959088999999999</v>
      </c>
      <c r="C32">
        <v>6.2858619999999998</v>
      </c>
      <c r="D32">
        <f t="shared" si="3"/>
        <v>0.15014400000000006</v>
      </c>
      <c r="E32">
        <f t="shared" si="1"/>
        <v>29.497731000000385</v>
      </c>
      <c r="F32">
        <f t="shared" si="2"/>
        <v>9.2894290958337206E-2</v>
      </c>
    </row>
    <row r="33" spans="1:6" x14ac:dyDescent="0.2">
      <c r="A33">
        <v>2116.4054569999998</v>
      </c>
      <c r="B33">
        <v>19.947405</v>
      </c>
      <c r="C33">
        <v>6.2908670000000004</v>
      </c>
      <c r="D33">
        <f t="shared" si="3"/>
        <v>0.15514900000000065</v>
      </c>
      <c r="E33">
        <f t="shared" si="1"/>
        <v>30.994580000000042</v>
      </c>
      <c r="F33">
        <f t="shared" si="2"/>
        <v>9.4392589923162185E-2</v>
      </c>
    </row>
    <row r="34" spans="1:6" x14ac:dyDescent="0.2">
      <c r="A34">
        <v>2117.119921</v>
      </c>
      <c r="B34">
        <v>19.980803999999999</v>
      </c>
      <c r="C34">
        <v>6.2958720000000001</v>
      </c>
      <c r="D34">
        <f t="shared" si="3"/>
        <v>0.16015400000000035</v>
      </c>
      <c r="E34">
        <f t="shared" si="1"/>
        <v>31.709044000000176</v>
      </c>
      <c r="F34">
        <f t="shared" si="2"/>
        <v>9.3519009829509669E-2</v>
      </c>
    </row>
    <row r="35" spans="1:6" x14ac:dyDescent="0.2">
      <c r="A35">
        <v>2117.3839079999998</v>
      </c>
      <c r="B35">
        <v>20.004341</v>
      </c>
      <c r="C35">
        <v>6.3008769999999998</v>
      </c>
      <c r="D35">
        <f t="shared" si="3"/>
        <v>0.16515900000000006</v>
      </c>
      <c r="E35">
        <f t="shared" si="1"/>
        <v>31.973030999999992</v>
      </c>
      <c r="F35">
        <f t="shared" si="2"/>
        <v>9.1428576056440017E-2</v>
      </c>
    </row>
    <row r="36" spans="1:6" x14ac:dyDescent="0.2">
      <c r="A36">
        <v>2117.7626129999999</v>
      </c>
      <c r="B36">
        <v>19.978531</v>
      </c>
      <c r="C36">
        <v>6.3058820000000004</v>
      </c>
      <c r="D36">
        <f t="shared" si="3"/>
        <v>0.17016400000000065</v>
      </c>
      <c r="E36">
        <f t="shared" si="1"/>
        <v>32.351736000000074</v>
      </c>
      <c r="F36">
        <f t="shared" si="2"/>
        <v>8.9774423949182725E-2</v>
      </c>
    </row>
    <row r="37" spans="1:6" x14ac:dyDescent="0.2">
      <c r="A37">
        <v>2118.316253</v>
      </c>
      <c r="B37">
        <v>19.995145000000001</v>
      </c>
      <c r="C37">
        <v>6.310886</v>
      </c>
      <c r="D37">
        <f t="shared" si="3"/>
        <v>0.17516800000000021</v>
      </c>
      <c r="E37">
        <f t="shared" si="1"/>
        <v>32.90537600000016</v>
      </c>
      <c r="F37">
        <f t="shared" si="2"/>
        <v>8.8679102266093143E-2</v>
      </c>
    </row>
    <row r="38" spans="1:6" x14ac:dyDescent="0.2">
      <c r="A38">
        <v>2117.358667</v>
      </c>
      <c r="B38">
        <v>20.027906999999999</v>
      </c>
      <c r="C38">
        <v>6.3158909999999997</v>
      </c>
      <c r="D38">
        <f t="shared" si="3"/>
        <v>0.18017299999999992</v>
      </c>
      <c r="E38">
        <f t="shared" si="1"/>
        <v>31.947790000000168</v>
      </c>
      <c r="F38">
        <f t="shared" si="2"/>
        <v>8.3744574482349468E-2</v>
      </c>
    </row>
    <row r="39" spans="1:6" x14ac:dyDescent="0.2">
      <c r="A39">
        <v>2116.358033</v>
      </c>
      <c r="B39">
        <v>20.031521000000001</v>
      </c>
      <c r="C39">
        <v>6.3208960000000003</v>
      </c>
      <c r="D39">
        <f t="shared" si="3"/>
        <v>0.18517800000000051</v>
      </c>
      <c r="E39">
        <f t="shared" si="1"/>
        <v>30.947156000000177</v>
      </c>
      <c r="F39">
        <f t="shared" si="2"/>
        <v>7.8966377188465275E-2</v>
      </c>
    </row>
    <row r="40" spans="1:6" x14ac:dyDescent="0.2">
      <c r="A40">
        <v>2116.3768730000002</v>
      </c>
      <c r="B40">
        <v>19.980632</v>
      </c>
      <c r="C40">
        <v>6.325901</v>
      </c>
      <c r="D40">
        <f t="shared" si="3"/>
        <v>0.19018300000000021</v>
      </c>
      <c r="E40">
        <f t="shared" si="1"/>
        <v>30.965996000000359</v>
      </c>
      <c r="F40">
        <f t="shared" si="2"/>
        <v>7.6934361265780224E-2</v>
      </c>
    </row>
    <row r="41" spans="1:6" x14ac:dyDescent="0.2">
      <c r="A41">
        <v>2116.5199849999999</v>
      </c>
      <c r="B41">
        <v>19.996314999999999</v>
      </c>
      <c r="C41">
        <v>6.3309059999999997</v>
      </c>
      <c r="D41">
        <f t="shared" si="3"/>
        <v>0.19518799999999992</v>
      </c>
      <c r="E41">
        <f t="shared" si="1"/>
        <v>31.109108000000106</v>
      </c>
      <c r="F41">
        <f t="shared" si="2"/>
        <v>7.5302964026925337E-2</v>
      </c>
    </row>
    <row r="42" spans="1:6" x14ac:dyDescent="0.2">
      <c r="A42">
        <v>2116.5639190000002</v>
      </c>
      <c r="B42">
        <v>19.988693999999999</v>
      </c>
      <c r="C42">
        <v>6.3359100000000002</v>
      </c>
      <c r="D42">
        <f t="shared" si="3"/>
        <v>0.20019200000000037</v>
      </c>
      <c r="E42">
        <f t="shared" si="1"/>
        <v>31.153042000000369</v>
      </c>
      <c r="F42">
        <f t="shared" si="2"/>
        <v>7.3522853440430469E-2</v>
      </c>
    </row>
    <row r="43" spans="1:6" x14ac:dyDescent="0.2">
      <c r="A43">
        <v>2115.999519</v>
      </c>
      <c r="B43">
        <v>20.028306000000001</v>
      </c>
      <c r="C43">
        <v>6.3409149999999999</v>
      </c>
      <c r="D43">
        <f t="shared" si="3"/>
        <v>0.20519700000000007</v>
      </c>
      <c r="E43">
        <f t="shared" si="1"/>
        <v>30.588642000000164</v>
      </c>
      <c r="F43">
        <f t="shared" si="2"/>
        <v>7.0448804067515428E-2</v>
      </c>
    </row>
    <row r="44" spans="1:6" x14ac:dyDescent="0.2">
      <c r="A44">
        <v>2115.1615830000001</v>
      </c>
      <c r="B44">
        <v>20.007740999999999</v>
      </c>
      <c r="C44">
        <v>6.3459199999999996</v>
      </c>
      <c r="D44">
        <f t="shared" si="3"/>
        <v>0.21020199999999978</v>
      </c>
      <c r="E44">
        <f t="shared" si="1"/>
        <v>29.750706000000264</v>
      </c>
      <c r="F44">
        <f t="shared" si="2"/>
        <v>6.6913983115814188E-2</v>
      </c>
    </row>
    <row r="45" spans="1:6" x14ac:dyDescent="0.2">
      <c r="A45">
        <v>2114.6267330000001</v>
      </c>
      <c r="B45">
        <v>20.041163999999998</v>
      </c>
      <c r="C45">
        <v>6.3509250000000002</v>
      </c>
      <c r="D45">
        <f t="shared" si="3"/>
        <v>0.21520700000000037</v>
      </c>
      <c r="E45">
        <f t="shared" si="1"/>
        <v>29.215856000000258</v>
      </c>
      <c r="F45">
        <f t="shared" si="2"/>
        <v>6.4199035524046474E-2</v>
      </c>
    </row>
    <row r="46" spans="1:6" x14ac:dyDescent="0.2">
      <c r="A46">
        <v>2113.7733039999998</v>
      </c>
      <c r="B46">
        <v>19.995666</v>
      </c>
      <c r="C46">
        <v>6.3559299999999999</v>
      </c>
      <c r="D46">
        <f t="shared" si="3"/>
        <v>0.22021200000000007</v>
      </c>
      <c r="E46">
        <f t="shared" si="1"/>
        <v>28.362427000000025</v>
      </c>
      <c r="F46">
        <f t="shared" si="2"/>
        <v>6.0931799055564562E-2</v>
      </c>
    </row>
    <row r="47" spans="1:6" x14ac:dyDescent="0.2">
      <c r="A47">
        <v>2113.7177959999999</v>
      </c>
      <c r="B47">
        <v>19.991596999999999</v>
      </c>
      <c r="C47">
        <v>6.3609340000000003</v>
      </c>
      <c r="D47">
        <f t="shared" si="3"/>
        <v>0.22521600000000053</v>
      </c>
      <c r="E47">
        <f t="shared" si="1"/>
        <v>28.306919000000107</v>
      </c>
      <c r="F47">
        <f t="shared" si="2"/>
        <v>5.9462937187238114E-2</v>
      </c>
    </row>
    <row r="48" spans="1:6" x14ac:dyDescent="0.2">
      <c r="A48">
        <v>2113.9117470000001</v>
      </c>
      <c r="B48">
        <v>19.991664</v>
      </c>
      <c r="C48">
        <v>6.365939</v>
      </c>
      <c r="D48">
        <f t="shared" si="3"/>
        <v>0.23022100000000023</v>
      </c>
      <c r="E48">
        <f t="shared" si="1"/>
        <v>28.500870000000305</v>
      </c>
      <c r="F48">
        <f t="shared" si="2"/>
        <v>5.8563406279729578E-2</v>
      </c>
    </row>
    <row r="49" spans="1:6" x14ac:dyDescent="0.2">
      <c r="A49">
        <v>2114.6287259999999</v>
      </c>
      <c r="B49">
        <v>19.96386</v>
      </c>
      <c r="C49">
        <v>6.3709439999999997</v>
      </c>
      <c r="D49">
        <f t="shared" si="3"/>
        <v>0.23522599999999994</v>
      </c>
      <c r="E49">
        <f t="shared" si="1"/>
        <v>29.217849000000115</v>
      </c>
      <c r="F49">
        <f t="shared" si="2"/>
        <v>5.8739303048315525E-2</v>
      </c>
    </row>
    <row r="50" spans="1:6" x14ac:dyDescent="0.2">
      <c r="A50">
        <v>2115.445228</v>
      </c>
      <c r="B50">
        <v>19.978853000000001</v>
      </c>
      <c r="C50">
        <v>6.3759490000000003</v>
      </c>
      <c r="D50">
        <f t="shared" si="3"/>
        <v>0.24023100000000053</v>
      </c>
      <c r="E50">
        <f t="shared" si="1"/>
        <v>30.034351000000242</v>
      </c>
      <c r="F50">
        <f t="shared" si="2"/>
        <v>5.9099991373892907E-2</v>
      </c>
    </row>
    <row r="51" spans="1:6" x14ac:dyDescent="0.2">
      <c r="A51">
        <v>2115.8384529999998</v>
      </c>
      <c r="B51">
        <v>19.97344</v>
      </c>
      <c r="C51">
        <v>6.380954</v>
      </c>
      <c r="D51">
        <f t="shared" si="3"/>
        <v>0.24523600000000023</v>
      </c>
      <c r="E51">
        <f t="shared" si="1"/>
        <v>30.427576000000045</v>
      </c>
      <c r="F51">
        <f t="shared" si="2"/>
        <v>5.8640899901079277E-2</v>
      </c>
    </row>
    <row r="52" spans="1:6" x14ac:dyDescent="0.2">
      <c r="A52">
        <v>2117.441879</v>
      </c>
      <c r="B52">
        <v>19.939281999999999</v>
      </c>
      <c r="C52">
        <v>6.3859579999999996</v>
      </c>
      <c r="D52">
        <f t="shared" si="3"/>
        <v>0.2502399999999998</v>
      </c>
      <c r="E52">
        <f t="shared" si="1"/>
        <v>32.031002000000171</v>
      </c>
      <c r="F52">
        <f t="shared" si="2"/>
        <v>6.0450833710066307E-2</v>
      </c>
    </row>
    <row r="53" spans="1:6" x14ac:dyDescent="0.2">
      <c r="A53">
        <v>2119.391392</v>
      </c>
      <c r="B53">
        <v>19.928882000000002</v>
      </c>
      <c r="C53">
        <v>6.3909630000000002</v>
      </c>
      <c r="D53">
        <f t="shared" si="3"/>
        <v>0.25524500000000039</v>
      </c>
      <c r="E53">
        <f t="shared" si="1"/>
        <v>33.980515000000196</v>
      </c>
      <c r="F53">
        <f t="shared" si="2"/>
        <v>6.2814737194585496E-2</v>
      </c>
    </row>
    <row r="54" spans="1:6" x14ac:dyDescent="0.2">
      <c r="A54">
        <v>2121.0446590000001</v>
      </c>
      <c r="B54">
        <v>19.963543000000001</v>
      </c>
      <c r="C54">
        <v>6.3959679999999999</v>
      </c>
      <c r="D54">
        <f t="shared" si="3"/>
        <v>0.26025000000000009</v>
      </c>
      <c r="E54">
        <f t="shared" si="1"/>
        <v>35.633782000000338</v>
      </c>
      <c r="F54">
        <f t="shared" si="2"/>
        <v>6.4553733918164727E-2</v>
      </c>
    </row>
    <row r="55" spans="1:6" x14ac:dyDescent="0.2">
      <c r="A55">
        <v>2122.5728469999999</v>
      </c>
      <c r="B55">
        <v>19.938718000000001</v>
      </c>
      <c r="C55">
        <v>6.4009729999999996</v>
      </c>
      <c r="D55">
        <f t="shared" si="3"/>
        <v>0.2652549999999998</v>
      </c>
      <c r="E55">
        <f t="shared" si="1"/>
        <v>37.16197000000011</v>
      </c>
      <c r="F55">
        <f t="shared" si="2"/>
        <v>6.6004347965699345E-2</v>
      </c>
    </row>
    <row r="56" spans="1:6" x14ac:dyDescent="0.2">
      <c r="A56">
        <v>2124.7194770000001</v>
      </c>
      <c r="B56">
        <v>19.919024</v>
      </c>
      <c r="C56">
        <v>6.4059780000000002</v>
      </c>
      <c r="D56">
        <f t="shared" si="3"/>
        <v>0.27026000000000039</v>
      </c>
      <c r="E56">
        <f t="shared" si="1"/>
        <v>39.308600000000297</v>
      </c>
      <c r="F56">
        <f t="shared" si="2"/>
        <v>6.8454847133303173E-2</v>
      </c>
    </row>
    <row r="57" spans="1:6" x14ac:dyDescent="0.2">
      <c r="A57">
        <v>2127.0920310000001</v>
      </c>
      <c r="B57">
        <v>19.945039000000001</v>
      </c>
      <c r="C57">
        <v>6.4109819999999997</v>
      </c>
      <c r="D57">
        <f t="shared" si="3"/>
        <v>0.27526399999999995</v>
      </c>
      <c r="E57">
        <f t="shared" si="1"/>
        <v>41.681154000000333</v>
      </c>
      <c r="F57">
        <f t="shared" si="2"/>
        <v>7.1187548517876745E-2</v>
      </c>
    </row>
    <row r="58" spans="1:6" x14ac:dyDescent="0.2">
      <c r="A58">
        <v>2128.5283589999999</v>
      </c>
      <c r="B58">
        <v>19.962809</v>
      </c>
      <c r="C58">
        <v>6.4159870000000003</v>
      </c>
      <c r="D58">
        <f t="shared" si="3"/>
        <v>0.28026900000000055</v>
      </c>
      <c r="E58">
        <f t="shared" si="1"/>
        <v>43.117482000000109</v>
      </c>
      <c r="F58">
        <f t="shared" si="2"/>
        <v>7.2276794962536514E-2</v>
      </c>
    </row>
    <row r="59" spans="1:6" x14ac:dyDescent="0.2">
      <c r="A59">
        <v>2129.6087900000002</v>
      </c>
      <c r="B59">
        <v>19.943351</v>
      </c>
      <c r="C59">
        <v>6.420992</v>
      </c>
      <c r="D59">
        <f t="shared" si="3"/>
        <v>0.28527400000000025</v>
      </c>
      <c r="E59">
        <f t="shared" si="1"/>
        <v>44.197913000000426</v>
      </c>
      <c r="F59">
        <f t="shared" si="2"/>
        <v>7.2751129495725486E-2</v>
      </c>
    </row>
    <row r="60" spans="1:6" x14ac:dyDescent="0.2">
      <c r="A60">
        <v>2131.0907699999998</v>
      </c>
      <c r="B60">
        <v>19.972380000000001</v>
      </c>
      <c r="C60">
        <v>6.4259969999999997</v>
      </c>
      <c r="D60">
        <f t="shared" si="3"/>
        <v>0.29027899999999995</v>
      </c>
      <c r="E60">
        <f t="shared" si="1"/>
        <v>45.679892999999993</v>
      </c>
      <c r="F60">
        <f t="shared" si="2"/>
        <v>7.3842690413940246E-2</v>
      </c>
    </row>
    <row r="61" spans="1:6" x14ac:dyDescent="0.2">
      <c r="A61">
        <v>2132.2566240000001</v>
      </c>
      <c r="B61">
        <v>19.965067999999999</v>
      </c>
      <c r="C61">
        <v>6.4310020000000003</v>
      </c>
      <c r="D61">
        <f t="shared" si="3"/>
        <v>0.29528400000000055</v>
      </c>
      <c r="E61">
        <f t="shared" si="1"/>
        <v>46.845747000000301</v>
      </c>
      <c r="F61">
        <f t="shared" si="2"/>
        <v>7.4403057213904389E-2</v>
      </c>
    </row>
    <row r="62" spans="1:6" x14ac:dyDescent="0.2">
      <c r="A62">
        <v>2132.2207170000001</v>
      </c>
      <c r="B62">
        <v>19.996310000000001</v>
      </c>
      <c r="C62">
        <v>6.4360059999999999</v>
      </c>
      <c r="D62">
        <f t="shared" si="3"/>
        <v>0.30028800000000011</v>
      </c>
      <c r="E62">
        <f t="shared" si="1"/>
        <v>46.809840000000349</v>
      </c>
      <c r="F62">
        <f t="shared" si="2"/>
        <v>7.3108356433774446E-2</v>
      </c>
    </row>
    <row r="63" spans="1:6" x14ac:dyDescent="0.2">
      <c r="A63">
        <v>2132.039139</v>
      </c>
      <c r="B63">
        <v>20.014775</v>
      </c>
      <c r="C63">
        <v>6.4410109999999996</v>
      </c>
      <c r="D63">
        <f t="shared" si="3"/>
        <v>0.30529299999999981</v>
      </c>
      <c r="E63">
        <f t="shared" si="1"/>
        <v>46.628262000000177</v>
      </c>
      <c r="F63">
        <f t="shared" si="2"/>
        <v>7.1636970017833521E-2</v>
      </c>
    </row>
    <row r="64" spans="1:6" x14ac:dyDescent="0.2">
      <c r="A64">
        <v>2131.7365530000002</v>
      </c>
      <c r="B64">
        <v>19.999421000000002</v>
      </c>
      <c r="C64">
        <v>6.4460160000000002</v>
      </c>
      <c r="D64">
        <f t="shared" si="3"/>
        <v>0.31029800000000041</v>
      </c>
      <c r="E64">
        <f t="shared" si="1"/>
        <v>46.325676000000385</v>
      </c>
      <c r="F64">
        <f t="shared" si="2"/>
        <v>7.003405241839121E-2</v>
      </c>
    </row>
    <row r="65" spans="1:6" x14ac:dyDescent="0.2">
      <c r="A65">
        <v>2131.4992739999998</v>
      </c>
      <c r="B65">
        <v>20.009145</v>
      </c>
      <c r="C65">
        <v>6.4510209999999999</v>
      </c>
      <c r="D65">
        <f t="shared" si="3"/>
        <v>0.31530300000000011</v>
      </c>
      <c r="E65">
        <f t="shared" si="1"/>
        <v>46.088396999999986</v>
      </c>
      <c r="F65">
        <f t="shared" si="2"/>
        <v>6.8576972974737915E-2</v>
      </c>
    </row>
    <row r="66" spans="1:6" x14ac:dyDescent="0.2">
      <c r="A66">
        <v>2130.8160029999999</v>
      </c>
      <c r="B66">
        <v>20.027124000000001</v>
      </c>
      <c r="C66">
        <v>6.4560259999999996</v>
      </c>
      <c r="D66">
        <f t="shared" si="3"/>
        <v>0.32030799999999982</v>
      </c>
      <c r="E66">
        <f t="shared" si="1"/>
        <v>45.405126000000109</v>
      </c>
      <c r="F66">
        <f t="shared" si="2"/>
        <v>6.6525959898557405E-2</v>
      </c>
    </row>
    <row r="67" spans="1:6" x14ac:dyDescent="0.2">
      <c r="A67">
        <v>2129.8119959999999</v>
      </c>
      <c r="B67">
        <v>20.040908000000002</v>
      </c>
      <c r="C67">
        <v>6.4610300000000001</v>
      </c>
      <c r="D67">
        <f t="shared" si="3"/>
        <v>0.32531200000000027</v>
      </c>
      <c r="E67">
        <f t="shared" ref="E67:E130" si="4">A67-$A$2</f>
        <v>44.401119000000108</v>
      </c>
      <c r="F67">
        <f t="shared" ref="F67:F130" si="5">(1/A67)*(E67/D67)</f>
        <v>6.4084435462480716E-2</v>
      </c>
    </row>
    <row r="68" spans="1:6" x14ac:dyDescent="0.2">
      <c r="A68">
        <v>2128.4975089999998</v>
      </c>
      <c r="B68">
        <v>20.044034</v>
      </c>
      <c r="C68">
        <v>6.4660349999999998</v>
      </c>
      <c r="D68">
        <f t="shared" si="3"/>
        <v>0.33031699999999997</v>
      </c>
      <c r="E68">
        <f t="shared" si="4"/>
        <v>43.086632000000009</v>
      </c>
      <c r="F68">
        <f t="shared" si="5"/>
        <v>6.1282782464664329E-2</v>
      </c>
    </row>
    <row r="69" spans="1:6" x14ac:dyDescent="0.2">
      <c r="A69">
        <v>2127.4455630000002</v>
      </c>
      <c r="B69">
        <v>20.016544</v>
      </c>
      <c r="C69">
        <v>6.4710400000000003</v>
      </c>
      <c r="D69">
        <f t="shared" si="3"/>
        <v>0.33532200000000056</v>
      </c>
      <c r="E69">
        <f t="shared" si="4"/>
        <v>42.03468600000042</v>
      </c>
      <c r="F69">
        <f t="shared" si="5"/>
        <v>5.8923332842124782E-2</v>
      </c>
    </row>
    <row r="70" spans="1:6" x14ac:dyDescent="0.2">
      <c r="A70">
        <v>2126.8659779999998</v>
      </c>
      <c r="B70">
        <v>19.987147</v>
      </c>
      <c r="C70">
        <v>6.4760450000000001</v>
      </c>
      <c r="D70">
        <f t="shared" si="3"/>
        <v>0.34032700000000027</v>
      </c>
      <c r="E70">
        <f t="shared" si="4"/>
        <v>41.455101000000013</v>
      </c>
      <c r="F70">
        <f t="shared" si="5"/>
        <v>5.7271881123707596E-2</v>
      </c>
    </row>
    <row r="71" spans="1:6" x14ac:dyDescent="0.2">
      <c r="A71">
        <v>2127.109504</v>
      </c>
      <c r="B71">
        <v>20.004235000000001</v>
      </c>
      <c r="C71">
        <v>6.4810499999999998</v>
      </c>
      <c r="D71">
        <f t="shared" ref="D71:D134" si="6">C71-$C$2</f>
        <v>0.34533199999999997</v>
      </c>
      <c r="E71">
        <f t="shared" si="4"/>
        <v>41.698627000000215</v>
      </c>
      <c r="F71">
        <f t="shared" si="5"/>
        <v>5.6766887586628192E-2</v>
      </c>
    </row>
    <row r="72" spans="1:6" x14ac:dyDescent="0.2">
      <c r="A72">
        <v>2127.0512789999998</v>
      </c>
      <c r="B72">
        <v>19.984323</v>
      </c>
      <c r="C72">
        <v>6.4860540000000002</v>
      </c>
      <c r="D72">
        <f t="shared" si="6"/>
        <v>0.35033600000000042</v>
      </c>
      <c r="E72">
        <f t="shared" si="4"/>
        <v>41.640401999999995</v>
      </c>
      <c r="F72">
        <f t="shared" si="5"/>
        <v>5.5879458188073411E-2</v>
      </c>
    </row>
    <row r="73" spans="1:6" x14ac:dyDescent="0.2">
      <c r="A73">
        <v>2127.2459309999999</v>
      </c>
      <c r="B73">
        <v>20.018740000000001</v>
      </c>
      <c r="C73">
        <v>6.4910589999999999</v>
      </c>
      <c r="D73">
        <f t="shared" si="6"/>
        <v>0.35534100000000013</v>
      </c>
      <c r="E73">
        <f t="shared" si="4"/>
        <v>41.835054000000127</v>
      </c>
      <c r="F73">
        <f t="shared" si="5"/>
        <v>5.5344862408024172E-2</v>
      </c>
    </row>
    <row r="74" spans="1:6" x14ac:dyDescent="0.2">
      <c r="A74">
        <v>2126.8233810000002</v>
      </c>
      <c r="B74">
        <v>20.024933999999998</v>
      </c>
      <c r="C74">
        <v>6.4960639999999996</v>
      </c>
      <c r="D74">
        <f t="shared" si="6"/>
        <v>0.36034599999999983</v>
      </c>
      <c r="E74">
        <f t="shared" si="4"/>
        <v>41.412504000000354</v>
      </c>
      <c r="F74">
        <f t="shared" si="5"/>
        <v>5.4035647416315752E-2</v>
      </c>
    </row>
    <row r="75" spans="1:6" x14ac:dyDescent="0.2">
      <c r="A75">
        <v>2126.275506</v>
      </c>
      <c r="B75">
        <v>19.992016</v>
      </c>
      <c r="C75">
        <v>6.5010690000000002</v>
      </c>
      <c r="D75">
        <f t="shared" si="6"/>
        <v>0.36535100000000043</v>
      </c>
      <c r="E75">
        <f t="shared" si="4"/>
        <v>40.86462900000015</v>
      </c>
      <c r="F75">
        <f t="shared" si="5"/>
        <v>5.2603873382195444E-2</v>
      </c>
    </row>
    <row r="76" spans="1:6" x14ac:dyDescent="0.2">
      <c r="A76">
        <v>2126.1357149999999</v>
      </c>
      <c r="B76">
        <v>19.992315999999999</v>
      </c>
      <c r="C76">
        <v>6.5060739999999999</v>
      </c>
      <c r="D76">
        <f t="shared" si="6"/>
        <v>0.37035600000000013</v>
      </c>
      <c r="E76">
        <f t="shared" si="4"/>
        <v>40.724838000000091</v>
      </c>
      <c r="F76">
        <f t="shared" si="5"/>
        <v>5.1718866450427538E-2</v>
      </c>
    </row>
    <row r="77" spans="1:6" x14ac:dyDescent="0.2">
      <c r="A77">
        <v>2126.5886230000001</v>
      </c>
      <c r="B77">
        <v>19.977219999999999</v>
      </c>
      <c r="C77">
        <v>6.5110780000000004</v>
      </c>
      <c r="D77">
        <f t="shared" si="6"/>
        <v>0.37536000000000058</v>
      </c>
      <c r="E77">
        <f t="shared" si="4"/>
        <v>41.177746000000297</v>
      </c>
      <c r="F77">
        <f t="shared" si="5"/>
        <v>5.1585909729696948E-2</v>
      </c>
    </row>
    <row r="78" spans="1:6" x14ac:dyDescent="0.2">
      <c r="A78">
        <v>2126.9064039999998</v>
      </c>
      <c r="B78">
        <v>19.984511999999999</v>
      </c>
      <c r="C78">
        <v>6.5160830000000001</v>
      </c>
      <c r="D78">
        <f t="shared" si="6"/>
        <v>0.38036500000000029</v>
      </c>
      <c r="E78">
        <f t="shared" si="4"/>
        <v>41.495527000000038</v>
      </c>
      <c r="F78">
        <f t="shared" si="5"/>
        <v>5.1292321764220578E-2</v>
      </c>
    </row>
    <row r="79" spans="1:6" x14ac:dyDescent="0.2">
      <c r="A79">
        <v>2128.008887</v>
      </c>
      <c r="B79">
        <v>19.965140999999999</v>
      </c>
      <c r="C79">
        <v>6.5210879999999998</v>
      </c>
      <c r="D79">
        <f t="shared" si="6"/>
        <v>0.38536999999999999</v>
      </c>
      <c r="E79">
        <f t="shared" si="4"/>
        <v>42.598010000000158</v>
      </c>
      <c r="F79">
        <f t="shared" si="5"/>
        <v>5.194430869923284E-2</v>
      </c>
    </row>
    <row r="80" spans="1:6" x14ac:dyDescent="0.2">
      <c r="A80">
        <v>2129.3795749999999</v>
      </c>
      <c r="B80">
        <v>19.933222000000001</v>
      </c>
      <c r="C80">
        <v>6.5260930000000004</v>
      </c>
      <c r="D80">
        <f t="shared" si="6"/>
        <v>0.39037500000000058</v>
      </c>
      <c r="E80">
        <f t="shared" si="4"/>
        <v>43.968698000000131</v>
      </c>
      <c r="F80">
        <f t="shared" si="5"/>
        <v>5.2894257393659203E-2</v>
      </c>
    </row>
    <row r="81" spans="1:6" x14ac:dyDescent="0.2">
      <c r="A81">
        <v>2130.4876020000002</v>
      </c>
      <c r="B81">
        <v>19.980609999999999</v>
      </c>
      <c r="C81">
        <v>6.5310980000000001</v>
      </c>
      <c r="D81">
        <f t="shared" si="6"/>
        <v>0.39538000000000029</v>
      </c>
      <c r="E81">
        <f t="shared" si="4"/>
        <v>45.076725000000351</v>
      </c>
      <c r="F81">
        <f t="shared" si="5"/>
        <v>5.3512919700263943E-2</v>
      </c>
    </row>
    <row r="82" spans="1:6" x14ac:dyDescent="0.2">
      <c r="A82">
        <v>2131.3713160000002</v>
      </c>
      <c r="B82">
        <v>19.967569999999998</v>
      </c>
      <c r="C82">
        <v>6.5361019999999996</v>
      </c>
      <c r="D82">
        <f t="shared" si="6"/>
        <v>0.40038399999999985</v>
      </c>
      <c r="E82">
        <f t="shared" si="4"/>
        <v>45.960439000000406</v>
      </c>
      <c r="F82">
        <f t="shared" si="5"/>
        <v>5.3857766300957795E-2</v>
      </c>
    </row>
    <row r="83" spans="1:6" x14ac:dyDescent="0.2">
      <c r="A83">
        <v>2132.3479320000001</v>
      </c>
      <c r="B83">
        <v>19.968250000000001</v>
      </c>
      <c r="C83">
        <v>6.5411070000000002</v>
      </c>
      <c r="D83">
        <f t="shared" si="6"/>
        <v>0.40538900000000044</v>
      </c>
      <c r="E83">
        <f t="shared" si="4"/>
        <v>46.937055000000328</v>
      </c>
      <c r="F83">
        <f t="shared" si="5"/>
        <v>5.4298246831383609E-2</v>
      </c>
    </row>
    <row r="84" spans="1:6" x14ac:dyDescent="0.2">
      <c r="A84">
        <v>2132.8859779999998</v>
      </c>
      <c r="B84">
        <v>20.000768000000001</v>
      </c>
      <c r="C84">
        <v>6.5461119999999999</v>
      </c>
      <c r="D84">
        <f t="shared" si="6"/>
        <v>0.41039400000000015</v>
      </c>
      <c r="E84">
        <f t="shared" si="4"/>
        <v>47.475100999999995</v>
      </c>
      <c r="F84">
        <f t="shared" si="5"/>
        <v>5.4237199320458555E-2</v>
      </c>
    </row>
    <row r="85" spans="1:6" x14ac:dyDescent="0.2">
      <c r="A85">
        <v>2133.2620929999998</v>
      </c>
      <c r="B85">
        <v>19.986719999999998</v>
      </c>
      <c r="C85">
        <v>6.5511169999999996</v>
      </c>
      <c r="D85">
        <f t="shared" si="6"/>
        <v>0.41539899999999985</v>
      </c>
      <c r="E85">
        <f t="shared" si="4"/>
        <v>47.851216000000022</v>
      </c>
      <c r="F85">
        <f t="shared" si="5"/>
        <v>5.3998701390542928E-2</v>
      </c>
    </row>
    <row r="86" spans="1:6" x14ac:dyDescent="0.2">
      <c r="A86">
        <v>2133.6791880000001</v>
      </c>
      <c r="B86">
        <v>19.963016</v>
      </c>
      <c r="C86">
        <v>6.5561220000000002</v>
      </c>
      <c r="D86">
        <f t="shared" si="6"/>
        <v>0.42040400000000044</v>
      </c>
      <c r="E86">
        <f t="shared" si="4"/>
        <v>48.268311000000267</v>
      </c>
      <c r="F86">
        <f t="shared" si="5"/>
        <v>5.3810390243674934E-2</v>
      </c>
    </row>
    <row r="87" spans="1:6" x14ac:dyDescent="0.2">
      <c r="A87">
        <v>2134.8542689999999</v>
      </c>
      <c r="B87">
        <v>19.966683</v>
      </c>
      <c r="C87">
        <v>6.5611259999999998</v>
      </c>
      <c r="D87">
        <f t="shared" si="6"/>
        <v>0.42540800000000001</v>
      </c>
      <c r="E87">
        <f t="shared" si="4"/>
        <v>49.443392000000131</v>
      </c>
      <c r="F87">
        <f t="shared" si="5"/>
        <v>5.444203749425363E-2</v>
      </c>
    </row>
    <row r="88" spans="1:6" x14ac:dyDescent="0.2">
      <c r="A88">
        <v>2135.2633959999998</v>
      </c>
      <c r="B88">
        <v>19.979562000000001</v>
      </c>
      <c r="C88">
        <v>6.5661310000000004</v>
      </c>
      <c r="D88">
        <f t="shared" si="6"/>
        <v>0.4304130000000006</v>
      </c>
      <c r="E88">
        <f t="shared" si="4"/>
        <v>49.852519000000029</v>
      </c>
      <c r="F88">
        <f t="shared" si="5"/>
        <v>5.4243820781760793E-2</v>
      </c>
    </row>
    <row r="89" spans="1:6" x14ac:dyDescent="0.2">
      <c r="A89">
        <v>2135.635464</v>
      </c>
      <c r="B89">
        <v>20.009388000000001</v>
      </c>
      <c r="C89">
        <v>6.5711360000000001</v>
      </c>
      <c r="D89">
        <f t="shared" si="6"/>
        <v>0.4354180000000003</v>
      </c>
      <c r="E89">
        <f t="shared" si="4"/>
        <v>50.224587000000156</v>
      </c>
      <c r="F89">
        <f t="shared" si="5"/>
        <v>5.4011081247528923E-2</v>
      </c>
    </row>
    <row r="90" spans="1:6" x14ac:dyDescent="0.2">
      <c r="A90">
        <v>2135.5257959999999</v>
      </c>
      <c r="B90">
        <v>20.010722000000001</v>
      </c>
      <c r="C90">
        <v>6.5761409999999998</v>
      </c>
      <c r="D90">
        <f t="shared" si="6"/>
        <v>0.44042300000000001</v>
      </c>
      <c r="E90">
        <f t="shared" si="4"/>
        <v>50.1149190000001</v>
      </c>
      <c r="F90">
        <f t="shared" si="5"/>
        <v>5.3283435678443215E-2</v>
      </c>
    </row>
    <row r="91" spans="1:6" x14ac:dyDescent="0.2">
      <c r="A91">
        <v>2135.3667529999998</v>
      </c>
      <c r="B91">
        <v>19.993479000000001</v>
      </c>
      <c r="C91">
        <v>6.5811460000000004</v>
      </c>
      <c r="D91">
        <f t="shared" si="6"/>
        <v>0.4454280000000006</v>
      </c>
      <c r="E91">
        <f t="shared" si="4"/>
        <v>49.955875999999989</v>
      </c>
      <c r="F91">
        <f t="shared" si="5"/>
        <v>5.2521435626537577E-2</v>
      </c>
    </row>
    <row r="92" spans="1:6" x14ac:dyDescent="0.2">
      <c r="A92">
        <v>2135.2655380000001</v>
      </c>
      <c r="B92">
        <v>20.000149</v>
      </c>
      <c r="C92">
        <v>6.5861499999999999</v>
      </c>
      <c r="D92">
        <f t="shared" si="6"/>
        <v>0.45043200000000017</v>
      </c>
      <c r="E92">
        <f t="shared" si="4"/>
        <v>49.854661000000306</v>
      </c>
      <c r="F92">
        <f t="shared" si="5"/>
        <v>5.1835183484258689E-2</v>
      </c>
    </row>
    <row r="93" spans="1:6" x14ac:dyDescent="0.2">
      <c r="A93">
        <v>2135.2567260000001</v>
      </c>
      <c r="B93">
        <v>19.983623999999999</v>
      </c>
      <c r="C93">
        <v>6.5911549999999997</v>
      </c>
      <c r="D93">
        <f t="shared" si="6"/>
        <v>0.45543699999999987</v>
      </c>
      <c r="E93">
        <f t="shared" si="4"/>
        <v>49.845849000000271</v>
      </c>
      <c r="F93">
        <f t="shared" si="5"/>
        <v>5.1256693722399251E-2</v>
      </c>
    </row>
    <row r="94" spans="1:6" x14ac:dyDescent="0.2">
      <c r="A94">
        <v>2134.8067190000002</v>
      </c>
      <c r="B94">
        <v>20.025124999999999</v>
      </c>
      <c r="C94">
        <v>6.5961600000000002</v>
      </c>
      <c r="D94">
        <f t="shared" si="6"/>
        <v>0.46044200000000046</v>
      </c>
      <c r="E94">
        <f t="shared" si="4"/>
        <v>49.395842000000357</v>
      </c>
      <c r="F94">
        <f t="shared" si="5"/>
        <v>5.0252410656098881E-2</v>
      </c>
    </row>
    <row r="95" spans="1:6" x14ac:dyDescent="0.2">
      <c r="A95">
        <v>2134.6471219999999</v>
      </c>
      <c r="B95">
        <v>19.993162000000002</v>
      </c>
      <c r="C95">
        <v>6.6011649999999999</v>
      </c>
      <c r="D95">
        <f t="shared" si="6"/>
        <v>0.46544700000000017</v>
      </c>
      <c r="E95">
        <f t="shared" si="4"/>
        <v>49.236245000000054</v>
      </c>
      <c r="F95">
        <f t="shared" si="5"/>
        <v>4.955512733878796E-2</v>
      </c>
    </row>
    <row r="96" spans="1:6" x14ac:dyDescent="0.2">
      <c r="A96">
        <v>2134.4868569999999</v>
      </c>
      <c r="B96">
        <v>19.992045000000001</v>
      </c>
      <c r="C96">
        <v>6.6061699999999997</v>
      </c>
      <c r="D96">
        <f t="shared" si="6"/>
        <v>0.47045199999999987</v>
      </c>
      <c r="E96">
        <f t="shared" si="4"/>
        <v>49.075980000000072</v>
      </c>
      <c r="F96">
        <f t="shared" si="5"/>
        <v>4.8872007260268434E-2</v>
      </c>
    </row>
    <row r="97" spans="1:6" x14ac:dyDescent="0.2">
      <c r="A97">
        <v>2134.7225330000001</v>
      </c>
      <c r="B97">
        <v>19.998877</v>
      </c>
      <c r="C97">
        <v>6.6111740000000001</v>
      </c>
      <c r="D97">
        <f t="shared" si="6"/>
        <v>0.47545600000000032</v>
      </c>
      <c r="E97">
        <f t="shared" si="4"/>
        <v>49.311656000000312</v>
      </c>
      <c r="F97">
        <f t="shared" si="5"/>
        <v>4.858450930244964E-2</v>
      </c>
    </row>
    <row r="98" spans="1:6" x14ac:dyDescent="0.2">
      <c r="A98">
        <v>2134.5868839999998</v>
      </c>
      <c r="B98">
        <v>19.996376000000001</v>
      </c>
      <c r="C98">
        <v>6.6161789999999998</v>
      </c>
      <c r="D98">
        <f t="shared" si="6"/>
        <v>0.48046100000000003</v>
      </c>
      <c r="E98">
        <f t="shared" si="4"/>
        <v>49.176007000000027</v>
      </c>
      <c r="F98">
        <f t="shared" si="5"/>
        <v>4.7949191039377878E-2</v>
      </c>
    </row>
    <row r="99" spans="1:6" x14ac:dyDescent="0.2">
      <c r="A99">
        <v>2134.7932839999999</v>
      </c>
      <c r="B99">
        <v>19.978702999999999</v>
      </c>
      <c r="C99">
        <v>6.6211840000000004</v>
      </c>
      <c r="D99">
        <f t="shared" si="6"/>
        <v>0.48546600000000062</v>
      </c>
      <c r="E99">
        <f t="shared" si="4"/>
        <v>49.382407000000057</v>
      </c>
      <c r="F99">
        <f t="shared" si="5"/>
        <v>4.7649418775909454E-2</v>
      </c>
    </row>
    <row r="100" spans="1:6" x14ac:dyDescent="0.2">
      <c r="A100">
        <v>2135.3765090000002</v>
      </c>
      <c r="B100">
        <v>19.975076999999999</v>
      </c>
      <c r="C100">
        <v>6.6261890000000001</v>
      </c>
      <c r="D100">
        <f t="shared" si="6"/>
        <v>0.49047100000000032</v>
      </c>
      <c r="E100">
        <f t="shared" si="4"/>
        <v>49.965632000000369</v>
      </c>
      <c r="F100">
        <f t="shared" si="5"/>
        <v>4.7707162898318937E-2</v>
      </c>
    </row>
    <row r="101" spans="1:6" x14ac:dyDescent="0.2">
      <c r="A101">
        <v>2135.7818689999999</v>
      </c>
      <c r="B101">
        <v>19.998377000000001</v>
      </c>
      <c r="C101">
        <v>6.6311939999999998</v>
      </c>
      <c r="D101">
        <f t="shared" si="6"/>
        <v>0.49547600000000003</v>
      </c>
      <c r="E101">
        <f t="shared" si="4"/>
        <v>50.370992000000115</v>
      </c>
      <c r="F101">
        <f t="shared" si="5"/>
        <v>4.759934599328023E-2</v>
      </c>
    </row>
    <row r="102" spans="1:6" x14ac:dyDescent="0.2">
      <c r="A102">
        <v>2136.2214359999998</v>
      </c>
      <c r="B102">
        <v>19.964516</v>
      </c>
      <c r="C102">
        <v>6.6361980000000003</v>
      </c>
      <c r="D102">
        <f t="shared" si="6"/>
        <v>0.50048000000000048</v>
      </c>
      <c r="E102">
        <f t="shared" si="4"/>
        <v>50.810559000000012</v>
      </c>
      <c r="F102">
        <f t="shared" si="5"/>
        <v>4.7524874331857724E-2</v>
      </c>
    </row>
    <row r="103" spans="1:6" x14ac:dyDescent="0.2">
      <c r="A103">
        <v>2137.22595</v>
      </c>
      <c r="B103">
        <v>19.989259000000001</v>
      </c>
      <c r="C103">
        <v>6.641203</v>
      </c>
      <c r="D103">
        <f t="shared" si="6"/>
        <v>0.50548500000000018</v>
      </c>
      <c r="E103">
        <f t="shared" si="4"/>
        <v>51.815073000000211</v>
      </c>
      <c r="F103">
        <f t="shared" si="5"/>
        <v>4.7962013057922165E-2</v>
      </c>
    </row>
    <row r="104" spans="1:6" x14ac:dyDescent="0.2">
      <c r="A104">
        <v>2138.2706459999999</v>
      </c>
      <c r="B104">
        <v>19.929798000000002</v>
      </c>
      <c r="C104">
        <v>6.6462079999999997</v>
      </c>
      <c r="D104">
        <f t="shared" si="6"/>
        <v>0.51048999999999989</v>
      </c>
      <c r="E104">
        <f t="shared" si="4"/>
        <v>52.859769000000142</v>
      </c>
      <c r="F104">
        <f t="shared" si="5"/>
        <v>4.8425637618872933E-2</v>
      </c>
    </row>
    <row r="105" spans="1:6" x14ac:dyDescent="0.2">
      <c r="A105">
        <v>2139.3162280000001</v>
      </c>
      <c r="B105">
        <v>19.988346</v>
      </c>
      <c r="C105">
        <v>6.6512130000000003</v>
      </c>
      <c r="D105">
        <f t="shared" si="6"/>
        <v>0.51549500000000048</v>
      </c>
      <c r="E105">
        <f t="shared" si="4"/>
        <v>53.905351000000337</v>
      </c>
      <c r="F105">
        <f t="shared" si="5"/>
        <v>4.8880139362200016E-2</v>
      </c>
    </row>
    <row r="106" spans="1:6" x14ac:dyDescent="0.2">
      <c r="A106">
        <v>2139.525533</v>
      </c>
      <c r="B106">
        <v>19.989871999999998</v>
      </c>
      <c r="C106">
        <v>6.656218</v>
      </c>
      <c r="D106">
        <f t="shared" si="6"/>
        <v>0.52050000000000018</v>
      </c>
      <c r="E106">
        <f t="shared" si="4"/>
        <v>54.114656000000195</v>
      </c>
      <c r="F106">
        <f t="shared" si="5"/>
        <v>4.8593333704349179E-2</v>
      </c>
    </row>
    <row r="107" spans="1:6" x14ac:dyDescent="0.2">
      <c r="A107">
        <v>2139.5881639999998</v>
      </c>
      <c r="B107">
        <v>19.985574</v>
      </c>
      <c r="C107">
        <v>6.6612220000000004</v>
      </c>
      <c r="D107">
        <f t="shared" si="6"/>
        <v>0.52550400000000064</v>
      </c>
      <c r="E107">
        <f t="shared" si="4"/>
        <v>54.177286999999978</v>
      </c>
      <c r="F107">
        <f t="shared" si="5"/>
        <v>4.8184908707978542E-2</v>
      </c>
    </row>
    <row r="108" spans="1:6" x14ac:dyDescent="0.2">
      <c r="A108">
        <v>2140.1412129999999</v>
      </c>
      <c r="B108">
        <v>20.002573999999999</v>
      </c>
      <c r="C108">
        <v>6.6662270000000001</v>
      </c>
      <c r="D108">
        <f t="shared" si="6"/>
        <v>0.53050900000000034</v>
      </c>
      <c r="E108">
        <f t="shared" si="4"/>
        <v>54.730336000000079</v>
      </c>
      <c r="F108">
        <f t="shared" si="5"/>
        <v>4.820509332277613E-2</v>
      </c>
    </row>
    <row r="109" spans="1:6" x14ac:dyDescent="0.2">
      <c r="A109">
        <v>2140.2497539999999</v>
      </c>
      <c r="B109">
        <v>19.985063</v>
      </c>
      <c r="C109">
        <v>6.6712319999999998</v>
      </c>
      <c r="D109">
        <f t="shared" si="6"/>
        <v>0.53551400000000005</v>
      </c>
      <c r="E109">
        <f t="shared" si="4"/>
        <v>54.838877000000139</v>
      </c>
      <c r="F109">
        <f t="shared" si="5"/>
        <v>4.7846840797356668E-2</v>
      </c>
    </row>
    <row r="110" spans="1:6" x14ac:dyDescent="0.2">
      <c r="A110">
        <v>2140.463972</v>
      </c>
      <c r="B110">
        <v>19.990033</v>
      </c>
      <c r="C110">
        <v>6.6762370000000004</v>
      </c>
      <c r="D110">
        <f t="shared" si="6"/>
        <v>0.54051900000000064</v>
      </c>
      <c r="E110">
        <f t="shared" si="4"/>
        <v>55.053095000000212</v>
      </c>
      <c r="F110">
        <f t="shared" si="5"/>
        <v>4.7584208795802205E-2</v>
      </c>
    </row>
    <row r="111" spans="1:6" x14ac:dyDescent="0.2">
      <c r="A111">
        <v>2140.5383980000001</v>
      </c>
      <c r="B111">
        <v>19.993597000000001</v>
      </c>
      <c r="C111">
        <v>6.6812420000000001</v>
      </c>
      <c r="D111">
        <f t="shared" si="6"/>
        <v>0.54552400000000034</v>
      </c>
      <c r="E111">
        <f t="shared" si="4"/>
        <v>55.127521000000343</v>
      </c>
      <c r="F111">
        <f t="shared" si="5"/>
        <v>4.7209736743200281E-2</v>
      </c>
    </row>
    <row r="112" spans="1:6" x14ac:dyDescent="0.2">
      <c r="A112">
        <v>2141.3166190000002</v>
      </c>
      <c r="B112">
        <v>19.962862000000001</v>
      </c>
      <c r="C112">
        <v>6.6862459999999997</v>
      </c>
      <c r="D112">
        <f t="shared" si="6"/>
        <v>0.55052799999999991</v>
      </c>
      <c r="E112">
        <f t="shared" si="4"/>
        <v>55.905742000000373</v>
      </c>
      <c r="F112">
        <f t="shared" si="5"/>
        <v>4.742377441601657E-2</v>
      </c>
    </row>
    <row r="113" spans="1:6" x14ac:dyDescent="0.2">
      <c r="A113">
        <v>2141.232575</v>
      </c>
      <c r="B113">
        <v>20.032195999999999</v>
      </c>
      <c r="C113">
        <v>6.6912510000000003</v>
      </c>
      <c r="D113">
        <f t="shared" si="6"/>
        <v>0.5555330000000005</v>
      </c>
      <c r="E113">
        <f t="shared" si="4"/>
        <v>55.821698000000197</v>
      </c>
      <c r="F113">
        <f t="shared" si="5"/>
        <v>4.6927707521600019E-2</v>
      </c>
    </row>
    <row r="114" spans="1:6" x14ac:dyDescent="0.2">
      <c r="A114">
        <v>2140.4812870000001</v>
      </c>
      <c r="B114">
        <v>20.006001999999999</v>
      </c>
      <c r="C114">
        <v>6.696256</v>
      </c>
      <c r="D114">
        <f t="shared" si="6"/>
        <v>0.5605380000000002</v>
      </c>
      <c r="E114">
        <f t="shared" si="4"/>
        <v>55.070410000000265</v>
      </c>
      <c r="F114">
        <f t="shared" si="5"/>
        <v>4.5898851100346888E-2</v>
      </c>
    </row>
    <row r="115" spans="1:6" x14ac:dyDescent="0.2">
      <c r="A115">
        <v>2139.7934890000001</v>
      </c>
      <c r="B115">
        <v>20.023133999999999</v>
      </c>
      <c r="C115">
        <v>6.7012609999999997</v>
      </c>
      <c r="D115">
        <f t="shared" si="6"/>
        <v>0.56554299999999991</v>
      </c>
      <c r="E115">
        <f t="shared" si="4"/>
        <v>54.382612000000336</v>
      </c>
      <c r="F115">
        <f t="shared" si="5"/>
        <v>4.4938913685772804E-2</v>
      </c>
    </row>
    <row r="116" spans="1:6" x14ac:dyDescent="0.2">
      <c r="A116">
        <v>2139.6813109999998</v>
      </c>
      <c r="B116">
        <v>20.004722999999998</v>
      </c>
      <c r="C116">
        <v>6.7062660000000003</v>
      </c>
      <c r="D116">
        <f t="shared" si="6"/>
        <v>0.5705480000000005</v>
      </c>
      <c r="E116">
        <f t="shared" si="4"/>
        <v>54.270434000000023</v>
      </c>
      <c r="F116">
        <f t="shared" si="5"/>
        <v>4.4455143241733101E-2</v>
      </c>
    </row>
    <row r="117" spans="1:6" x14ac:dyDescent="0.2">
      <c r="A117">
        <v>2139.5953650000001</v>
      </c>
      <c r="B117">
        <v>19.968153999999998</v>
      </c>
      <c r="C117">
        <v>6.7112699999999998</v>
      </c>
      <c r="D117">
        <f t="shared" si="6"/>
        <v>0.57555200000000006</v>
      </c>
      <c r="E117">
        <f t="shared" si="4"/>
        <v>54.184488000000329</v>
      </c>
      <c r="F117">
        <f t="shared" si="5"/>
        <v>4.4000616163276045E-2</v>
      </c>
    </row>
    <row r="118" spans="1:6" x14ac:dyDescent="0.2">
      <c r="A118">
        <v>2139.9164190000001</v>
      </c>
      <c r="B118">
        <v>20.005144000000001</v>
      </c>
      <c r="C118">
        <v>6.7162750000000004</v>
      </c>
      <c r="D118">
        <f t="shared" si="6"/>
        <v>0.58055700000000066</v>
      </c>
      <c r="E118">
        <f t="shared" si="4"/>
        <v>54.505542000000332</v>
      </c>
      <c r="F118">
        <f t="shared" si="5"/>
        <v>4.3873167050821123E-2</v>
      </c>
    </row>
    <row r="119" spans="1:6" x14ac:dyDescent="0.2">
      <c r="A119">
        <v>2140.4028440000002</v>
      </c>
      <c r="B119">
        <v>19.972349000000001</v>
      </c>
      <c r="C119">
        <v>6.7212800000000001</v>
      </c>
      <c r="D119">
        <f t="shared" si="6"/>
        <v>0.58556200000000036</v>
      </c>
      <c r="E119">
        <f t="shared" si="4"/>
        <v>54.991967000000386</v>
      </c>
      <c r="F119">
        <f t="shared" si="5"/>
        <v>4.3876386086108415E-2</v>
      </c>
    </row>
    <row r="120" spans="1:6" x14ac:dyDescent="0.2">
      <c r="A120">
        <v>2141.4007489999999</v>
      </c>
      <c r="B120">
        <v>19.963144</v>
      </c>
      <c r="C120">
        <v>6.7262849999999998</v>
      </c>
      <c r="D120">
        <f t="shared" si="6"/>
        <v>0.59056700000000006</v>
      </c>
      <c r="E120">
        <f t="shared" si="4"/>
        <v>55.989872000000105</v>
      </c>
      <c r="F120">
        <f t="shared" si="5"/>
        <v>4.4273346344932858E-2</v>
      </c>
    </row>
    <row r="121" spans="1:6" x14ac:dyDescent="0.2">
      <c r="A121">
        <v>2142.7922859999999</v>
      </c>
      <c r="B121">
        <v>19.940446000000001</v>
      </c>
      <c r="C121">
        <v>6.7312900000000004</v>
      </c>
      <c r="D121">
        <f t="shared" si="6"/>
        <v>0.59557200000000066</v>
      </c>
      <c r="E121">
        <f t="shared" si="4"/>
        <v>57.381409000000076</v>
      </c>
      <c r="F121">
        <f t="shared" si="5"/>
        <v>4.4963163762149518E-2</v>
      </c>
    </row>
    <row r="122" spans="1:6" x14ac:dyDescent="0.2">
      <c r="A122">
        <v>2143.9111720000001</v>
      </c>
      <c r="B122">
        <v>19.975470999999999</v>
      </c>
      <c r="C122">
        <v>6.736294</v>
      </c>
      <c r="D122">
        <f t="shared" si="6"/>
        <v>0.60057600000000022</v>
      </c>
      <c r="E122">
        <f t="shared" si="4"/>
        <v>58.500295000000278</v>
      </c>
      <c r="F122">
        <f t="shared" si="5"/>
        <v>4.5434242909454248E-2</v>
      </c>
    </row>
    <row r="123" spans="1:6" x14ac:dyDescent="0.2">
      <c r="A123">
        <v>2144.7899790000001</v>
      </c>
      <c r="B123">
        <v>19.956446</v>
      </c>
      <c r="C123">
        <v>6.7412989999999997</v>
      </c>
      <c r="D123">
        <f t="shared" si="6"/>
        <v>0.60558099999999992</v>
      </c>
      <c r="E123">
        <f t="shared" si="4"/>
        <v>59.37910200000033</v>
      </c>
      <c r="F123">
        <f t="shared" si="5"/>
        <v>4.5716883047167971E-2</v>
      </c>
    </row>
    <row r="124" spans="1:6" x14ac:dyDescent="0.2">
      <c r="A124">
        <v>2146.0000719999998</v>
      </c>
      <c r="B124">
        <v>19.974446</v>
      </c>
      <c r="C124">
        <v>6.7463040000000003</v>
      </c>
      <c r="D124">
        <f t="shared" si="6"/>
        <v>0.61058600000000052</v>
      </c>
      <c r="E124">
        <f t="shared" si="4"/>
        <v>60.589195000000018</v>
      </c>
      <c r="F124">
        <f t="shared" si="5"/>
        <v>4.6240083321591817E-2</v>
      </c>
    </row>
    <row r="125" spans="1:6" x14ac:dyDescent="0.2">
      <c r="A125">
        <v>2146.5967059999998</v>
      </c>
      <c r="B125">
        <v>19.962776999999999</v>
      </c>
      <c r="C125">
        <v>6.751309</v>
      </c>
      <c r="D125">
        <f t="shared" si="6"/>
        <v>0.61559100000000022</v>
      </c>
      <c r="E125">
        <f t="shared" si="4"/>
        <v>61.185829000000012</v>
      </c>
      <c r="F125">
        <f t="shared" si="5"/>
        <v>4.6302893182423997E-2</v>
      </c>
    </row>
    <row r="126" spans="1:6" x14ac:dyDescent="0.2">
      <c r="A126">
        <v>2147.6240419999999</v>
      </c>
      <c r="B126">
        <v>19.995334</v>
      </c>
      <c r="C126">
        <v>6.7563139999999997</v>
      </c>
      <c r="D126">
        <f t="shared" si="6"/>
        <v>0.62059599999999993</v>
      </c>
      <c r="E126">
        <f t="shared" si="4"/>
        <v>62.213165000000117</v>
      </c>
      <c r="F126">
        <f t="shared" si="5"/>
        <v>4.6678303862494032E-2</v>
      </c>
    </row>
    <row r="127" spans="1:6" x14ac:dyDescent="0.2">
      <c r="A127">
        <v>2148.2156169999998</v>
      </c>
      <c r="B127">
        <v>19.959682999999998</v>
      </c>
      <c r="C127">
        <v>6.7613180000000002</v>
      </c>
      <c r="D127">
        <f t="shared" si="6"/>
        <v>0.62560000000000038</v>
      </c>
      <c r="E127">
        <f t="shared" si="4"/>
        <v>62.804740000000038</v>
      </c>
      <c r="F127">
        <f t="shared" si="5"/>
        <v>4.6732370645407938E-2</v>
      </c>
    </row>
    <row r="128" spans="1:6" x14ac:dyDescent="0.2">
      <c r="A128">
        <v>2148.8826439999998</v>
      </c>
      <c r="B128">
        <v>19.986991</v>
      </c>
      <c r="C128">
        <v>6.7663229999999999</v>
      </c>
      <c r="D128">
        <f t="shared" si="6"/>
        <v>0.63060500000000008</v>
      </c>
      <c r="E128">
        <f t="shared" si="4"/>
        <v>63.471767</v>
      </c>
      <c r="F128">
        <f t="shared" si="5"/>
        <v>4.6839309137972164E-2</v>
      </c>
    </row>
    <row r="129" spans="1:6" x14ac:dyDescent="0.2">
      <c r="A129">
        <v>2149.1799679999999</v>
      </c>
      <c r="B129">
        <v>19.985962000000001</v>
      </c>
      <c r="C129">
        <v>6.7713279999999996</v>
      </c>
      <c r="D129">
        <f t="shared" si="6"/>
        <v>0.63560999999999979</v>
      </c>
      <c r="E129">
        <f t="shared" si="4"/>
        <v>63.769091000000117</v>
      </c>
      <c r="F129">
        <f t="shared" si="5"/>
        <v>4.6681706212342328E-2</v>
      </c>
    </row>
    <row r="130" spans="1:6" x14ac:dyDescent="0.2">
      <c r="A130">
        <v>2148.868383</v>
      </c>
      <c r="B130">
        <v>20.026427000000002</v>
      </c>
      <c r="C130">
        <v>6.7763330000000002</v>
      </c>
      <c r="D130">
        <f t="shared" si="6"/>
        <v>0.64061500000000038</v>
      </c>
      <c r="E130">
        <f t="shared" si="4"/>
        <v>63.457506000000194</v>
      </c>
      <c r="F130">
        <f t="shared" si="5"/>
        <v>4.6097362762558158E-2</v>
      </c>
    </row>
    <row r="131" spans="1:6" x14ac:dyDescent="0.2">
      <c r="A131">
        <v>2147.9514290000002</v>
      </c>
      <c r="B131">
        <v>20.030268</v>
      </c>
      <c r="C131">
        <v>6.7813379999999999</v>
      </c>
      <c r="D131">
        <f t="shared" si="6"/>
        <v>0.64562000000000008</v>
      </c>
      <c r="E131">
        <f t="shared" ref="E131:E194" si="7">A131-$A$2</f>
        <v>62.540552000000389</v>
      </c>
      <c r="F131">
        <f t="shared" ref="F131:F194" si="8">(1/A131)*(E131/D131)</f>
        <v>4.5098311091267003E-2</v>
      </c>
    </row>
    <row r="132" spans="1:6" x14ac:dyDescent="0.2">
      <c r="A132">
        <v>2146.7871869999999</v>
      </c>
      <c r="B132">
        <v>20.02871</v>
      </c>
      <c r="C132">
        <v>6.7863420000000003</v>
      </c>
      <c r="D132">
        <f t="shared" si="6"/>
        <v>0.65062400000000054</v>
      </c>
      <c r="E132">
        <f t="shared" si="7"/>
        <v>61.376310000000103</v>
      </c>
      <c r="F132">
        <f t="shared" si="8"/>
        <v>4.3942190324699808E-2</v>
      </c>
    </row>
    <row r="133" spans="1:6" x14ac:dyDescent="0.2">
      <c r="A133">
        <v>2145.9632390000002</v>
      </c>
      <c r="B133">
        <v>20.004543999999999</v>
      </c>
      <c r="C133">
        <v>6.791347</v>
      </c>
      <c r="D133">
        <f t="shared" si="6"/>
        <v>0.65562900000000024</v>
      </c>
      <c r="E133">
        <f t="shared" si="7"/>
        <v>60.552362000000358</v>
      </c>
      <c r="F133">
        <f t="shared" si="8"/>
        <v>4.3037858693498757E-2</v>
      </c>
    </row>
    <row r="134" spans="1:6" x14ac:dyDescent="0.2">
      <c r="A134">
        <v>2145.6320150000001</v>
      </c>
      <c r="B134">
        <v>20.024605999999999</v>
      </c>
      <c r="C134">
        <v>6.7963519999999997</v>
      </c>
      <c r="D134">
        <f t="shared" si="6"/>
        <v>0.66063399999999994</v>
      </c>
      <c r="E134">
        <f t="shared" si="7"/>
        <v>60.221138000000337</v>
      </c>
      <c r="F134">
        <f t="shared" si="8"/>
        <v>4.2484723513427365E-2</v>
      </c>
    </row>
    <row r="135" spans="1:6" x14ac:dyDescent="0.2">
      <c r="A135">
        <v>2144.4427519999999</v>
      </c>
      <c r="B135">
        <v>20.028697000000001</v>
      </c>
      <c r="C135">
        <v>6.8013570000000003</v>
      </c>
      <c r="D135">
        <f t="shared" ref="D135:D198" si="9">C135-$C$2</f>
        <v>0.66563900000000054</v>
      </c>
      <c r="E135">
        <f t="shared" si="7"/>
        <v>59.031875000000127</v>
      </c>
      <c r="F135">
        <f t="shared" si="8"/>
        <v>4.1355508140465284E-2</v>
      </c>
    </row>
    <row r="136" spans="1:6" x14ac:dyDescent="0.2">
      <c r="A136">
        <v>2143.5112359999998</v>
      </c>
      <c r="B136">
        <v>20.029409000000001</v>
      </c>
      <c r="C136">
        <v>6.806362</v>
      </c>
      <c r="D136">
        <f t="shared" si="9"/>
        <v>0.67064400000000024</v>
      </c>
      <c r="E136">
        <f t="shared" si="7"/>
        <v>58.100359000000026</v>
      </c>
      <c r="F136">
        <f t="shared" si="8"/>
        <v>4.041671464019591E-2</v>
      </c>
    </row>
    <row r="137" spans="1:6" x14ac:dyDescent="0.2">
      <c r="A137">
        <v>2142.8690280000001</v>
      </c>
      <c r="B137">
        <v>20.004076999999999</v>
      </c>
      <c r="C137">
        <v>6.8113659999999996</v>
      </c>
      <c r="D137">
        <f t="shared" si="9"/>
        <v>0.6756479999999998</v>
      </c>
      <c r="E137">
        <f t="shared" si="7"/>
        <v>57.458151000000271</v>
      </c>
      <c r="F137">
        <f t="shared" si="8"/>
        <v>3.968583505130422E-2</v>
      </c>
    </row>
    <row r="138" spans="1:6" x14ac:dyDescent="0.2">
      <c r="A138">
        <v>2142.4972539999999</v>
      </c>
      <c r="B138">
        <v>20.019459999999999</v>
      </c>
      <c r="C138">
        <v>6.8163710000000002</v>
      </c>
      <c r="D138">
        <f t="shared" si="9"/>
        <v>0.6806530000000004</v>
      </c>
      <c r="E138">
        <f t="shared" si="7"/>
        <v>57.086377000000084</v>
      </c>
      <c r="F138">
        <f t="shared" si="8"/>
        <v>3.9145914597361019E-2</v>
      </c>
    </row>
    <row r="139" spans="1:6" x14ac:dyDescent="0.2">
      <c r="A139">
        <v>2142.2817209999998</v>
      </c>
      <c r="B139">
        <v>19.994589999999999</v>
      </c>
      <c r="C139">
        <v>6.8213759999999999</v>
      </c>
      <c r="D139">
        <f t="shared" si="9"/>
        <v>0.6856580000000001</v>
      </c>
      <c r="E139">
        <f t="shared" si="7"/>
        <v>56.870844000000034</v>
      </c>
      <c r="F139">
        <f t="shared" si="8"/>
        <v>3.8717342804293231E-2</v>
      </c>
    </row>
    <row r="140" spans="1:6" x14ac:dyDescent="0.2">
      <c r="A140">
        <v>2142.685058</v>
      </c>
      <c r="B140">
        <v>19.960739</v>
      </c>
      <c r="C140">
        <v>6.8263809999999996</v>
      </c>
      <c r="D140">
        <f t="shared" si="9"/>
        <v>0.6906629999999998</v>
      </c>
      <c r="E140">
        <f t="shared" si="7"/>
        <v>57.274181000000226</v>
      </c>
      <c r="F140">
        <f t="shared" si="8"/>
        <v>3.8702084414091377E-2</v>
      </c>
    </row>
    <row r="141" spans="1:6" x14ac:dyDescent="0.2">
      <c r="A141">
        <v>2143.402724</v>
      </c>
      <c r="B141">
        <v>19.973094</v>
      </c>
      <c r="C141">
        <v>6.8313860000000002</v>
      </c>
      <c r="D141">
        <f t="shared" si="9"/>
        <v>0.6956680000000004</v>
      </c>
      <c r="E141">
        <f t="shared" si="7"/>
        <v>57.991847000000234</v>
      </c>
      <c r="F141">
        <f t="shared" si="8"/>
        <v>3.8892076910052295E-2</v>
      </c>
    </row>
    <row r="142" spans="1:6" x14ac:dyDescent="0.2">
      <c r="A142">
        <v>2144.3456489999999</v>
      </c>
      <c r="B142">
        <v>19.982344000000001</v>
      </c>
      <c r="C142">
        <v>6.8363899999999997</v>
      </c>
      <c r="D142">
        <f t="shared" si="9"/>
        <v>0.70067199999999996</v>
      </c>
      <c r="E142">
        <f t="shared" si="7"/>
        <v>58.934772000000066</v>
      </c>
      <c r="F142">
        <f t="shared" si="8"/>
        <v>3.9224918872125522E-2</v>
      </c>
    </row>
    <row r="143" spans="1:6" x14ac:dyDescent="0.2">
      <c r="A143">
        <v>2145.3792760000001</v>
      </c>
      <c r="B143">
        <v>19.939975</v>
      </c>
      <c r="C143">
        <v>6.8413950000000003</v>
      </c>
      <c r="D143">
        <f t="shared" si="9"/>
        <v>0.70567700000000055</v>
      </c>
      <c r="E143">
        <f t="shared" si="7"/>
        <v>59.968399000000318</v>
      </c>
      <c r="F143">
        <f t="shared" si="8"/>
        <v>3.9610690264549143E-2</v>
      </c>
    </row>
    <row r="144" spans="1:6" x14ac:dyDescent="0.2">
      <c r="A144">
        <v>2146.392597</v>
      </c>
      <c r="B144">
        <v>19.986236000000002</v>
      </c>
      <c r="C144">
        <v>6.8464</v>
      </c>
      <c r="D144">
        <f t="shared" si="9"/>
        <v>0.71068200000000026</v>
      </c>
      <c r="E144">
        <f t="shared" si="7"/>
        <v>60.981720000000223</v>
      </c>
      <c r="F144">
        <f t="shared" si="8"/>
        <v>3.9977459494814585E-2</v>
      </c>
    </row>
    <row r="145" spans="1:6" x14ac:dyDescent="0.2">
      <c r="A145">
        <v>2147.449615</v>
      </c>
      <c r="B145">
        <v>19.959589999999999</v>
      </c>
      <c r="C145">
        <v>6.8514049999999997</v>
      </c>
      <c r="D145">
        <f t="shared" si="9"/>
        <v>0.71568699999999996</v>
      </c>
      <c r="E145">
        <f t="shared" si="7"/>
        <v>62.038738000000194</v>
      </c>
      <c r="F145">
        <f t="shared" si="8"/>
        <v>4.0366104786660681E-2</v>
      </c>
    </row>
    <row r="146" spans="1:6" x14ac:dyDescent="0.2">
      <c r="A146">
        <v>2148.4287359999998</v>
      </c>
      <c r="B146">
        <v>19.981998999999998</v>
      </c>
      <c r="C146">
        <v>6.8564100000000003</v>
      </c>
      <c r="D146">
        <f t="shared" si="9"/>
        <v>0.72069200000000055</v>
      </c>
      <c r="E146">
        <f t="shared" si="7"/>
        <v>63.017859000000044</v>
      </c>
      <c r="F146">
        <f t="shared" si="8"/>
        <v>4.069986702921316E-2</v>
      </c>
    </row>
    <row r="147" spans="1:6" x14ac:dyDescent="0.2">
      <c r="A147">
        <v>2149.1868199999999</v>
      </c>
      <c r="B147">
        <v>19.972821</v>
      </c>
      <c r="C147">
        <v>6.8614139999999999</v>
      </c>
      <c r="D147">
        <f t="shared" si="9"/>
        <v>0.72569600000000012</v>
      </c>
      <c r="E147">
        <f t="shared" si="7"/>
        <v>63.775943000000098</v>
      </c>
      <c r="F147">
        <f t="shared" si="8"/>
        <v>4.0891024437925527E-2</v>
      </c>
    </row>
    <row r="148" spans="1:6" x14ac:dyDescent="0.2">
      <c r="A148">
        <v>2149.9492380000002</v>
      </c>
      <c r="B148">
        <v>19.963090000000001</v>
      </c>
      <c r="C148">
        <v>6.8664189999999996</v>
      </c>
      <c r="D148">
        <f t="shared" si="9"/>
        <v>0.73070099999999982</v>
      </c>
      <c r="E148">
        <f t="shared" si="7"/>
        <v>64.53836100000035</v>
      </c>
      <c r="F148">
        <f t="shared" si="8"/>
        <v>4.1081853002190229E-2</v>
      </c>
    </row>
    <row r="149" spans="1:6" x14ac:dyDescent="0.2">
      <c r="A149">
        <v>2150.589888</v>
      </c>
      <c r="B149">
        <v>19.987383000000001</v>
      </c>
      <c r="C149">
        <v>6.8714240000000002</v>
      </c>
      <c r="D149">
        <f t="shared" si="9"/>
        <v>0.73570600000000042</v>
      </c>
      <c r="E149">
        <f t="shared" si="7"/>
        <v>65.179011000000173</v>
      </c>
      <c r="F149">
        <f t="shared" si="8"/>
        <v>4.1195129176192155E-2</v>
      </c>
    </row>
    <row r="150" spans="1:6" x14ac:dyDescent="0.2">
      <c r="A150">
        <v>2151.7624649999998</v>
      </c>
      <c r="B150">
        <v>19.968360000000001</v>
      </c>
      <c r="C150">
        <v>6.8764289999999999</v>
      </c>
      <c r="D150">
        <f t="shared" si="9"/>
        <v>0.74071100000000012</v>
      </c>
      <c r="E150">
        <f t="shared" si="7"/>
        <v>66.351587999999992</v>
      </c>
      <c r="F150">
        <f t="shared" si="8"/>
        <v>4.1630171463350019E-2</v>
      </c>
    </row>
    <row r="151" spans="1:6" x14ac:dyDescent="0.2">
      <c r="A151">
        <v>2152.9565050000001</v>
      </c>
      <c r="B151">
        <v>19.949259000000001</v>
      </c>
      <c r="C151">
        <v>6.8814339999999996</v>
      </c>
      <c r="D151">
        <f t="shared" si="9"/>
        <v>0.74571599999999982</v>
      </c>
      <c r="E151">
        <f t="shared" si="7"/>
        <v>67.545628000000306</v>
      </c>
      <c r="F151">
        <f t="shared" si="8"/>
        <v>4.2071551337121628E-2</v>
      </c>
    </row>
    <row r="152" spans="1:6" x14ac:dyDescent="0.2">
      <c r="A152">
        <v>2153.8956330000001</v>
      </c>
      <c r="B152">
        <v>19.980917000000002</v>
      </c>
      <c r="C152">
        <v>6.8864380000000001</v>
      </c>
      <c r="D152">
        <f t="shared" si="9"/>
        <v>0.75072000000000028</v>
      </c>
      <c r="E152">
        <f t="shared" si="7"/>
        <v>68.484756000000289</v>
      </c>
      <c r="F152">
        <f t="shared" si="8"/>
        <v>4.2353691696109259E-2</v>
      </c>
    </row>
    <row r="153" spans="1:6" x14ac:dyDescent="0.2">
      <c r="A153">
        <v>2154.7663779999998</v>
      </c>
      <c r="B153">
        <v>19.957229000000002</v>
      </c>
      <c r="C153">
        <v>6.8914429999999998</v>
      </c>
      <c r="D153">
        <f t="shared" si="9"/>
        <v>0.75572499999999998</v>
      </c>
      <c r="E153">
        <f t="shared" si="7"/>
        <v>69.355501000000004</v>
      </c>
      <c r="F153">
        <f t="shared" si="8"/>
        <v>4.2590911399625002E-2</v>
      </c>
    </row>
    <row r="154" spans="1:6" x14ac:dyDescent="0.2">
      <c r="A154">
        <v>2154.4371369999999</v>
      </c>
      <c r="B154">
        <v>20.050350000000002</v>
      </c>
      <c r="C154">
        <v>6.8964480000000004</v>
      </c>
      <c r="D154">
        <f t="shared" si="9"/>
        <v>0.76073000000000057</v>
      </c>
      <c r="E154">
        <f t="shared" si="7"/>
        <v>69.026260000000093</v>
      </c>
      <c r="F154">
        <f t="shared" si="8"/>
        <v>4.2116276963909786E-2</v>
      </c>
    </row>
    <row r="155" spans="1:6" x14ac:dyDescent="0.2">
      <c r="A155">
        <v>2153.9458279999999</v>
      </c>
      <c r="B155">
        <v>19.994508</v>
      </c>
      <c r="C155">
        <v>6.9014530000000001</v>
      </c>
      <c r="D155">
        <f t="shared" si="9"/>
        <v>0.76573500000000028</v>
      </c>
      <c r="E155">
        <f t="shared" si="7"/>
        <v>68.534951000000092</v>
      </c>
      <c r="F155">
        <f t="shared" si="8"/>
        <v>4.1552660140647041E-2</v>
      </c>
    </row>
    <row r="156" spans="1:6" x14ac:dyDescent="0.2">
      <c r="A156">
        <v>2154.2239209999998</v>
      </c>
      <c r="B156">
        <v>19.967828000000001</v>
      </c>
      <c r="C156">
        <v>6.9064579999999998</v>
      </c>
      <c r="D156">
        <f t="shared" si="9"/>
        <v>0.77073999999999998</v>
      </c>
      <c r="E156">
        <f t="shared" si="7"/>
        <v>68.813043999999991</v>
      </c>
      <c r="F156">
        <f t="shared" si="8"/>
        <v>4.1444988826307955E-2</v>
      </c>
    </row>
    <row r="157" spans="1:6" x14ac:dyDescent="0.2">
      <c r="A157">
        <v>2154.7053059999998</v>
      </c>
      <c r="B157">
        <v>19.982005000000001</v>
      </c>
      <c r="C157">
        <v>6.9114620000000002</v>
      </c>
      <c r="D157">
        <f t="shared" si="9"/>
        <v>0.77574400000000043</v>
      </c>
      <c r="E157">
        <f t="shared" si="7"/>
        <v>69.294429000000036</v>
      </c>
      <c r="F157">
        <f t="shared" si="8"/>
        <v>4.1456440862842364E-2</v>
      </c>
    </row>
    <row r="158" spans="1:6" x14ac:dyDescent="0.2">
      <c r="A158">
        <v>2155.4056959999998</v>
      </c>
      <c r="B158">
        <v>19.974321</v>
      </c>
      <c r="C158">
        <v>6.9164669999999999</v>
      </c>
      <c r="D158">
        <f t="shared" si="9"/>
        <v>0.78074900000000014</v>
      </c>
      <c r="E158">
        <f t="shared" si="7"/>
        <v>69.994819000000007</v>
      </c>
      <c r="F158">
        <f t="shared" si="8"/>
        <v>4.1593496662662252E-2</v>
      </c>
    </row>
    <row r="159" spans="1:6" x14ac:dyDescent="0.2">
      <c r="A159">
        <v>2156.0788739999998</v>
      </c>
      <c r="B159">
        <v>19.982469999999999</v>
      </c>
      <c r="C159">
        <v>6.9214719999999996</v>
      </c>
      <c r="D159">
        <f t="shared" si="9"/>
        <v>0.78575399999999984</v>
      </c>
      <c r="E159">
        <f t="shared" si="7"/>
        <v>70.667997000000014</v>
      </c>
      <c r="F159">
        <f t="shared" si="8"/>
        <v>4.171301073077234E-2</v>
      </c>
    </row>
    <row r="160" spans="1:6" x14ac:dyDescent="0.2">
      <c r="A160">
        <v>2156.8832510000002</v>
      </c>
      <c r="B160">
        <v>19.964473999999999</v>
      </c>
      <c r="C160">
        <v>6.9264770000000002</v>
      </c>
      <c r="D160">
        <f t="shared" si="9"/>
        <v>0.79075900000000043</v>
      </c>
      <c r="E160">
        <f t="shared" si="7"/>
        <v>71.4723740000004</v>
      </c>
      <c r="F160">
        <f t="shared" si="8"/>
        <v>4.1905152568854104E-2</v>
      </c>
    </row>
    <row r="161" spans="1:6" x14ac:dyDescent="0.2">
      <c r="A161">
        <v>2156.8083270000002</v>
      </c>
      <c r="B161">
        <v>20.008699</v>
      </c>
      <c r="C161">
        <v>6.9314819999999999</v>
      </c>
      <c r="D161">
        <f t="shared" si="9"/>
        <v>0.79576400000000014</v>
      </c>
      <c r="E161">
        <f t="shared" si="7"/>
        <v>71.39745000000039</v>
      </c>
      <c r="F161">
        <f t="shared" si="8"/>
        <v>4.1599380336154609E-2</v>
      </c>
    </row>
    <row r="162" spans="1:6" x14ac:dyDescent="0.2">
      <c r="A162">
        <v>2156.3630939999998</v>
      </c>
      <c r="B162">
        <v>20.03069</v>
      </c>
      <c r="C162">
        <v>6.9364860000000004</v>
      </c>
      <c r="D162">
        <f t="shared" si="9"/>
        <v>0.80076800000000059</v>
      </c>
      <c r="E162">
        <f t="shared" si="7"/>
        <v>70.952217000000019</v>
      </c>
      <c r="F162">
        <f t="shared" si="8"/>
        <v>4.1090116267850453E-2</v>
      </c>
    </row>
    <row r="163" spans="1:6" x14ac:dyDescent="0.2">
      <c r="A163">
        <v>2156.3945509999999</v>
      </c>
      <c r="B163">
        <v>19.973179999999999</v>
      </c>
      <c r="C163">
        <v>6.9414910000000001</v>
      </c>
      <c r="D163">
        <f t="shared" si="9"/>
        <v>0.80577300000000029</v>
      </c>
      <c r="E163">
        <f t="shared" si="7"/>
        <v>70.983674000000065</v>
      </c>
      <c r="F163">
        <f t="shared" si="8"/>
        <v>4.0852396404683661E-2</v>
      </c>
    </row>
    <row r="164" spans="1:6" x14ac:dyDescent="0.2">
      <c r="A164">
        <v>2156.3777759999998</v>
      </c>
      <c r="B164">
        <v>19.991692</v>
      </c>
      <c r="C164">
        <v>6.9464959999999998</v>
      </c>
      <c r="D164">
        <f t="shared" si="9"/>
        <v>0.810778</v>
      </c>
      <c r="E164">
        <f t="shared" si="7"/>
        <v>70.966899000000012</v>
      </c>
      <c r="F164">
        <f t="shared" si="8"/>
        <v>4.0590932208907554E-2</v>
      </c>
    </row>
    <row r="165" spans="1:6" x14ac:dyDescent="0.2">
      <c r="A165">
        <v>2156.261352</v>
      </c>
      <c r="B165">
        <v>20.017251999999999</v>
      </c>
      <c r="C165">
        <v>6.9515010000000004</v>
      </c>
      <c r="D165">
        <f t="shared" si="9"/>
        <v>0.81578300000000059</v>
      </c>
      <c r="E165">
        <f t="shared" si="7"/>
        <v>70.850475000000188</v>
      </c>
      <c r="F165">
        <f t="shared" si="8"/>
        <v>4.0277890464598697E-2</v>
      </c>
    </row>
    <row r="166" spans="1:6" x14ac:dyDescent="0.2">
      <c r="A166">
        <v>2155.8949149999999</v>
      </c>
      <c r="B166">
        <v>20.024653000000001</v>
      </c>
      <c r="C166">
        <v>6.9565060000000001</v>
      </c>
      <c r="D166">
        <f t="shared" si="9"/>
        <v>0.8207880000000003</v>
      </c>
      <c r="E166">
        <f t="shared" si="7"/>
        <v>70.484038000000055</v>
      </c>
      <c r="F166">
        <f t="shared" si="8"/>
        <v>3.9832007046923877E-2</v>
      </c>
    </row>
    <row r="167" spans="1:6" x14ac:dyDescent="0.2">
      <c r="A167">
        <v>2155.8418539999998</v>
      </c>
      <c r="B167">
        <v>19.987096000000001</v>
      </c>
      <c r="C167">
        <v>6.9615099999999996</v>
      </c>
      <c r="D167">
        <f t="shared" si="9"/>
        <v>0.82579199999999986</v>
      </c>
      <c r="E167">
        <f t="shared" si="7"/>
        <v>70.430976999999984</v>
      </c>
      <c r="F167">
        <f t="shared" si="8"/>
        <v>3.9561809049330876E-2</v>
      </c>
    </row>
    <row r="168" spans="1:6" x14ac:dyDescent="0.2">
      <c r="A168">
        <v>2155.7120620000001</v>
      </c>
      <c r="B168">
        <v>20.004597</v>
      </c>
      <c r="C168">
        <v>6.9665150000000002</v>
      </c>
      <c r="D168">
        <f t="shared" si="9"/>
        <v>0.83079700000000045</v>
      </c>
      <c r="E168">
        <f t="shared" si="7"/>
        <v>70.30118500000026</v>
      </c>
      <c r="F168">
        <f t="shared" si="8"/>
        <v>3.9253372369864051E-2</v>
      </c>
    </row>
    <row r="169" spans="1:6" x14ac:dyDescent="0.2">
      <c r="A169">
        <v>2155.8417129999998</v>
      </c>
      <c r="B169">
        <v>19.97006</v>
      </c>
      <c r="C169">
        <v>6.9715199999999999</v>
      </c>
      <c r="D169">
        <f t="shared" si="9"/>
        <v>0.83580200000000016</v>
      </c>
      <c r="E169">
        <f t="shared" si="7"/>
        <v>70.430835999999999</v>
      </c>
      <c r="F169">
        <f t="shared" si="8"/>
        <v>3.9087920526037934E-2</v>
      </c>
    </row>
    <row r="170" spans="1:6" x14ac:dyDescent="0.2">
      <c r="A170">
        <v>2155.6815470000001</v>
      </c>
      <c r="B170">
        <v>20.008517000000001</v>
      </c>
      <c r="C170">
        <v>6.9765249999999996</v>
      </c>
      <c r="D170">
        <f t="shared" si="9"/>
        <v>0.84080699999999986</v>
      </c>
      <c r="E170">
        <f t="shared" si="7"/>
        <v>70.270670000000337</v>
      </c>
      <c r="F170">
        <f t="shared" si="8"/>
        <v>3.8769765268266095E-2</v>
      </c>
    </row>
    <row r="171" spans="1:6" x14ac:dyDescent="0.2">
      <c r="A171">
        <v>2155.6587089999998</v>
      </c>
      <c r="B171">
        <v>20.010276999999999</v>
      </c>
      <c r="C171">
        <v>6.9815300000000002</v>
      </c>
      <c r="D171">
        <f t="shared" si="9"/>
        <v>0.84581200000000045</v>
      </c>
      <c r="E171">
        <f t="shared" si="7"/>
        <v>70.247832000000017</v>
      </c>
      <c r="F171">
        <f t="shared" si="8"/>
        <v>3.8528231972226157E-2</v>
      </c>
    </row>
    <row r="172" spans="1:6" x14ac:dyDescent="0.2">
      <c r="A172">
        <v>2155.2180509999998</v>
      </c>
      <c r="B172">
        <v>20.013842</v>
      </c>
      <c r="C172">
        <v>6.9865339999999998</v>
      </c>
      <c r="D172">
        <f t="shared" si="9"/>
        <v>0.85081600000000002</v>
      </c>
      <c r="E172">
        <f t="shared" si="7"/>
        <v>69.807174000000032</v>
      </c>
      <c r="F172">
        <f t="shared" si="8"/>
        <v>3.8069151096794845E-2</v>
      </c>
    </row>
    <row r="173" spans="1:6" x14ac:dyDescent="0.2">
      <c r="A173">
        <v>2154.7918</v>
      </c>
      <c r="B173">
        <v>20.003851000000001</v>
      </c>
      <c r="C173">
        <v>6.9915390000000004</v>
      </c>
      <c r="D173">
        <f t="shared" si="9"/>
        <v>0.85582100000000061</v>
      </c>
      <c r="E173">
        <f t="shared" si="7"/>
        <v>69.380923000000166</v>
      </c>
      <c r="F173">
        <f t="shared" si="8"/>
        <v>3.7622861170870173E-2</v>
      </c>
    </row>
    <row r="174" spans="1:6" x14ac:dyDescent="0.2">
      <c r="A174">
        <v>2153.9236460000002</v>
      </c>
      <c r="B174">
        <v>20.020330999999999</v>
      </c>
      <c r="C174">
        <v>6.9965440000000001</v>
      </c>
      <c r="D174">
        <f t="shared" si="9"/>
        <v>0.86082600000000031</v>
      </c>
      <c r="E174">
        <f t="shared" si="7"/>
        <v>68.512769000000389</v>
      </c>
      <c r="F174">
        <f t="shared" si="8"/>
        <v>3.6950969738297652E-2</v>
      </c>
    </row>
    <row r="175" spans="1:6" x14ac:dyDescent="0.2">
      <c r="A175">
        <v>2153.5314469999998</v>
      </c>
      <c r="B175">
        <v>20.014783000000001</v>
      </c>
      <c r="C175">
        <v>7.0015489999999998</v>
      </c>
      <c r="D175">
        <f t="shared" si="9"/>
        <v>0.86583100000000002</v>
      </c>
      <c r="E175">
        <f t="shared" si="7"/>
        <v>68.120570000000043</v>
      </c>
      <c r="F175">
        <f t="shared" si="8"/>
        <v>3.6533722376481732E-2</v>
      </c>
    </row>
    <row r="176" spans="1:6" x14ac:dyDescent="0.2">
      <c r="A176">
        <v>2152.7771200000002</v>
      </c>
      <c r="B176">
        <v>20.023267000000001</v>
      </c>
      <c r="C176">
        <v>7.0065540000000004</v>
      </c>
      <c r="D176">
        <f t="shared" si="9"/>
        <v>0.87083600000000061</v>
      </c>
      <c r="E176">
        <f t="shared" si="7"/>
        <v>67.366243000000395</v>
      </c>
      <c r="F176">
        <f t="shared" si="8"/>
        <v>3.5934109278033421E-2</v>
      </c>
    </row>
    <row r="177" spans="1:6" x14ac:dyDescent="0.2">
      <c r="A177">
        <v>2152.281978</v>
      </c>
      <c r="B177">
        <v>20.004287000000001</v>
      </c>
      <c r="C177">
        <v>7.011558</v>
      </c>
      <c r="D177">
        <f t="shared" si="9"/>
        <v>0.87584000000000017</v>
      </c>
      <c r="E177">
        <f t="shared" si="7"/>
        <v>66.871101000000181</v>
      </c>
      <c r="F177">
        <f t="shared" si="8"/>
        <v>3.5474356716782694E-2</v>
      </c>
    </row>
    <row r="178" spans="1:6" x14ac:dyDescent="0.2">
      <c r="A178">
        <v>2151.9336549999998</v>
      </c>
      <c r="B178">
        <v>20.011541999999999</v>
      </c>
      <c r="C178">
        <v>7.0165629999999997</v>
      </c>
      <c r="D178">
        <f t="shared" si="9"/>
        <v>0.88084499999999988</v>
      </c>
      <c r="E178">
        <f t="shared" si="7"/>
        <v>66.522778000000017</v>
      </c>
      <c r="F178">
        <f t="shared" si="8"/>
        <v>3.5094738113088407E-2</v>
      </c>
    </row>
    <row r="179" spans="1:6" x14ac:dyDescent="0.2">
      <c r="A179">
        <v>2151.9867210000002</v>
      </c>
      <c r="B179">
        <v>19.974027</v>
      </c>
      <c r="C179">
        <v>7.0215680000000003</v>
      </c>
      <c r="D179">
        <f t="shared" si="9"/>
        <v>0.88585000000000047</v>
      </c>
      <c r="E179">
        <f t="shared" si="7"/>
        <v>66.575844000000416</v>
      </c>
      <c r="F179">
        <f t="shared" si="8"/>
        <v>3.4923431033191295E-2</v>
      </c>
    </row>
    <row r="180" spans="1:6" x14ac:dyDescent="0.2">
      <c r="A180">
        <v>2152.5677599999999</v>
      </c>
      <c r="B180">
        <v>19.978650999999999</v>
      </c>
      <c r="C180">
        <v>7.026573</v>
      </c>
      <c r="D180">
        <f t="shared" si="9"/>
        <v>0.89085500000000017</v>
      </c>
      <c r="E180">
        <f t="shared" si="7"/>
        <v>67.156883000000107</v>
      </c>
      <c r="F180">
        <f t="shared" si="8"/>
        <v>3.5020849577006276E-2</v>
      </c>
    </row>
    <row r="181" spans="1:6" x14ac:dyDescent="0.2">
      <c r="A181">
        <v>2153.611547</v>
      </c>
      <c r="B181">
        <v>19.967635000000001</v>
      </c>
      <c r="C181">
        <v>7.0315779999999997</v>
      </c>
      <c r="D181">
        <f t="shared" si="9"/>
        <v>0.89585999999999988</v>
      </c>
      <c r="E181">
        <f t="shared" si="7"/>
        <v>68.200670000000173</v>
      </c>
      <c r="F181">
        <f t="shared" si="8"/>
        <v>3.5349324911489906E-2</v>
      </c>
    </row>
    <row r="182" spans="1:6" x14ac:dyDescent="0.2">
      <c r="A182">
        <v>2155.0946349999999</v>
      </c>
      <c r="B182">
        <v>19.947233000000001</v>
      </c>
      <c r="C182">
        <v>7.0365820000000001</v>
      </c>
      <c r="D182">
        <f t="shared" si="9"/>
        <v>0.90086400000000033</v>
      </c>
      <c r="E182">
        <f t="shared" si="7"/>
        <v>69.683758000000125</v>
      </c>
      <c r="F182">
        <f t="shared" si="8"/>
        <v>3.5892688175915392E-2</v>
      </c>
    </row>
    <row r="183" spans="1:6" x14ac:dyDescent="0.2">
      <c r="A183">
        <v>2156.7095920000002</v>
      </c>
      <c r="B183">
        <v>19.947811999999999</v>
      </c>
      <c r="C183">
        <v>7.0415869999999998</v>
      </c>
      <c r="D183">
        <f t="shared" si="9"/>
        <v>0.90586900000000004</v>
      </c>
      <c r="E183">
        <f t="shared" si="7"/>
        <v>71.298715000000357</v>
      </c>
      <c r="F183">
        <f t="shared" si="8"/>
        <v>3.6494266155603881E-2</v>
      </c>
    </row>
    <row r="184" spans="1:6" x14ac:dyDescent="0.2">
      <c r="A184">
        <v>2157.8430880000001</v>
      </c>
      <c r="B184">
        <v>19.967026000000001</v>
      </c>
      <c r="C184">
        <v>7.0465920000000004</v>
      </c>
      <c r="D184">
        <f t="shared" si="9"/>
        <v>0.91087400000000063</v>
      </c>
      <c r="E184">
        <f t="shared" si="7"/>
        <v>72.432211000000279</v>
      </c>
      <c r="F184">
        <f t="shared" si="8"/>
        <v>3.685136471146673E-2</v>
      </c>
    </row>
    <row r="185" spans="1:6" x14ac:dyDescent="0.2">
      <c r="A185">
        <v>2158.4310249999999</v>
      </c>
      <c r="B185">
        <v>19.969159999999999</v>
      </c>
      <c r="C185">
        <v>7.0515970000000001</v>
      </c>
      <c r="D185">
        <f t="shared" si="9"/>
        <v>0.91587900000000033</v>
      </c>
      <c r="E185">
        <f t="shared" si="7"/>
        <v>73.020148000000063</v>
      </c>
      <c r="F185">
        <f t="shared" si="8"/>
        <v>3.6937409376281073E-2</v>
      </c>
    </row>
    <row r="186" spans="1:6" x14ac:dyDescent="0.2">
      <c r="A186">
        <v>2158.7346029999999</v>
      </c>
      <c r="B186">
        <v>19.987000999999999</v>
      </c>
      <c r="C186">
        <v>7.0566019999999998</v>
      </c>
      <c r="D186">
        <f t="shared" si="9"/>
        <v>0.92088400000000004</v>
      </c>
      <c r="E186">
        <f t="shared" si="7"/>
        <v>73.323726000000079</v>
      </c>
      <c r="F186">
        <f t="shared" si="8"/>
        <v>3.6884198066226975E-2</v>
      </c>
    </row>
    <row r="187" spans="1:6" x14ac:dyDescent="0.2">
      <c r="A187">
        <v>2159.1209570000001</v>
      </c>
      <c r="B187">
        <v>19.973307999999999</v>
      </c>
      <c r="C187">
        <v>7.0616060000000003</v>
      </c>
      <c r="D187">
        <f t="shared" si="9"/>
        <v>0.92588800000000049</v>
      </c>
      <c r="E187">
        <f t="shared" si="7"/>
        <v>73.710080000000289</v>
      </c>
      <c r="F187">
        <f t="shared" si="8"/>
        <v>3.6871555052777373E-2</v>
      </c>
    </row>
    <row r="188" spans="1:6" x14ac:dyDescent="0.2">
      <c r="A188">
        <v>2159.7448810000001</v>
      </c>
      <c r="B188">
        <v>19.993499</v>
      </c>
      <c r="C188">
        <v>7.066611</v>
      </c>
      <c r="D188">
        <f t="shared" si="9"/>
        <v>0.93089300000000019</v>
      </c>
      <c r="E188">
        <f t="shared" si="7"/>
        <v>74.334004000000277</v>
      </c>
      <c r="F188">
        <f t="shared" si="8"/>
        <v>3.6973052614872326E-2</v>
      </c>
    </row>
    <row r="189" spans="1:6" x14ac:dyDescent="0.2">
      <c r="A189">
        <v>2160.7001110000001</v>
      </c>
      <c r="B189">
        <v>19.963508000000001</v>
      </c>
      <c r="C189">
        <v>7.0716159999999997</v>
      </c>
      <c r="D189">
        <f t="shared" si="9"/>
        <v>0.9358979999999999</v>
      </c>
      <c r="E189">
        <f t="shared" si="7"/>
        <v>75.289234000000306</v>
      </c>
      <c r="F189">
        <f t="shared" si="8"/>
        <v>3.7231442693865822E-2</v>
      </c>
    </row>
    <row r="190" spans="1:6" x14ac:dyDescent="0.2">
      <c r="A190">
        <v>2160.8197260000002</v>
      </c>
      <c r="B190">
        <v>20.005541000000001</v>
      </c>
      <c r="C190">
        <v>7.0766210000000003</v>
      </c>
      <c r="D190">
        <f t="shared" si="9"/>
        <v>0.94090300000000049</v>
      </c>
      <c r="E190">
        <f t="shared" si="7"/>
        <v>75.408849000000373</v>
      </c>
      <c r="F190">
        <f t="shared" si="8"/>
        <v>3.7090178456215893E-2</v>
      </c>
    </row>
    <row r="191" spans="1:6" x14ac:dyDescent="0.2">
      <c r="A191">
        <v>2160.7939500000002</v>
      </c>
      <c r="B191">
        <v>20.001424</v>
      </c>
      <c r="C191">
        <v>7.081626</v>
      </c>
      <c r="D191">
        <f t="shared" si="9"/>
        <v>0.94590800000000019</v>
      </c>
      <c r="E191">
        <f t="shared" si="7"/>
        <v>75.383073000000422</v>
      </c>
      <c r="F191">
        <f t="shared" si="8"/>
        <v>3.6881755446539315E-2</v>
      </c>
    </row>
    <row r="192" spans="1:6" x14ac:dyDescent="0.2">
      <c r="A192">
        <v>2160.396397</v>
      </c>
      <c r="B192">
        <v>20.011430000000001</v>
      </c>
      <c r="C192">
        <v>7.0866300000000004</v>
      </c>
      <c r="D192">
        <f t="shared" si="9"/>
        <v>0.95091200000000065</v>
      </c>
      <c r="E192">
        <f t="shared" si="7"/>
        <v>74.985520000000179</v>
      </c>
      <c r="F192">
        <f t="shared" si="8"/>
        <v>3.6500905231146311E-2</v>
      </c>
    </row>
    <row r="193" spans="1:6" x14ac:dyDescent="0.2">
      <c r="A193">
        <v>2159.783633</v>
      </c>
      <c r="B193">
        <v>20.022072000000001</v>
      </c>
      <c r="C193">
        <v>7.0916350000000001</v>
      </c>
      <c r="D193">
        <f t="shared" si="9"/>
        <v>0.95591700000000035</v>
      </c>
      <c r="E193">
        <f t="shared" si="7"/>
        <v>74.372756000000209</v>
      </c>
      <c r="F193">
        <f t="shared" si="8"/>
        <v>3.6023295809549258E-2</v>
      </c>
    </row>
    <row r="194" spans="1:6" x14ac:dyDescent="0.2">
      <c r="A194">
        <v>2158.6478609999999</v>
      </c>
      <c r="B194">
        <v>20.052178000000001</v>
      </c>
      <c r="C194">
        <v>7.0966399999999998</v>
      </c>
      <c r="D194">
        <f t="shared" si="9"/>
        <v>0.96092200000000005</v>
      </c>
      <c r="E194">
        <f t="shared" si="7"/>
        <v>73.23698400000012</v>
      </c>
      <c r="F194">
        <f t="shared" si="8"/>
        <v>3.5306975216809179E-2</v>
      </c>
    </row>
    <row r="195" spans="1:6" x14ac:dyDescent="0.2">
      <c r="A195">
        <v>2157.7548820000002</v>
      </c>
      <c r="B195">
        <v>19.995996000000002</v>
      </c>
      <c r="C195">
        <v>7.1016450000000004</v>
      </c>
      <c r="D195">
        <f t="shared" si="9"/>
        <v>0.96592700000000065</v>
      </c>
      <c r="E195">
        <f t="shared" ref="E195:E258" si="10">A195-$A$2</f>
        <v>72.344005000000379</v>
      </c>
      <c r="F195">
        <f t="shared" ref="F195:F258" si="11">(1/A195)*(E195/D195)</f>
        <v>3.4710121520094638E-2</v>
      </c>
    </row>
    <row r="196" spans="1:6" x14ac:dyDescent="0.2">
      <c r="A196">
        <v>2156.346528</v>
      </c>
      <c r="B196">
        <v>20.056826999999998</v>
      </c>
      <c r="C196">
        <v>7.1066500000000001</v>
      </c>
      <c r="D196">
        <f t="shared" si="9"/>
        <v>0.97093200000000035</v>
      </c>
      <c r="E196">
        <f t="shared" si="10"/>
        <v>70.935651000000234</v>
      </c>
      <c r="F196">
        <f t="shared" si="11"/>
        <v>3.3881075672815182E-2</v>
      </c>
    </row>
    <row r="197" spans="1:6" x14ac:dyDescent="0.2">
      <c r="A197">
        <v>2155.1651919999999</v>
      </c>
      <c r="B197">
        <v>20.040713</v>
      </c>
      <c r="C197">
        <v>7.1116539999999997</v>
      </c>
      <c r="D197">
        <f t="shared" si="9"/>
        <v>0.97593599999999991</v>
      </c>
      <c r="E197">
        <f t="shared" si="10"/>
        <v>69.754315000000133</v>
      </c>
      <c r="F197">
        <f t="shared" si="11"/>
        <v>3.3164173281842783E-2</v>
      </c>
    </row>
    <row r="198" spans="1:6" x14ac:dyDescent="0.2">
      <c r="A198">
        <v>2153.3268079999998</v>
      </c>
      <c r="B198">
        <v>20.025044999999999</v>
      </c>
      <c r="C198">
        <v>7.1166590000000003</v>
      </c>
      <c r="D198">
        <f t="shared" si="9"/>
        <v>0.98094100000000051</v>
      </c>
      <c r="E198">
        <f t="shared" si="10"/>
        <v>67.915931</v>
      </c>
      <c r="F198">
        <f t="shared" si="11"/>
        <v>3.2152801864839736E-2</v>
      </c>
    </row>
    <row r="199" spans="1:6" x14ac:dyDescent="0.2">
      <c r="A199">
        <v>2152.573449</v>
      </c>
      <c r="B199">
        <v>20.039822000000001</v>
      </c>
      <c r="C199">
        <v>7.121664</v>
      </c>
      <c r="D199">
        <f t="shared" ref="D199:D262" si="12">C199-$C$2</f>
        <v>0.98594600000000021</v>
      </c>
      <c r="E199">
        <f t="shared" si="10"/>
        <v>67.162572000000182</v>
      </c>
      <c r="F199">
        <f t="shared" si="11"/>
        <v>3.1645809586978289E-2</v>
      </c>
    </row>
    <row r="200" spans="1:6" x14ac:dyDescent="0.2">
      <c r="A200">
        <v>2152.111813</v>
      </c>
      <c r="B200">
        <v>20.007408999999999</v>
      </c>
      <c r="C200">
        <v>7.1266689999999997</v>
      </c>
      <c r="D200">
        <f t="shared" si="12"/>
        <v>0.99095099999999992</v>
      </c>
      <c r="E200">
        <f t="shared" si="10"/>
        <v>66.700936000000183</v>
      </c>
      <c r="F200">
        <f t="shared" si="11"/>
        <v>3.1276267340898785E-2</v>
      </c>
    </row>
    <row r="201" spans="1:6" x14ac:dyDescent="0.2">
      <c r="A201">
        <v>2151.6050129999999</v>
      </c>
      <c r="B201">
        <v>20.004670999999998</v>
      </c>
      <c r="C201">
        <v>7.1316740000000003</v>
      </c>
      <c r="D201">
        <f t="shared" si="12"/>
        <v>0.99595600000000051</v>
      </c>
      <c r="E201">
        <f t="shared" si="10"/>
        <v>66.194136000000071</v>
      </c>
      <c r="F201">
        <f t="shared" si="11"/>
        <v>3.0889922460035437E-2</v>
      </c>
    </row>
    <row r="202" spans="1:6" x14ac:dyDescent="0.2">
      <c r="A202">
        <v>2151.0478029999999</v>
      </c>
      <c r="B202">
        <v>20.004064</v>
      </c>
      <c r="C202">
        <v>7.1366779999999999</v>
      </c>
      <c r="D202">
        <f t="shared" si="12"/>
        <v>1.0009600000000001</v>
      </c>
      <c r="E202">
        <f t="shared" si="10"/>
        <v>65.63692600000013</v>
      </c>
      <c r="F202">
        <f t="shared" si="11"/>
        <v>3.0484666539052022E-2</v>
      </c>
    </row>
    <row r="203" spans="1:6" x14ac:dyDescent="0.2">
      <c r="A203">
        <v>2150.8399180000001</v>
      </c>
      <c r="B203">
        <v>19.991433000000001</v>
      </c>
      <c r="C203">
        <v>7.1416829999999996</v>
      </c>
      <c r="D203">
        <f t="shared" si="12"/>
        <v>1.0059649999999998</v>
      </c>
      <c r="E203">
        <f t="shared" si="10"/>
        <v>65.429041000000325</v>
      </c>
      <c r="F203">
        <f t="shared" si="11"/>
        <v>3.0239847450802812E-2</v>
      </c>
    </row>
    <row r="204" spans="1:6" x14ac:dyDescent="0.2">
      <c r="A204">
        <v>2150.8233420000001</v>
      </c>
      <c r="B204">
        <v>20.008861</v>
      </c>
      <c r="C204">
        <v>7.1466880000000002</v>
      </c>
      <c r="D204">
        <f t="shared" si="12"/>
        <v>1.0109700000000004</v>
      </c>
      <c r="E204">
        <f t="shared" si="10"/>
        <v>65.412465000000338</v>
      </c>
      <c r="F204">
        <f t="shared" si="11"/>
        <v>3.00827480220313E-2</v>
      </c>
    </row>
    <row r="205" spans="1:6" x14ac:dyDescent="0.2">
      <c r="A205">
        <v>2151.2113359999998</v>
      </c>
      <c r="B205">
        <v>19.968889000000001</v>
      </c>
      <c r="C205">
        <v>7.1516929999999999</v>
      </c>
      <c r="D205">
        <f t="shared" si="12"/>
        <v>1.0159750000000001</v>
      </c>
      <c r="E205">
        <f t="shared" si="10"/>
        <v>65.800459000000046</v>
      </c>
      <c r="F205">
        <f t="shared" si="11"/>
        <v>3.0106677044063342E-2</v>
      </c>
    </row>
    <row r="206" spans="1:6" x14ac:dyDescent="0.2">
      <c r="A206">
        <v>2151.9126889999998</v>
      </c>
      <c r="B206">
        <v>19.969671999999999</v>
      </c>
      <c r="C206">
        <v>7.1566979999999996</v>
      </c>
      <c r="D206">
        <f t="shared" si="12"/>
        <v>1.0209799999999998</v>
      </c>
      <c r="E206">
        <f t="shared" si="10"/>
        <v>66.501811999999973</v>
      </c>
      <c r="F206">
        <f t="shared" si="11"/>
        <v>3.026854866623124E-2</v>
      </c>
    </row>
    <row r="207" spans="1:6" x14ac:dyDescent="0.2">
      <c r="A207">
        <v>2153.124828</v>
      </c>
      <c r="B207">
        <v>19.956651999999998</v>
      </c>
      <c r="C207">
        <v>7.161702</v>
      </c>
      <c r="D207">
        <f t="shared" si="12"/>
        <v>1.0259840000000002</v>
      </c>
      <c r="E207">
        <f t="shared" si="10"/>
        <v>67.713951000000179</v>
      </c>
      <c r="F207">
        <f t="shared" si="11"/>
        <v>3.0652673403034878E-2</v>
      </c>
    </row>
    <row r="208" spans="1:6" x14ac:dyDescent="0.2">
      <c r="A208">
        <v>2155.0318550000002</v>
      </c>
      <c r="B208">
        <v>19.928505000000001</v>
      </c>
      <c r="C208">
        <v>7.1667069999999997</v>
      </c>
      <c r="D208">
        <f t="shared" si="12"/>
        <v>1.0309889999999999</v>
      </c>
      <c r="E208">
        <f t="shared" si="10"/>
        <v>69.620978000000378</v>
      </c>
      <c r="F208">
        <f t="shared" si="11"/>
        <v>3.1335194441224366E-2</v>
      </c>
    </row>
    <row r="209" spans="1:6" x14ac:dyDescent="0.2">
      <c r="A209">
        <v>2156.5329109999998</v>
      </c>
      <c r="B209">
        <v>19.966923999999999</v>
      </c>
      <c r="C209">
        <v>7.1717120000000003</v>
      </c>
      <c r="D209">
        <f t="shared" si="12"/>
        <v>1.0359940000000005</v>
      </c>
      <c r="E209">
        <f t="shared" si="10"/>
        <v>71.122033999999985</v>
      </c>
      <c r="F209">
        <f t="shared" si="11"/>
        <v>3.1833972582406556E-2</v>
      </c>
    </row>
    <row r="210" spans="1:6" x14ac:dyDescent="0.2">
      <c r="A210">
        <v>2157.4267869999999</v>
      </c>
      <c r="B210">
        <v>19.984757999999999</v>
      </c>
      <c r="C210">
        <v>7.176717</v>
      </c>
      <c r="D210">
        <f t="shared" si="12"/>
        <v>1.0409990000000002</v>
      </c>
      <c r="E210">
        <f t="shared" si="10"/>
        <v>72.015910000000076</v>
      </c>
      <c r="F210">
        <f t="shared" si="11"/>
        <v>3.2065799582569415E-2</v>
      </c>
    </row>
    <row r="211" spans="1:6" x14ac:dyDescent="0.2">
      <c r="A211">
        <v>2158.347182</v>
      </c>
      <c r="B211">
        <v>19.948608</v>
      </c>
      <c r="C211">
        <v>7.1817219999999997</v>
      </c>
      <c r="D211">
        <f t="shared" si="12"/>
        <v>1.0460039999999999</v>
      </c>
      <c r="E211">
        <f t="shared" si="10"/>
        <v>72.936305000000175</v>
      </c>
      <c r="F211">
        <f t="shared" si="11"/>
        <v>3.2306440318787953E-2</v>
      </c>
    </row>
    <row r="212" spans="1:6" x14ac:dyDescent="0.2">
      <c r="A212">
        <v>2159.161474</v>
      </c>
      <c r="B212">
        <v>19.981441</v>
      </c>
      <c r="C212">
        <v>7.1867260000000002</v>
      </c>
      <c r="D212">
        <f t="shared" si="12"/>
        <v>1.0510080000000004</v>
      </c>
      <c r="E212">
        <f t="shared" si="10"/>
        <v>73.750597000000198</v>
      </c>
      <c r="F212">
        <f t="shared" si="11"/>
        <v>3.249932911786306E-2</v>
      </c>
    </row>
    <row r="213" spans="1:6" x14ac:dyDescent="0.2">
      <c r="A213">
        <v>2160.514079</v>
      </c>
      <c r="B213">
        <v>19.937059000000001</v>
      </c>
      <c r="C213">
        <v>7.1917309999999999</v>
      </c>
      <c r="D213">
        <f t="shared" si="12"/>
        <v>1.0560130000000001</v>
      </c>
      <c r="E213">
        <f t="shared" si="10"/>
        <v>75.103202000000238</v>
      </c>
      <c r="F213">
        <f t="shared" si="11"/>
        <v>3.2917897460389714E-2</v>
      </c>
    </row>
    <row r="214" spans="1:6" x14ac:dyDescent="0.2">
      <c r="A214">
        <v>2162.0331059999999</v>
      </c>
      <c r="B214">
        <v>19.954029999999999</v>
      </c>
      <c r="C214">
        <v>7.1967359999999996</v>
      </c>
      <c r="D214">
        <f t="shared" si="12"/>
        <v>1.0610179999999998</v>
      </c>
      <c r="E214">
        <f t="shared" si="10"/>
        <v>76.622229000000061</v>
      </c>
      <c r="F214">
        <f t="shared" si="11"/>
        <v>3.340178608266995E-2</v>
      </c>
    </row>
    <row r="215" spans="1:6" x14ac:dyDescent="0.2">
      <c r="A215">
        <v>2163.1896379999998</v>
      </c>
      <c r="B215">
        <v>19.973759999999999</v>
      </c>
      <c r="C215">
        <v>7.2017410000000002</v>
      </c>
      <c r="D215">
        <f t="shared" si="12"/>
        <v>1.0660230000000004</v>
      </c>
      <c r="E215">
        <f t="shared" si="10"/>
        <v>77.778761000000031</v>
      </c>
      <c r="F215">
        <f t="shared" si="11"/>
        <v>3.3728719355479553E-2</v>
      </c>
    </row>
    <row r="216" spans="1:6" x14ac:dyDescent="0.2">
      <c r="A216">
        <v>2163.2553549999998</v>
      </c>
      <c r="B216">
        <v>19.995238000000001</v>
      </c>
      <c r="C216">
        <v>7.2067459999999999</v>
      </c>
      <c r="D216">
        <f t="shared" si="12"/>
        <v>1.0710280000000001</v>
      </c>
      <c r="E216">
        <f t="shared" si="10"/>
        <v>77.844477999999981</v>
      </c>
      <c r="F216">
        <f t="shared" si="11"/>
        <v>3.359844659563873E-2</v>
      </c>
    </row>
    <row r="217" spans="1:6" x14ac:dyDescent="0.2">
      <c r="A217">
        <v>2162.8730599999999</v>
      </c>
      <c r="B217">
        <v>20.044830000000001</v>
      </c>
      <c r="C217">
        <v>7.2117500000000003</v>
      </c>
      <c r="D217">
        <f t="shared" si="12"/>
        <v>1.0760320000000005</v>
      </c>
      <c r="E217">
        <f t="shared" si="10"/>
        <v>77.462183000000095</v>
      </c>
      <c r="F217">
        <f t="shared" si="11"/>
        <v>3.3283846748322965E-2</v>
      </c>
    </row>
    <row r="218" spans="1:6" x14ac:dyDescent="0.2">
      <c r="A218">
        <v>2162.2659410000001</v>
      </c>
      <c r="B218">
        <v>20.002904999999998</v>
      </c>
      <c r="C218">
        <v>7.216755</v>
      </c>
      <c r="D218">
        <f t="shared" si="12"/>
        <v>1.0810370000000002</v>
      </c>
      <c r="E218">
        <f t="shared" si="10"/>
        <v>76.855064000000311</v>
      </c>
      <c r="F218">
        <f t="shared" si="11"/>
        <v>3.2879319653975399E-2</v>
      </c>
    </row>
    <row r="219" spans="1:6" x14ac:dyDescent="0.2">
      <c r="A219">
        <v>2161.4789289999999</v>
      </c>
      <c r="B219">
        <v>20.011112000000001</v>
      </c>
      <c r="C219">
        <v>7.2217599999999997</v>
      </c>
      <c r="D219">
        <f t="shared" si="12"/>
        <v>1.086042</v>
      </c>
      <c r="E219">
        <f t="shared" si="10"/>
        <v>76.06805200000008</v>
      </c>
      <c r="F219">
        <f t="shared" si="11"/>
        <v>3.2404450975058292E-2</v>
      </c>
    </row>
    <row r="220" spans="1:6" x14ac:dyDescent="0.2">
      <c r="A220">
        <v>2160.8760040000002</v>
      </c>
      <c r="B220">
        <v>20.024000000000001</v>
      </c>
      <c r="C220">
        <v>7.2267650000000003</v>
      </c>
      <c r="D220">
        <f t="shared" si="12"/>
        <v>1.0910470000000005</v>
      </c>
      <c r="E220">
        <f t="shared" si="10"/>
        <v>75.465127000000393</v>
      </c>
      <c r="F220">
        <f t="shared" si="11"/>
        <v>3.2009065928982505E-2</v>
      </c>
    </row>
    <row r="221" spans="1:6" x14ac:dyDescent="0.2">
      <c r="A221">
        <v>2160.2642770000002</v>
      </c>
      <c r="B221">
        <v>20.013625999999999</v>
      </c>
      <c r="C221">
        <v>7.23177</v>
      </c>
      <c r="D221">
        <f t="shared" si="12"/>
        <v>1.0960520000000002</v>
      </c>
      <c r="E221">
        <f t="shared" si="10"/>
        <v>74.85340000000042</v>
      </c>
      <c r="F221">
        <f t="shared" si="11"/>
        <v>3.1613566139707644E-2</v>
      </c>
    </row>
    <row r="222" spans="1:6" x14ac:dyDescent="0.2">
      <c r="A222">
        <v>2159.5424269999999</v>
      </c>
      <c r="B222">
        <v>20.026139000000001</v>
      </c>
      <c r="C222">
        <v>7.2367739999999996</v>
      </c>
      <c r="D222">
        <f t="shared" si="12"/>
        <v>1.1010559999999998</v>
      </c>
      <c r="E222">
        <f t="shared" si="10"/>
        <v>74.131550000000061</v>
      </c>
      <c r="F222">
        <f t="shared" si="11"/>
        <v>3.1176828370576358E-2</v>
      </c>
    </row>
    <row r="223" spans="1:6" x14ac:dyDescent="0.2">
      <c r="A223">
        <v>2158.725492</v>
      </c>
      <c r="B223">
        <v>20.032229999999998</v>
      </c>
      <c r="C223">
        <v>7.2417790000000002</v>
      </c>
      <c r="D223">
        <f t="shared" si="12"/>
        <v>1.1060610000000004</v>
      </c>
      <c r="E223">
        <f t="shared" si="10"/>
        <v>73.314615000000231</v>
      </c>
      <c r="F223">
        <f t="shared" si="11"/>
        <v>3.0705350483814901E-2</v>
      </c>
    </row>
    <row r="224" spans="1:6" x14ac:dyDescent="0.2">
      <c r="A224">
        <v>2157.0742890000001</v>
      </c>
      <c r="B224">
        <v>20.044028999999998</v>
      </c>
      <c r="C224">
        <v>7.2467839999999999</v>
      </c>
      <c r="D224">
        <f t="shared" si="12"/>
        <v>1.1110660000000001</v>
      </c>
      <c r="E224">
        <f t="shared" si="10"/>
        <v>71.663412000000335</v>
      </c>
      <c r="F224">
        <f t="shared" si="11"/>
        <v>2.990146877013445E-2</v>
      </c>
    </row>
    <row r="225" spans="1:6" x14ac:dyDescent="0.2">
      <c r="A225">
        <v>2155.4274110000001</v>
      </c>
      <c r="B225">
        <v>20.058643</v>
      </c>
      <c r="C225">
        <v>7.2517889999999996</v>
      </c>
      <c r="D225">
        <f t="shared" si="12"/>
        <v>1.1160709999999998</v>
      </c>
      <c r="E225">
        <f t="shared" si="10"/>
        <v>70.01653400000032</v>
      </c>
      <c r="F225">
        <f t="shared" si="11"/>
        <v>2.9105521361571983E-2</v>
      </c>
    </row>
    <row r="226" spans="1:6" x14ac:dyDescent="0.2">
      <c r="A226">
        <v>2154.151852</v>
      </c>
      <c r="B226">
        <v>20.006384000000001</v>
      </c>
      <c r="C226">
        <v>7.2567940000000002</v>
      </c>
      <c r="D226">
        <f t="shared" si="12"/>
        <v>1.1210760000000004</v>
      </c>
      <c r="E226">
        <f t="shared" si="10"/>
        <v>68.740975000000162</v>
      </c>
      <c r="F226">
        <f t="shared" si="11"/>
        <v>2.8464549700616144E-2</v>
      </c>
    </row>
    <row r="227" spans="1:6" x14ac:dyDescent="0.2">
      <c r="A227">
        <v>2153.4794160000001</v>
      </c>
      <c r="B227">
        <v>20.021889000000002</v>
      </c>
      <c r="C227">
        <v>7.2617979999999998</v>
      </c>
      <c r="D227">
        <f t="shared" si="12"/>
        <v>1.12608</v>
      </c>
      <c r="E227">
        <f t="shared" si="10"/>
        <v>68.068539000000328</v>
      </c>
      <c r="F227">
        <f t="shared" si="11"/>
        <v>2.8069615203132964E-2</v>
      </c>
    </row>
    <row r="228" spans="1:6" x14ac:dyDescent="0.2">
      <c r="A228">
        <v>2153.2700030000001</v>
      </c>
      <c r="B228">
        <v>19.990276000000001</v>
      </c>
      <c r="C228">
        <v>7.2668030000000003</v>
      </c>
      <c r="D228">
        <f t="shared" si="12"/>
        <v>1.1310850000000006</v>
      </c>
      <c r="E228">
        <f t="shared" si="10"/>
        <v>67.859126000000288</v>
      </c>
      <c r="F228">
        <f t="shared" si="11"/>
        <v>2.7862143745128593E-2</v>
      </c>
    </row>
    <row r="229" spans="1:6" x14ac:dyDescent="0.2">
      <c r="A229">
        <v>2153.2666100000001</v>
      </c>
      <c r="B229">
        <v>20.011382000000001</v>
      </c>
      <c r="C229">
        <v>7.271808</v>
      </c>
      <c r="D229">
        <f t="shared" si="12"/>
        <v>1.1360900000000003</v>
      </c>
      <c r="E229">
        <f t="shared" si="10"/>
        <v>67.855733000000328</v>
      </c>
      <c r="F229">
        <f t="shared" si="11"/>
        <v>2.7738054882353504E-2</v>
      </c>
    </row>
    <row r="230" spans="1:6" x14ac:dyDescent="0.2">
      <c r="A230">
        <v>2153.2706170000001</v>
      </c>
      <c r="B230">
        <v>19.986256000000001</v>
      </c>
      <c r="C230">
        <v>7.2768129999999998</v>
      </c>
      <c r="D230">
        <f t="shared" si="12"/>
        <v>1.141095</v>
      </c>
      <c r="E230">
        <f t="shared" si="10"/>
        <v>67.859740000000329</v>
      </c>
      <c r="F230">
        <f t="shared" si="11"/>
        <v>2.7617971351474976E-2</v>
      </c>
    </row>
    <row r="231" spans="1:6" x14ac:dyDescent="0.2">
      <c r="A231">
        <v>2154.4957009999998</v>
      </c>
      <c r="B231">
        <v>19.914541</v>
      </c>
      <c r="C231">
        <v>7.2818180000000003</v>
      </c>
      <c r="D231">
        <f t="shared" si="12"/>
        <v>1.1461000000000006</v>
      </c>
      <c r="E231">
        <f t="shared" si="10"/>
        <v>69.084824000000026</v>
      </c>
      <c r="F231">
        <f t="shared" si="11"/>
        <v>2.7977861191165611E-2</v>
      </c>
    </row>
    <row r="232" spans="1:6" x14ac:dyDescent="0.2">
      <c r="A232">
        <v>2156.5154120000002</v>
      </c>
      <c r="B232">
        <v>19.942118000000001</v>
      </c>
      <c r="C232">
        <v>7.2868219999999999</v>
      </c>
      <c r="D232">
        <f t="shared" si="12"/>
        <v>1.1511040000000001</v>
      </c>
      <c r="E232">
        <f t="shared" si="10"/>
        <v>71.104535000000396</v>
      </c>
      <c r="F232">
        <f t="shared" si="11"/>
        <v>2.864376956906757E-2</v>
      </c>
    </row>
    <row r="233" spans="1:6" x14ac:dyDescent="0.2">
      <c r="A233">
        <v>2158.774406</v>
      </c>
      <c r="B233">
        <v>19.947790000000001</v>
      </c>
      <c r="C233">
        <v>7.2918269999999996</v>
      </c>
      <c r="D233">
        <f t="shared" si="12"/>
        <v>1.1561089999999998</v>
      </c>
      <c r="E233">
        <f t="shared" si="10"/>
        <v>73.363529000000199</v>
      </c>
      <c r="F233">
        <f t="shared" si="11"/>
        <v>2.9395047845615356E-2</v>
      </c>
    </row>
    <row r="234" spans="1:6" x14ac:dyDescent="0.2">
      <c r="A234">
        <v>2160.543181</v>
      </c>
      <c r="B234">
        <v>19.931972999999999</v>
      </c>
      <c r="C234">
        <v>7.2968320000000002</v>
      </c>
      <c r="D234">
        <f t="shared" si="12"/>
        <v>1.1611140000000004</v>
      </c>
      <c r="E234">
        <f t="shared" si="10"/>
        <v>75.132304000000204</v>
      </c>
      <c r="F234">
        <f t="shared" si="11"/>
        <v>2.994945300767262E-2</v>
      </c>
    </row>
    <row r="235" spans="1:6" x14ac:dyDescent="0.2">
      <c r="A235">
        <v>2162.653135</v>
      </c>
      <c r="B235">
        <v>19.933730000000001</v>
      </c>
      <c r="C235">
        <v>7.3018369999999999</v>
      </c>
      <c r="D235">
        <f t="shared" si="12"/>
        <v>1.1661190000000001</v>
      </c>
      <c r="E235">
        <f t="shared" si="10"/>
        <v>77.24225800000022</v>
      </c>
      <c r="F235">
        <f t="shared" si="11"/>
        <v>3.0628464177307583E-2</v>
      </c>
    </row>
    <row r="236" spans="1:6" x14ac:dyDescent="0.2">
      <c r="A236">
        <v>2165.239998</v>
      </c>
      <c r="B236">
        <v>19.925704</v>
      </c>
      <c r="C236">
        <v>7.3068419999999996</v>
      </c>
      <c r="D236">
        <f t="shared" si="12"/>
        <v>1.1711239999999998</v>
      </c>
      <c r="E236">
        <f t="shared" si="10"/>
        <v>79.829121000000214</v>
      </c>
      <c r="F236">
        <f t="shared" si="11"/>
        <v>3.1481283114758569E-2</v>
      </c>
    </row>
    <row r="237" spans="1:6" x14ac:dyDescent="0.2">
      <c r="A237">
        <v>2167.1711529999998</v>
      </c>
      <c r="B237">
        <v>19.933523999999998</v>
      </c>
      <c r="C237">
        <v>7.3118460000000001</v>
      </c>
      <c r="D237">
        <f t="shared" si="12"/>
        <v>1.1761280000000003</v>
      </c>
      <c r="E237">
        <f t="shared" si="10"/>
        <v>81.760275999999976</v>
      </c>
      <c r="F237">
        <f t="shared" si="11"/>
        <v>3.2077059397041009E-2</v>
      </c>
    </row>
    <row r="238" spans="1:6" x14ac:dyDescent="0.2">
      <c r="A238">
        <v>2168.5507389999998</v>
      </c>
      <c r="B238">
        <v>19.965630999999998</v>
      </c>
      <c r="C238">
        <v>7.3168509999999998</v>
      </c>
      <c r="D238">
        <f t="shared" si="12"/>
        <v>1.181133</v>
      </c>
      <c r="E238">
        <f t="shared" si="10"/>
        <v>83.139861999999994</v>
      </c>
      <c r="F238">
        <f t="shared" si="11"/>
        <v>3.2459431382500105E-2</v>
      </c>
    </row>
    <row r="239" spans="1:6" x14ac:dyDescent="0.2">
      <c r="A239">
        <v>2169.254218</v>
      </c>
      <c r="B239">
        <v>19.982575000000001</v>
      </c>
      <c r="C239">
        <v>7.3218560000000004</v>
      </c>
      <c r="D239">
        <f t="shared" si="12"/>
        <v>1.1861380000000006</v>
      </c>
      <c r="E239">
        <f t="shared" si="10"/>
        <v>83.843341000000237</v>
      </c>
      <c r="F239">
        <f t="shared" si="11"/>
        <v>3.2585388684572288E-2</v>
      </c>
    </row>
    <row r="240" spans="1:6" x14ac:dyDescent="0.2">
      <c r="A240">
        <v>2170.276597</v>
      </c>
      <c r="B240">
        <v>19.949634</v>
      </c>
      <c r="C240">
        <v>7.3268610000000001</v>
      </c>
      <c r="D240">
        <f t="shared" si="12"/>
        <v>1.1911430000000003</v>
      </c>
      <c r="E240">
        <f t="shared" si="10"/>
        <v>84.865720000000238</v>
      </c>
      <c r="F240">
        <f t="shared" si="11"/>
        <v>3.2828671636630495E-2</v>
      </c>
    </row>
    <row r="241" spans="1:6" x14ac:dyDescent="0.2">
      <c r="A241">
        <v>2170.857489</v>
      </c>
      <c r="B241">
        <v>20.013404999999999</v>
      </c>
      <c r="C241">
        <v>7.3318659999999998</v>
      </c>
      <c r="D241">
        <f t="shared" si="12"/>
        <v>1.196148</v>
      </c>
      <c r="E241">
        <f t="shared" si="10"/>
        <v>85.446612000000187</v>
      </c>
      <c r="F241">
        <f t="shared" si="11"/>
        <v>3.2906266818782053E-2</v>
      </c>
    </row>
    <row r="242" spans="1:6" x14ac:dyDescent="0.2">
      <c r="A242">
        <v>2170.0584229999999</v>
      </c>
      <c r="B242">
        <v>20.038841000000001</v>
      </c>
      <c r="C242">
        <v>7.3368700000000002</v>
      </c>
      <c r="D242">
        <f t="shared" si="12"/>
        <v>1.2011520000000004</v>
      </c>
      <c r="E242">
        <f t="shared" si="10"/>
        <v>84.647546000000148</v>
      </c>
      <c r="F242">
        <f t="shared" si="11"/>
        <v>3.2474687238792842E-2</v>
      </c>
    </row>
    <row r="243" spans="1:6" x14ac:dyDescent="0.2">
      <c r="A243">
        <v>2168.3522830000002</v>
      </c>
      <c r="B243">
        <v>20.051712999999999</v>
      </c>
      <c r="C243">
        <v>7.3418749999999999</v>
      </c>
      <c r="D243">
        <f t="shared" si="12"/>
        <v>1.2061570000000001</v>
      </c>
      <c r="E243">
        <f t="shared" si="10"/>
        <v>82.94140600000037</v>
      </c>
      <c r="F243">
        <f t="shared" si="11"/>
        <v>3.1713027921550258E-2</v>
      </c>
    </row>
    <row r="244" spans="1:6" x14ac:dyDescent="0.2">
      <c r="A244">
        <v>2166.5085549999999</v>
      </c>
      <c r="B244">
        <v>20.047350000000002</v>
      </c>
      <c r="C244">
        <v>7.3468799999999996</v>
      </c>
      <c r="D244">
        <f t="shared" si="12"/>
        <v>1.2111619999999998</v>
      </c>
      <c r="E244">
        <f t="shared" si="10"/>
        <v>81.097678000000087</v>
      </c>
      <c r="F244">
        <f t="shared" si="11"/>
        <v>3.0906211683971365E-2</v>
      </c>
    </row>
    <row r="245" spans="1:6" x14ac:dyDescent="0.2">
      <c r="A245">
        <v>2164.1835369999999</v>
      </c>
      <c r="B245">
        <v>20.072198</v>
      </c>
      <c r="C245">
        <v>7.3518850000000002</v>
      </c>
      <c r="D245">
        <f t="shared" si="12"/>
        <v>1.2161670000000004</v>
      </c>
      <c r="E245">
        <f t="shared" si="10"/>
        <v>78.772660000000087</v>
      </c>
      <c r="F245">
        <f t="shared" si="11"/>
        <v>2.9928724401088288E-2</v>
      </c>
    </row>
    <row r="246" spans="1:6" x14ac:dyDescent="0.2">
      <c r="A246">
        <v>2162.0759929999999</v>
      </c>
      <c r="B246">
        <v>20.057202</v>
      </c>
      <c r="C246">
        <v>7.3568899999999999</v>
      </c>
      <c r="D246">
        <f t="shared" si="12"/>
        <v>1.2211720000000001</v>
      </c>
      <c r="E246">
        <f t="shared" si="10"/>
        <v>76.665116000000125</v>
      </c>
      <c r="F246">
        <f t="shared" si="11"/>
        <v>2.9036883671683066E-2</v>
      </c>
    </row>
    <row r="247" spans="1:6" x14ac:dyDescent="0.2">
      <c r="A247">
        <v>2160.2775780000002</v>
      </c>
      <c r="B247">
        <v>20.042095</v>
      </c>
      <c r="C247">
        <v>7.3618940000000004</v>
      </c>
      <c r="D247">
        <f t="shared" si="12"/>
        <v>1.2261760000000006</v>
      </c>
      <c r="E247">
        <f t="shared" si="10"/>
        <v>74.866701000000376</v>
      </c>
      <c r="F247">
        <f t="shared" si="11"/>
        <v>2.8263525081398736E-2</v>
      </c>
    </row>
    <row r="248" spans="1:6" x14ac:dyDescent="0.2">
      <c r="A248">
        <v>2158.9369299999998</v>
      </c>
      <c r="B248">
        <v>20.034998000000002</v>
      </c>
      <c r="C248">
        <v>7.3668990000000001</v>
      </c>
      <c r="D248">
        <f t="shared" si="12"/>
        <v>1.2311810000000003</v>
      </c>
      <c r="E248">
        <f t="shared" si="10"/>
        <v>73.526053000000047</v>
      </c>
      <c r="F248">
        <f t="shared" si="11"/>
        <v>2.7661733504525908E-2</v>
      </c>
    </row>
    <row r="249" spans="1:6" x14ac:dyDescent="0.2">
      <c r="A249">
        <v>2157.2106570000001</v>
      </c>
      <c r="B249">
        <v>20.067444999999999</v>
      </c>
      <c r="C249">
        <v>7.3719039999999998</v>
      </c>
      <c r="D249">
        <f t="shared" si="12"/>
        <v>1.236186</v>
      </c>
      <c r="E249">
        <f t="shared" si="10"/>
        <v>71.799780000000283</v>
      </c>
      <c r="F249">
        <f t="shared" si="11"/>
        <v>2.6924443496173251E-2</v>
      </c>
    </row>
    <row r="250" spans="1:6" x14ac:dyDescent="0.2">
      <c r="A250">
        <v>2155.7978859999998</v>
      </c>
      <c r="B250">
        <v>20.004892000000002</v>
      </c>
      <c r="C250">
        <v>7.3769090000000004</v>
      </c>
      <c r="D250">
        <f t="shared" si="12"/>
        <v>1.2411910000000006</v>
      </c>
      <c r="E250">
        <f t="shared" si="10"/>
        <v>70.387009000000035</v>
      </c>
      <c r="F250">
        <f t="shared" si="11"/>
        <v>2.6305457012055299E-2</v>
      </c>
    </row>
    <row r="251" spans="1:6" x14ac:dyDescent="0.2">
      <c r="A251">
        <v>2155.6486719999998</v>
      </c>
      <c r="B251">
        <v>19.994039999999998</v>
      </c>
      <c r="C251">
        <v>7.3819140000000001</v>
      </c>
      <c r="D251">
        <f t="shared" si="12"/>
        <v>1.2461960000000003</v>
      </c>
      <c r="E251">
        <f t="shared" si="10"/>
        <v>70.237795000000006</v>
      </c>
      <c r="F251">
        <f t="shared" si="11"/>
        <v>2.6146076968961578E-2</v>
      </c>
    </row>
    <row r="252" spans="1:6" x14ac:dyDescent="0.2">
      <c r="A252">
        <v>2155.7443800000001</v>
      </c>
      <c r="B252">
        <v>19.990383999999999</v>
      </c>
      <c r="C252">
        <v>7.3869179999999997</v>
      </c>
      <c r="D252">
        <f t="shared" si="12"/>
        <v>1.2511999999999999</v>
      </c>
      <c r="E252">
        <f t="shared" si="10"/>
        <v>70.333503000000292</v>
      </c>
      <c r="F252">
        <f t="shared" si="11"/>
        <v>2.6075836540252421E-2</v>
      </c>
    </row>
    <row r="253" spans="1:6" x14ac:dyDescent="0.2">
      <c r="A253">
        <v>2156.485193</v>
      </c>
      <c r="B253">
        <v>19.958866</v>
      </c>
      <c r="C253">
        <v>7.3919230000000002</v>
      </c>
      <c r="D253">
        <f t="shared" si="12"/>
        <v>1.2562050000000005</v>
      </c>
      <c r="E253">
        <f t="shared" si="10"/>
        <v>71.074316000000181</v>
      </c>
      <c r="F253">
        <f t="shared" si="11"/>
        <v>2.6236487424028492E-2</v>
      </c>
    </row>
    <row r="254" spans="1:6" x14ac:dyDescent="0.2">
      <c r="A254">
        <v>2157.8333630000002</v>
      </c>
      <c r="B254">
        <v>19.955804000000001</v>
      </c>
      <c r="C254">
        <v>7.3969279999999999</v>
      </c>
      <c r="D254">
        <f t="shared" si="12"/>
        <v>1.2612100000000002</v>
      </c>
      <c r="E254">
        <f t="shared" si="10"/>
        <v>72.42248600000039</v>
      </c>
      <c r="F254">
        <f t="shared" si="11"/>
        <v>2.6611424287324048E-2</v>
      </c>
    </row>
    <row r="255" spans="1:6" x14ac:dyDescent="0.2">
      <c r="A255">
        <v>2159.3160130000001</v>
      </c>
      <c r="B255">
        <v>19.953085999999999</v>
      </c>
      <c r="C255">
        <v>7.4019329999999997</v>
      </c>
      <c r="D255">
        <f t="shared" si="12"/>
        <v>1.2662149999999999</v>
      </c>
      <c r="E255">
        <f t="shared" si="10"/>
        <v>73.905136000000311</v>
      </c>
      <c r="F255">
        <f t="shared" si="11"/>
        <v>2.7030305931229022E-2</v>
      </c>
    </row>
    <row r="256" spans="1:6" x14ac:dyDescent="0.2">
      <c r="A256">
        <v>2161.821226</v>
      </c>
      <c r="B256">
        <v>19.920112</v>
      </c>
      <c r="C256">
        <v>7.4069380000000002</v>
      </c>
      <c r="D256">
        <f t="shared" si="12"/>
        <v>1.2712200000000005</v>
      </c>
      <c r="E256">
        <f t="shared" si="10"/>
        <v>76.410349000000224</v>
      </c>
      <c r="F256">
        <f t="shared" si="11"/>
        <v>2.7804282322478956E-2</v>
      </c>
    </row>
    <row r="257" spans="1:6" x14ac:dyDescent="0.2">
      <c r="A257">
        <v>2164.159588</v>
      </c>
      <c r="B257">
        <v>19.918816</v>
      </c>
      <c r="C257">
        <v>7.4119419999999998</v>
      </c>
      <c r="D257">
        <f t="shared" si="12"/>
        <v>1.276224</v>
      </c>
      <c r="E257">
        <f t="shared" si="10"/>
        <v>78.748711000000185</v>
      </c>
      <c r="F257">
        <f t="shared" si="11"/>
        <v>2.8511972482911048E-2</v>
      </c>
    </row>
    <row r="258" spans="1:6" x14ac:dyDescent="0.2">
      <c r="A258">
        <v>2166.2427469999998</v>
      </c>
      <c r="B258">
        <v>19.927357000000001</v>
      </c>
      <c r="C258">
        <v>7.4169470000000004</v>
      </c>
      <c r="D258">
        <f t="shared" si="12"/>
        <v>1.2812290000000006</v>
      </c>
      <c r="E258">
        <f t="shared" si="10"/>
        <v>80.831869999999981</v>
      </c>
      <c r="F258">
        <f t="shared" si="11"/>
        <v>2.9123847231455537E-2</v>
      </c>
    </row>
    <row r="259" spans="1:6" x14ac:dyDescent="0.2">
      <c r="A259">
        <v>2168.740374</v>
      </c>
      <c r="B259">
        <v>19.935789</v>
      </c>
      <c r="C259">
        <v>7.4219520000000001</v>
      </c>
      <c r="D259">
        <f t="shared" si="12"/>
        <v>1.2862340000000003</v>
      </c>
      <c r="E259">
        <f t="shared" ref="E259:E322" si="13">A259-$A$2</f>
        <v>83.329497000000174</v>
      </c>
      <c r="F259">
        <f t="shared" ref="F259:F322" si="14">(1/A259)*(E259/D259)</f>
        <v>2.9872475276441907E-2</v>
      </c>
    </row>
    <row r="260" spans="1:6" x14ac:dyDescent="0.2">
      <c r="A260">
        <v>2170.6788080000001</v>
      </c>
      <c r="B260">
        <v>19.946522999999999</v>
      </c>
      <c r="C260">
        <v>7.4269569999999998</v>
      </c>
      <c r="D260">
        <f t="shared" si="12"/>
        <v>1.291239</v>
      </c>
      <c r="E260">
        <f t="shared" si="13"/>
        <v>85.267931000000317</v>
      </c>
      <c r="F260">
        <f t="shared" si="14"/>
        <v>3.0421703129785881E-2</v>
      </c>
    </row>
    <row r="261" spans="1:6" x14ac:dyDescent="0.2">
      <c r="A261">
        <v>2171.7110750000002</v>
      </c>
      <c r="B261">
        <v>19.975404999999999</v>
      </c>
      <c r="C261">
        <v>7.4319620000000004</v>
      </c>
      <c r="D261">
        <f t="shared" si="12"/>
        <v>1.2962440000000006</v>
      </c>
      <c r="E261">
        <f t="shared" si="13"/>
        <v>86.300198000000364</v>
      </c>
      <c r="F261">
        <f t="shared" si="14"/>
        <v>3.0656529376754449E-2</v>
      </c>
    </row>
    <row r="262" spans="1:6" x14ac:dyDescent="0.2">
      <c r="A262">
        <v>2172.2230319999999</v>
      </c>
      <c r="B262">
        <v>19.968475000000002</v>
      </c>
      <c r="C262">
        <v>7.436966</v>
      </c>
      <c r="D262">
        <f t="shared" si="12"/>
        <v>1.3012480000000002</v>
      </c>
      <c r="E262">
        <f t="shared" si="13"/>
        <v>86.812155000000075</v>
      </c>
      <c r="F262">
        <f t="shared" si="14"/>
        <v>3.071256212322844E-2</v>
      </c>
    </row>
    <row r="263" spans="1:6" x14ac:dyDescent="0.2">
      <c r="A263">
        <v>2171.737877</v>
      </c>
      <c r="B263">
        <v>20.050322000000001</v>
      </c>
      <c r="C263">
        <v>7.4419709999999997</v>
      </c>
      <c r="D263">
        <f t="shared" ref="D263:D326" si="15">C263-$C$2</f>
        <v>1.3062529999999999</v>
      </c>
      <c r="E263">
        <f t="shared" si="13"/>
        <v>86.327000000000226</v>
      </c>
      <c r="F263">
        <f t="shared" si="14"/>
        <v>3.043069995803166E-2</v>
      </c>
    </row>
    <row r="264" spans="1:6" x14ac:dyDescent="0.2">
      <c r="A264">
        <v>2170.780381</v>
      </c>
      <c r="B264">
        <v>20.046758000000001</v>
      </c>
      <c r="C264">
        <v>7.4469760000000003</v>
      </c>
      <c r="D264">
        <f t="shared" si="15"/>
        <v>1.3112580000000005</v>
      </c>
      <c r="E264">
        <f t="shared" si="13"/>
        <v>85.369504000000234</v>
      </c>
      <c r="F264">
        <f t="shared" si="14"/>
        <v>2.9991536756908729E-2</v>
      </c>
    </row>
    <row r="265" spans="1:6" x14ac:dyDescent="0.2">
      <c r="A265">
        <v>2169.429161</v>
      </c>
      <c r="B265">
        <v>20.015167999999999</v>
      </c>
      <c r="C265">
        <v>7.451981</v>
      </c>
      <c r="D265">
        <f t="shared" si="15"/>
        <v>1.3162630000000002</v>
      </c>
      <c r="E265">
        <f t="shared" si="13"/>
        <v>84.018284000000222</v>
      </c>
      <c r="F265">
        <f t="shared" si="14"/>
        <v>2.9422912494416767E-2</v>
      </c>
    </row>
    <row r="266" spans="1:6" x14ac:dyDescent="0.2">
      <c r="A266">
        <v>2168.4070160000001</v>
      </c>
      <c r="B266">
        <v>20.038585999999999</v>
      </c>
      <c r="C266">
        <v>7.4569859999999997</v>
      </c>
      <c r="D266">
        <f t="shared" si="15"/>
        <v>1.3212679999999999</v>
      </c>
      <c r="E266">
        <f t="shared" si="13"/>
        <v>82.996139000000312</v>
      </c>
      <c r="F266">
        <f t="shared" si="14"/>
        <v>2.8968510728957817E-2</v>
      </c>
    </row>
    <row r="267" spans="1:6" x14ac:dyDescent="0.2">
      <c r="A267">
        <v>2167.1192940000001</v>
      </c>
      <c r="B267">
        <v>20.046695</v>
      </c>
      <c r="C267">
        <v>7.4619900000000001</v>
      </c>
      <c r="D267">
        <f t="shared" si="15"/>
        <v>1.3262720000000003</v>
      </c>
      <c r="E267">
        <f t="shared" si="13"/>
        <v>81.708417000000281</v>
      </c>
      <c r="F267">
        <f t="shared" si="14"/>
        <v>2.8428331886861891E-2</v>
      </c>
    </row>
    <row r="268" spans="1:6" x14ac:dyDescent="0.2">
      <c r="A268">
        <v>2164.4528570000002</v>
      </c>
      <c r="B268">
        <v>20.071235000000001</v>
      </c>
      <c r="C268">
        <v>7.4669949999999998</v>
      </c>
      <c r="D268">
        <f t="shared" si="15"/>
        <v>1.331277</v>
      </c>
      <c r="E268">
        <f t="shared" si="13"/>
        <v>79.041980000000422</v>
      </c>
      <c r="F268">
        <f t="shared" si="14"/>
        <v>2.7430975407532334E-2</v>
      </c>
    </row>
    <row r="269" spans="1:6" x14ac:dyDescent="0.2">
      <c r="A269">
        <v>2161.5787089999999</v>
      </c>
      <c r="B269">
        <v>20.089669000000001</v>
      </c>
      <c r="C269">
        <v>7.4720000000000004</v>
      </c>
      <c r="D269">
        <f t="shared" si="15"/>
        <v>1.3362820000000006</v>
      </c>
      <c r="E269">
        <f t="shared" si="13"/>
        <v>76.167832000000089</v>
      </c>
      <c r="F269">
        <f t="shared" si="14"/>
        <v>2.6369531982886302E-2</v>
      </c>
    </row>
    <row r="270" spans="1:6" x14ac:dyDescent="0.2">
      <c r="A270">
        <v>2158.971266</v>
      </c>
      <c r="B270">
        <v>20.065303</v>
      </c>
      <c r="C270">
        <v>7.4770050000000001</v>
      </c>
      <c r="D270">
        <f t="shared" si="15"/>
        <v>1.3412870000000003</v>
      </c>
      <c r="E270">
        <f t="shared" si="13"/>
        <v>73.560389000000214</v>
      </c>
      <c r="F270">
        <f t="shared" si="14"/>
        <v>2.5402440310555729E-2</v>
      </c>
    </row>
    <row r="271" spans="1:6" x14ac:dyDescent="0.2">
      <c r="A271">
        <v>2157.6903779999998</v>
      </c>
      <c r="B271">
        <v>20.018035999999999</v>
      </c>
      <c r="C271">
        <v>7.4820099999999998</v>
      </c>
      <c r="D271">
        <f t="shared" si="15"/>
        <v>1.346292</v>
      </c>
      <c r="E271">
        <f t="shared" si="13"/>
        <v>72.279500999999982</v>
      </c>
      <c r="F271">
        <f t="shared" si="14"/>
        <v>2.4882084214552146E-2</v>
      </c>
    </row>
    <row r="272" spans="1:6" x14ac:dyDescent="0.2">
      <c r="A272">
        <v>2157.3060970000001</v>
      </c>
      <c r="B272">
        <v>19.996013000000001</v>
      </c>
      <c r="C272">
        <v>7.4870140000000003</v>
      </c>
      <c r="D272">
        <f t="shared" si="15"/>
        <v>1.3512960000000005</v>
      </c>
      <c r="E272">
        <f t="shared" si="13"/>
        <v>71.895220000000336</v>
      </c>
      <c r="F272">
        <f t="shared" si="14"/>
        <v>2.4662537289505047E-2</v>
      </c>
    </row>
    <row r="273" spans="1:6" x14ac:dyDescent="0.2">
      <c r="A273">
        <v>2157.6274790000002</v>
      </c>
      <c r="B273">
        <v>19.980242000000001</v>
      </c>
      <c r="C273">
        <v>7.492019</v>
      </c>
      <c r="D273">
        <f t="shared" si="15"/>
        <v>1.3563010000000002</v>
      </c>
      <c r="E273">
        <f t="shared" si="13"/>
        <v>72.216602000000421</v>
      </c>
      <c r="F273">
        <f t="shared" si="14"/>
        <v>2.4677689938394271E-2</v>
      </c>
    </row>
    <row r="274" spans="1:6" x14ac:dyDescent="0.2">
      <c r="A274">
        <v>2158.6055200000001</v>
      </c>
      <c r="B274">
        <v>19.962069</v>
      </c>
      <c r="C274">
        <v>7.4970239999999997</v>
      </c>
      <c r="D274">
        <f t="shared" si="15"/>
        <v>1.3613059999999999</v>
      </c>
      <c r="E274">
        <f t="shared" si="13"/>
        <v>73.194643000000269</v>
      </c>
      <c r="F274">
        <f t="shared" si="14"/>
        <v>2.4908653707129913E-2</v>
      </c>
    </row>
    <row r="275" spans="1:6" x14ac:dyDescent="0.2">
      <c r="A275">
        <v>2159.870034</v>
      </c>
      <c r="B275">
        <v>19.948975000000001</v>
      </c>
      <c r="C275">
        <v>7.5020290000000003</v>
      </c>
      <c r="D275">
        <f t="shared" si="15"/>
        <v>1.3663110000000005</v>
      </c>
      <c r="E275">
        <f t="shared" si="13"/>
        <v>74.459157000000232</v>
      </c>
      <c r="F275">
        <f t="shared" si="14"/>
        <v>2.5231375741123101E-2</v>
      </c>
    </row>
    <row r="276" spans="1:6" x14ac:dyDescent="0.2">
      <c r="A276">
        <v>2161.5326180000002</v>
      </c>
      <c r="B276">
        <v>19.958490999999999</v>
      </c>
      <c r="C276">
        <v>7.507034</v>
      </c>
      <c r="D276">
        <f t="shared" si="15"/>
        <v>1.3713160000000002</v>
      </c>
      <c r="E276">
        <f t="shared" si="13"/>
        <v>76.121741000000384</v>
      </c>
      <c r="F276">
        <f t="shared" si="14"/>
        <v>2.5680848916552774E-2</v>
      </c>
    </row>
    <row r="277" spans="1:6" x14ac:dyDescent="0.2">
      <c r="A277">
        <v>2163.4194010000001</v>
      </c>
      <c r="B277">
        <v>19.915593999999999</v>
      </c>
      <c r="C277">
        <v>7.5120380000000004</v>
      </c>
      <c r="D277">
        <f t="shared" si="15"/>
        <v>1.3763200000000007</v>
      </c>
      <c r="E277">
        <f t="shared" si="13"/>
        <v>78.008524000000307</v>
      </c>
      <c r="F277">
        <f t="shared" si="14"/>
        <v>2.619883138521507E-2</v>
      </c>
    </row>
    <row r="278" spans="1:6" x14ac:dyDescent="0.2">
      <c r="A278">
        <v>2165.555159</v>
      </c>
      <c r="B278">
        <v>19.912955</v>
      </c>
      <c r="C278">
        <v>7.5170430000000001</v>
      </c>
      <c r="D278">
        <f t="shared" si="15"/>
        <v>1.3813250000000004</v>
      </c>
      <c r="E278">
        <f t="shared" si="13"/>
        <v>80.144282000000203</v>
      </c>
      <c r="F278">
        <f t="shared" si="14"/>
        <v>2.6792141013835109E-2</v>
      </c>
    </row>
    <row r="279" spans="1:6" x14ac:dyDescent="0.2">
      <c r="A279">
        <v>2168.1879899999999</v>
      </c>
      <c r="B279">
        <v>19.947496000000001</v>
      </c>
      <c r="C279">
        <v>7.5220479999999998</v>
      </c>
      <c r="D279">
        <f t="shared" si="15"/>
        <v>1.3863300000000001</v>
      </c>
      <c r="E279">
        <f t="shared" si="13"/>
        <v>82.777113000000099</v>
      </c>
      <c r="F279">
        <f t="shared" si="14"/>
        <v>2.7538908283703607E-2</v>
      </c>
    </row>
    <row r="280" spans="1:6" x14ac:dyDescent="0.2">
      <c r="A280">
        <v>2170.4131860000002</v>
      </c>
      <c r="B280">
        <v>19.926445999999999</v>
      </c>
      <c r="C280">
        <v>7.5270530000000004</v>
      </c>
      <c r="D280">
        <f t="shared" si="15"/>
        <v>1.3913350000000007</v>
      </c>
      <c r="E280">
        <f t="shared" si="13"/>
        <v>85.002309000000423</v>
      </c>
      <c r="F280">
        <f t="shared" si="14"/>
        <v>2.8148586642046527E-2</v>
      </c>
    </row>
    <row r="281" spans="1:6" x14ac:dyDescent="0.2">
      <c r="A281">
        <v>2172.4087060000002</v>
      </c>
      <c r="B281">
        <v>19.942516999999999</v>
      </c>
      <c r="C281">
        <v>7.5320580000000001</v>
      </c>
      <c r="D281">
        <f t="shared" si="15"/>
        <v>1.3963400000000004</v>
      </c>
      <c r="E281">
        <f t="shared" si="13"/>
        <v>86.997829000000365</v>
      </c>
      <c r="F281">
        <f t="shared" si="14"/>
        <v>2.8679772458786949E-2</v>
      </c>
    </row>
    <row r="282" spans="1:6" x14ac:dyDescent="0.2">
      <c r="A282">
        <v>2173.6715749999998</v>
      </c>
      <c r="B282">
        <v>19.957466</v>
      </c>
      <c r="C282">
        <v>7.5370619999999997</v>
      </c>
      <c r="D282">
        <f t="shared" si="15"/>
        <v>1.4013439999999999</v>
      </c>
      <c r="E282">
        <f t="shared" si="13"/>
        <v>88.260698000000048</v>
      </c>
      <c r="F282">
        <f t="shared" si="14"/>
        <v>2.8975348834762875E-2</v>
      </c>
    </row>
    <row r="283" spans="1:6" x14ac:dyDescent="0.2">
      <c r="A283">
        <v>2174.658977</v>
      </c>
      <c r="B283">
        <v>19.975211000000002</v>
      </c>
      <c r="C283">
        <v>7.5420670000000003</v>
      </c>
      <c r="D283">
        <f t="shared" si="15"/>
        <v>1.4063490000000005</v>
      </c>
      <c r="E283">
        <f t="shared" si="13"/>
        <v>89.24810000000025</v>
      </c>
      <c r="F283">
        <f t="shared" si="14"/>
        <v>2.9181976844667685E-2</v>
      </c>
    </row>
    <row r="284" spans="1:6" x14ac:dyDescent="0.2">
      <c r="A284">
        <v>2175.399872</v>
      </c>
      <c r="B284">
        <v>19.989529999999998</v>
      </c>
      <c r="C284">
        <v>7.547072</v>
      </c>
      <c r="D284">
        <f t="shared" si="15"/>
        <v>1.4113540000000002</v>
      </c>
      <c r="E284">
        <f t="shared" si="13"/>
        <v>89.988995000000159</v>
      </c>
      <c r="F284">
        <f t="shared" si="14"/>
        <v>2.9309900528321439E-2</v>
      </c>
    </row>
    <row r="285" spans="1:6" x14ac:dyDescent="0.2">
      <c r="A285">
        <v>2175.0771110000001</v>
      </c>
      <c r="B285">
        <v>20.010922000000001</v>
      </c>
      <c r="C285">
        <v>7.5520769999999997</v>
      </c>
      <c r="D285">
        <f t="shared" si="15"/>
        <v>1.4163589999999999</v>
      </c>
      <c r="E285">
        <f t="shared" si="13"/>
        <v>89.666234000000259</v>
      </c>
      <c r="F285">
        <f t="shared" si="14"/>
        <v>2.9105892764822519E-2</v>
      </c>
    </row>
    <row r="286" spans="1:6" x14ac:dyDescent="0.2">
      <c r="A286">
        <v>2174.5306639999999</v>
      </c>
      <c r="B286">
        <v>20.036465</v>
      </c>
      <c r="C286">
        <v>7.5570820000000003</v>
      </c>
      <c r="D286">
        <f t="shared" si="15"/>
        <v>1.4213640000000005</v>
      </c>
      <c r="E286">
        <f t="shared" si="13"/>
        <v>89.119787000000088</v>
      </c>
      <c r="F286">
        <f t="shared" si="14"/>
        <v>2.8833893637744842E-2</v>
      </c>
    </row>
    <row r="287" spans="1:6" x14ac:dyDescent="0.2">
      <c r="A287">
        <v>2174.066652</v>
      </c>
      <c r="B287">
        <v>20.009281999999999</v>
      </c>
      <c r="C287">
        <v>7.5620859999999999</v>
      </c>
      <c r="D287">
        <f t="shared" si="15"/>
        <v>1.4263680000000001</v>
      </c>
      <c r="E287">
        <f t="shared" si="13"/>
        <v>88.655775000000176</v>
      </c>
      <c r="F287">
        <f t="shared" si="14"/>
        <v>2.8589238594118473E-2</v>
      </c>
    </row>
    <row r="288" spans="1:6" x14ac:dyDescent="0.2">
      <c r="A288">
        <v>2173.1484799999998</v>
      </c>
      <c r="B288">
        <v>20.028085999999998</v>
      </c>
      <c r="C288">
        <v>7.5670909999999996</v>
      </c>
      <c r="D288">
        <f t="shared" si="15"/>
        <v>1.4313729999999998</v>
      </c>
      <c r="E288">
        <f t="shared" si="13"/>
        <v>87.737603000000036</v>
      </c>
      <c r="F288">
        <f t="shared" si="14"/>
        <v>2.8206132647809412E-2</v>
      </c>
    </row>
    <row r="289" spans="1:6" x14ac:dyDescent="0.2">
      <c r="A289">
        <v>2171.725066</v>
      </c>
      <c r="B289">
        <v>20.048531000000001</v>
      </c>
      <c r="C289">
        <v>7.5720960000000002</v>
      </c>
      <c r="D289">
        <f t="shared" si="15"/>
        <v>1.4363780000000004</v>
      </c>
      <c r="E289">
        <f t="shared" si="13"/>
        <v>86.314189000000169</v>
      </c>
      <c r="F289">
        <f t="shared" si="14"/>
        <v>2.7669964731702575E-2</v>
      </c>
    </row>
    <row r="290" spans="1:6" x14ac:dyDescent="0.2">
      <c r="A290">
        <v>2169.7413110000002</v>
      </c>
      <c r="B290">
        <v>20.057196999999999</v>
      </c>
      <c r="C290">
        <v>7.5771009999999999</v>
      </c>
      <c r="D290">
        <f t="shared" si="15"/>
        <v>1.4413830000000001</v>
      </c>
      <c r="E290">
        <f t="shared" si="13"/>
        <v>84.330434000000423</v>
      </c>
      <c r="F290">
        <f t="shared" si="14"/>
        <v>2.696478624815031E-2</v>
      </c>
    </row>
    <row r="291" spans="1:6" x14ac:dyDescent="0.2">
      <c r="A291">
        <v>2167.294641</v>
      </c>
      <c r="B291">
        <v>20.070041</v>
      </c>
      <c r="C291">
        <v>7.5821059999999996</v>
      </c>
      <c r="D291">
        <f t="shared" si="15"/>
        <v>1.4463879999999998</v>
      </c>
      <c r="E291">
        <f t="shared" si="13"/>
        <v>81.883764000000156</v>
      </c>
      <c r="F291">
        <f t="shared" si="14"/>
        <v>2.6121314661343528E-2</v>
      </c>
    </row>
    <row r="292" spans="1:6" x14ac:dyDescent="0.2">
      <c r="A292">
        <v>2164.8542969999999</v>
      </c>
      <c r="B292">
        <v>20.072647</v>
      </c>
      <c r="C292">
        <v>7.58711</v>
      </c>
      <c r="D292">
        <f t="shared" si="15"/>
        <v>1.4513920000000002</v>
      </c>
      <c r="E292">
        <f t="shared" si="13"/>
        <v>79.44342000000006</v>
      </c>
      <c r="F292">
        <f t="shared" si="14"/>
        <v>2.5283927428701183E-2</v>
      </c>
    </row>
    <row r="293" spans="1:6" x14ac:dyDescent="0.2">
      <c r="A293">
        <v>2162.4279390000002</v>
      </c>
      <c r="B293">
        <v>20.072721999999999</v>
      </c>
      <c r="C293">
        <v>7.5921149999999997</v>
      </c>
      <c r="D293">
        <f t="shared" si="15"/>
        <v>1.4563969999999999</v>
      </c>
      <c r="E293">
        <f t="shared" si="13"/>
        <v>77.017062000000351</v>
      </c>
      <c r="F293">
        <f t="shared" si="14"/>
        <v>2.44548795355903E-2</v>
      </c>
    </row>
    <row r="294" spans="1:6" x14ac:dyDescent="0.2">
      <c r="A294">
        <v>2160.2672619999998</v>
      </c>
      <c r="B294">
        <v>20.045811</v>
      </c>
      <c r="C294">
        <v>7.5971200000000003</v>
      </c>
      <c r="D294">
        <f t="shared" si="15"/>
        <v>1.4614020000000005</v>
      </c>
      <c r="E294">
        <f t="shared" si="13"/>
        <v>74.856385000000046</v>
      </c>
      <c r="F294">
        <f t="shared" si="14"/>
        <v>2.371109817108966E-2</v>
      </c>
    </row>
    <row r="295" spans="1:6" x14ac:dyDescent="0.2">
      <c r="A295">
        <v>2159.0766600000002</v>
      </c>
      <c r="B295">
        <v>20.034544</v>
      </c>
      <c r="C295">
        <v>7.602125</v>
      </c>
      <c r="D295">
        <f t="shared" si="15"/>
        <v>1.4664070000000002</v>
      </c>
      <c r="E295">
        <f t="shared" si="13"/>
        <v>73.665783000000374</v>
      </c>
      <c r="F295">
        <f t="shared" si="14"/>
        <v>2.3267151711774837E-2</v>
      </c>
    </row>
    <row r="296" spans="1:6" x14ac:dyDescent="0.2">
      <c r="A296">
        <v>2158.6083359999998</v>
      </c>
      <c r="B296">
        <v>19.999351999999998</v>
      </c>
      <c r="C296">
        <v>7.6071299999999997</v>
      </c>
      <c r="D296">
        <f t="shared" si="15"/>
        <v>1.4714119999999999</v>
      </c>
      <c r="E296">
        <f t="shared" si="13"/>
        <v>73.197458999999981</v>
      </c>
      <c r="F296">
        <f t="shared" si="14"/>
        <v>2.3045591617282653E-2</v>
      </c>
    </row>
    <row r="297" spans="1:6" x14ac:dyDescent="0.2">
      <c r="A297">
        <v>2159.0414129999999</v>
      </c>
      <c r="B297">
        <v>19.962015999999998</v>
      </c>
      <c r="C297">
        <v>7.6121340000000002</v>
      </c>
      <c r="D297">
        <f t="shared" si="15"/>
        <v>1.4764160000000004</v>
      </c>
      <c r="E297">
        <f t="shared" si="13"/>
        <v>73.63053600000012</v>
      </c>
      <c r="F297">
        <f t="shared" si="14"/>
        <v>2.3098737648763364E-2</v>
      </c>
    </row>
    <row r="298" spans="1:6" x14ac:dyDescent="0.2">
      <c r="A298">
        <v>2160.6938460000001</v>
      </c>
      <c r="B298">
        <v>19.936371000000001</v>
      </c>
      <c r="C298">
        <v>7.6171389999999999</v>
      </c>
      <c r="D298">
        <f t="shared" si="15"/>
        <v>1.4814210000000001</v>
      </c>
      <c r="E298">
        <f t="shared" si="13"/>
        <v>75.282969000000321</v>
      </c>
      <c r="F298">
        <f t="shared" si="14"/>
        <v>2.35193332998756E-2</v>
      </c>
    </row>
    <row r="299" spans="1:6" x14ac:dyDescent="0.2">
      <c r="A299">
        <v>2162.5281540000001</v>
      </c>
      <c r="B299">
        <v>19.934063999999999</v>
      </c>
      <c r="C299">
        <v>7.6221439999999996</v>
      </c>
      <c r="D299">
        <f t="shared" si="15"/>
        <v>1.4864259999999998</v>
      </c>
      <c r="E299">
        <f t="shared" si="13"/>
        <v>77.117277000000286</v>
      </c>
      <c r="F299">
        <f t="shared" si="14"/>
        <v>2.3990904546477294E-2</v>
      </c>
    </row>
    <row r="300" spans="1:6" x14ac:dyDescent="0.2">
      <c r="A300">
        <v>2164.6012300000002</v>
      </c>
      <c r="B300">
        <v>19.958773000000001</v>
      </c>
      <c r="C300">
        <v>7.6271490000000002</v>
      </c>
      <c r="D300">
        <f t="shared" si="15"/>
        <v>1.4914310000000004</v>
      </c>
      <c r="E300">
        <f t="shared" si="13"/>
        <v>79.190353000000414</v>
      </c>
      <c r="F300">
        <f t="shared" si="14"/>
        <v>2.4529642127378987E-2</v>
      </c>
    </row>
    <row r="301" spans="1:6" x14ac:dyDescent="0.2">
      <c r="A301">
        <v>2166.1432239999999</v>
      </c>
      <c r="B301">
        <v>19.924890000000001</v>
      </c>
      <c r="C301">
        <v>7.6321539999999999</v>
      </c>
      <c r="D301">
        <f t="shared" si="15"/>
        <v>1.4964360000000001</v>
      </c>
      <c r="E301">
        <f t="shared" si="13"/>
        <v>80.732347000000118</v>
      </c>
      <c r="F301">
        <f t="shared" si="14"/>
        <v>2.4905901268758621E-2</v>
      </c>
    </row>
    <row r="302" spans="1:6" x14ac:dyDescent="0.2">
      <c r="A302">
        <v>2168.2948980000001</v>
      </c>
      <c r="B302">
        <v>19.935496000000001</v>
      </c>
      <c r="C302">
        <v>7.6371580000000003</v>
      </c>
      <c r="D302">
        <f t="shared" si="15"/>
        <v>1.5014400000000006</v>
      </c>
      <c r="E302">
        <f t="shared" si="13"/>
        <v>82.884021000000303</v>
      </c>
      <c r="F302">
        <f t="shared" si="14"/>
        <v>2.5459184150910905E-2</v>
      </c>
    </row>
    <row r="303" spans="1:6" x14ac:dyDescent="0.2">
      <c r="A303">
        <v>2170.4332220000001</v>
      </c>
      <c r="B303">
        <v>19.930302000000001</v>
      </c>
      <c r="C303">
        <v>7.642163</v>
      </c>
      <c r="D303">
        <f t="shared" si="15"/>
        <v>1.5064450000000003</v>
      </c>
      <c r="E303">
        <f t="shared" si="13"/>
        <v>85.022345000000314</v>
      </c>
      <c r="F303">
        <f t="shared" si="14"/>
        <v>2.6003593622902933E-2</v>
      </c>
    </row>
    <row r="304" spans="1:6" x14ac:dyDescent="0.2">
      <c r="A304">
        <v>2172.3450619999999</v>
      </c>
      <c r="B304">
        <v>19.945951000000001</v>
      </c>
      <c r="C304">
        <v>7.6471679999999997</v>
      </c>
      <c r="D304">
        <f t="shared" si="15"/>
        <v>1.51145</v>
      </c>
      <c r="E304">
        <f t="shared" si="13"/>
        <v>86.93418500000007</v>
      </c>
      <c r="F304">
        <f t="shared" si="14"/>
        <v>2.6476952176506276E-2</v>
      </c>
    </row>
    <row r="305" spans="1:6" x14ac:dyDescent="0.2">
      <c r="A305">
        <v>2174.0529700000002</v>
      </c>
      <c r="B305">
        <v>19.940405999999999</v>
      </c>
      <c r="C305">
        <v>7.6521730000000003</v>
      </c>
      <c r="D305">
        <f t="shared" si="15"/>
        <v>1.5164550000000006</v>
      </c>
      <c r="E305">
        <f t="shared" si="13"/>
        <v>88.642093000000386</v>
      </c>
      <c r="F305">
        <f t="shared" si="14"/>
        <v>2.6886876559981114E-2</v>
      </c>
    </row>
    <row r="306" spans="1:6" x14ac:dyDescent="0.2">
      <c r="A306">
        <v>2175.8399730000001</v>
      </c>
      <c r="B306">
        <v>19.957661000000002</v>
      </c>
      <c r="C306">
        <v>7.657178</v>
      </c>
      <c r="D306">
        <f t="shared" si="15"/>
        <v>1.5214600000000003</v>
      </c>
      <c r="E306">
        <f t="shared" si="13"/>
        <v>90.4290960000003</v>
      </c>
      <c r="F306">
        <f t="shared" si="14"/>
        <v>2.7316226130645434E-2</v>
      </c>
    </row>
    <row r="307" spans="1:6" x14ac:dyDescent="0.2">
      <c r="A307">
        <v>2177.1648810000002</v>
      </c>
      <c r="B307">
        <v>19.965895</v>
      </c>
      <c r="C307">
        <v>7.6621819999999996</v>
      </c>
      <c r="D307">
        <f t="shared" si="15"/>
        <v>1.5264639999999998</v>
      </c>
      <c r="E307">
        <f t="shared" si="13"/>
        <v>91.75400400000035</v>
      </c>
      <c r="F307">
        <f t="shared" si="14"/>
        <v>2.7608775074082898E-2</v>
      </c>
    </row>
    <row r="308" spans="1:6" x14ac:dyDescent="0.2">
      <c r="A308">
        <v>2177.5201950000001</v>
      </c>
      <c r="B308">
        <v>20.003062</v>
      </c>
      <c r="C308">
        <v>7.6671870000000002</v>
      </c>
      <c r="D308">
        <f t="shared" si="15"/>
        <v>1.5314690000000004</v>
      </c>
      <c r="E308">
        <f t="shared" si="13"/>
        <v>92.109318000000258</v>
      </c>
      <c r="F308">
        <f t="shared" si="14"/>
        <v>2.7620603592243505E-2</v>
      </c>
    </row>
    <row r="309" spans="1:6" x14ac:dyDescent="0.2">
      <c r="A309">
        <v>2177.180155</v>
      </c>
      <c r="B309">
        <v>20.005143</v>
      </c>
      <c r="C309">
        <v>7.6721919999999999</v>
      </c>
      <c r="D309">
        <f t="shared" si="15"/>
        <v>1.5364740000000001</v>
      </c>
      <c r="E309">
        <f t="shared" si="13"/>
        <v>91.769278000000213</v>
      </c>
      <c r="F309">
        <f t="shared" si="14"/>
        <v>2.7433279750650866E-2</v>
      </c>
    </row>
    <row r="310" spans="1:6" x14ac:dyDescent="0.2">
      <c r="A310">
        <v>2176.6988999999999</v>
      </c>
      <c r="B310">
        <v>20.022860999999999</v>
      </c>
      <c r="C310">
        <v>7.6771969999999996</v>
      </c>
      <c r="D310">
        <f t="shared" si="15"/>
        <v>1.5414789999999998</v>
      </c>
      <c r="E310">
        <f t="shared" si="13"/>
        <v>91.288023000000067</v>
      </c>
      <c r="F310">
        <f t="shared" si="14"/>
        <v>2.720682301102572E-2</v>
      </c>
    </row>
    <row r="311" spans="1:6" x14ac:dyDescent="0.2">
      <c r="A311">
        <v>2175.4274839999998</v>
      </c>
      <c r="B311">
        <v>20.045786</v>
      </c>
      <c r="C311">
        <v>7.6822020000000002</v>
      </c>
      <c r="D311">
        <f t="shared" si="15"/>
        <v>1.5464840000000004</v>
      </c>
      <c r="E311">
        <f t="shared" si="13"/>
        <v>90.016607000000022</v>
      </c>
      <c r="F311">
        <f t="shared" si="14"/>
        <v>2.675670293031767E-2</v>
      </c>
    </row>
    <row r="312" spans="1:6" x14ac:dyDescent="0.2">
      <c r="A312">
        <v>2173.1770929999998</v>
      </c>
      <c r="B312">
        <v>20.069635999999999</v>
      </c>
      <c r="C312">
        <v>7.6872059999999998</v>
      </c>
      <c r="D312">
        <f t="shared" si="15"/>
        <v>1.551488</v>
      </c>
      <c r="E312">
        <f t="shared" si="13"/>
        <v>87.766215999999986</v>
      </c>
      <c r="F312">
        <f t="shared" si="14"/>
        <v>2.6030579397783176E-2</v>
      </c>
    </row>
    <row r="313" spans="1:6" x14ac:dyDescent="0.2">
      <c r="A313">
        <v>2170.7150630000001</v>
      </c>
      <c r="B313">
        <v>20.083216</v>
      </c>
      <c r="C313">
        <v>7.6922110000000004</v>
      </c>
      <c r="D313">
        <f t="shared" si="15"/>
        <v>1.5564930000000006</v>
      </c>
      <c r="E313">
        <f t="shared" si="13"/>
        <v>85.3041860000003</v>
      </c>
      <c r="F313">
        <f t="shared" si="14"/>
        <v>2.5247614553730976E-2</v>
      </c>
    </row>
    <row r="314" spans="1:6" x14ac:dyDescent="0.2">
      <c r="A314">
        <v>2168.3807019999999</v>
      </c>
      <c r="B314">
        <v>20.064643</v>
      </c>
      <c r="C314">
        <v>7.6972160000000001</v>
      </c>
      <c r="D314">
        <f t="shared" si="15"/>
        <v>1.5614980000000003</v>
      </c>
      <c r="E314">
        <f t="shared" si="13"/>
        <v>82.969825000000128</v>
      </c>
      <c r="F314">
        <f t="shared" si="14"/>
        <v>2.4504351201490443E-2</v>
      </c>
    </row>
    <row r="315" spans="1:6" x14ac:dyDescent="0.2">
      <c r="A315">
        <v>2165.7258619999998</v>
      </c>
      <c r="B315">
        <v>20.097138000000001</v>
      </c>
      <c r="C315">
        <v>7.7022209999999998</v>
      </c>
      <c r="D315">
        <f t="shared" si="15"/>
        <v>1.566503</v>
      </c>
      <c r="E315">
        <f t="shared" si="13"/>
        <v>80.314984999999979</v>
      </c>
      <c r="F315">
        <f t="shared" si="14"/>
        <v>2.3673467194512462E-2</v>
      </c>
    </row>
    <row r="316" spans="1:6" x14ac:dyDescent="0.2">
      <c r="A316">
        <v>2162.996185</v>
      </c>
      <c r="B316">
        <v>20.057365999999998</v>
      </c>
      <c r="C316">
        <v>7.7072260000000004</v>
      </c>
      <c r="D316">
        <f t="shared" si="15"/>
        <v>1.5715080000000006</v>
      </c>
      <c r="E316">
        <f t="shared" si="13"/>
        <v>77.585308000000168</v>
      </c>
      <c r="F316">
        <f t="shared" si="14"/>
        <v>2.282480831076061E-2</v>
      </c>
    </row>
    <row r="317" spans="1:6" x14ac:dyDescent="0.2">
      <c r="A317">
        <v>2160.3313499999999</v>
      </c>
      <c r="B317">
        <v>20.071123</v>
      </c>
      <c r="C317">
        <v>7.7122299999999999</v>
      </c>
      <c r="D317">
        <f t="shared" si="15"/>
        <v>1.5765120000000001</v>
      </c>
      <c r="E317">
        <f t="shared" si="13"/>
        <v>74.920473000000129</v>
      </c>
      <c r="F317">
        <f t="shared" si="14"/>
        <v>2.1997982981052631E-2</v>
      </c>
    </row>
    <row r="318" spans="1:6" x14ac:dyDescent="0.2">
      <c r="A318">
        <v>2158.787413</v>
      </c>
      <c r="B318">
        <v>20.021360999999999</v>
      </c>
      <c r="C318">
        <v>7.7172349999999996</v>
      </c>
      <c r="D318">
        <f t="shared" si="15"/>
        <v>1.5815169999999998</v>
      </c>
      <c r="E318">
        <f t="shared" si="13"/>
        <v>73.376536000000215</v>
      </c>
      <c r="F318">
        <f t="shared" si="14"/>
        <v>2.1491833318092311E-2</v>
      </c>
    </row>
    <row r="319" spans="1:6" x14ac:dyDescent="0.2">
      <c r="A319">
        <v>2157.9057720000001</v>
      </c>
      <c r="B319">
        <v>19.998266999999998</v>
      </c>
      <c r="C319">
        <v>7.7222400000000002</v>
      </c>
      <c r="D319">
        <f t="shared" si="15"/>
        <v>1.5865220000000004</v>
      </c>
      <c r="E319">
        <f t="shared" si="13"/>
        <v>72.49489500000027</v>
      </c>
      <c r="F319">
        <f t="shared" si="14"/>
        <v>2.1175264789186035E-2</v>
      </c>
    </row>
    <row r="320" spans="1:6" x14ac:dyDescent="0.2">
      <c r="A320">
        <v>2158.356683</v>
      </c>
      <c r="B320">
        <v>19.994494</v>
      </c>
      <c r="C320">
        <v>7.7272449999999999</v>
      </c>
      <c r="D320">
        <f t="shared" si="15"/>
        <v>1.5915270000000001</v>
      </c>
      <c r="E320">
        <f t="shared" si="13"/>
        <v>72.945806000000175</v>
      </c>
      <c r="F320">
        <f t="shared" si="14"/>
        <v>2.1235529780736919E-2</v>
      </c>
    </row>
    <row r="321" spans="1:6" x14ac:dyDescent="0.2">
      <c r="A321">
        <v>2159.3788850000001</v>
      </c>
      <c r="B321">
        <v>19.953918999999999</v>
      </c>
      <c r="C321">
        <v>7.7322499999999996</v>
      </c>
      <c r="D321">
        <f t="shared" si="15"/>
        <v>1.5965319999999998</v>
      </c>
      <c r="E321">
        <f t="shared" si="13"/>
        <v>73.968008000000282</v>
      </c>
      <c r="F321">
        <f t="shared" si="14"/>
        <v>2.1455440969909294E-2</v>
      </c>
    </row>
    <row r="322" spans="1:6" x14ac:dyDescent="0.2">
      <c r="A322">
        <v>2161.1606539999998</v>
      </c>
      <c r="B322">
        <v>19.938549999999999</v>
      </c>
      <c r="C322">
        <v>7.7372540000000001</v>
      </c>
      <c r="D322">
        <f t="shared" si="15"/>
        <v>1.6015360000000003</v>
      </c>
      <c r="E322">
        <f t="shared" si="13"/>
        <v>75.749776999999995</v>
      </c>
      <c r="F322">
        <f t="shared" si="14"/>
        <v>2.1885556847096439E-2</v>
      </c>
    </row>
    <row r="323" spans="1:6" x14ac:dyDescent="0.2">
      <c r="A323">
        <v>2163.4712530000002</v>
      </c>
      <c r="B323">
        <v>19.937501000000001</v>
      </c>
      <c r="C323">
        <v>7.7422589999999998</v>
      </c>
      <c r="D323">
        <f t="shared" si="15"/>
        <v>1.606541</v>
      </c>
      <c r="E323">
        <f t="shared" ref="E323:E386" si="16">A323-$A$2</f>
        <v>78.06037600000036</v>
      </c>
      <c r="F323">
        <f t="shared" ref="F323:F386" si="17">(1/A323)*(E323/D323)</f>
        <v>2.2458859405541355E-2</v>
      </c>
    </row>
    <row r="324" spans="1:6" x14ac:dyDescent="0.2">
      <c r="A324" s="1">
        <v>2165.41077</v>
      </c>
      <c r="B324">
        <v>19.908645</v>
      </c>
      <c r="C324">
        <v>7.7472640000000004</v>
      </c>
      <c r="D324">
        <f t="shared" si="15"/>
        <v>1.6115460000000006</v>
      </c>
      <c r="E324">
        <f t="shared" si="16"/>
        <v>79.999893000000156</v>
      </c>
      <c r="F324">
        <f t="shared" si="17"/>
        <v>2.2924844953506E-2</v>
      </c>
    </row>
    <row r="325" spans="1:6" x14ac:dyDescent="0.2">
      <c r="A325">
        <v>2167.3833650000001</v>
      </c>
      <c r="B325">
        <v>19.958690000000001</v>
      </c>
      <c r="C325">
        <v>7.7522690000000001</v>
      </c>
      <c r="D325">
        <f t="shared" si="15"/>
        <v>1.6165510000000003</v>
      </c>
      <c r="E325">
        <f t="shared" si="16"/>
        <v>81.97248800000034</v>
      </c>
      <c r="F325">
        <f t="shared" si="17"/>
        <v>2.339607314721379E-2</v>
      </c>
    </row>
    <row r="326" spans="1:6" x14ac:dyDescent="0.2">
      <c r="A326">
        <v>2169.4073939999998</v>
      </c>
      <c r="B326">
        <v>19.912792</v>
      </c>
      <c r="C326">
        <v>7.7572739999999998</v>
      </c>
      <c r="D326">
        <f t="shared" si="15"/>
        <v>1.621556</v>
      </c>
      <c r="E326">
        <f t="shared" si="16"/>
        <v>83.99651700000004</v>
      </c>
      <c r="F326">
        <f t="shared" si="17"/>
        <v>2.3877464631358258E-2</v>
      </c>
    </row>
    <row r="327" spans="1:6" x14ac:dyDescent="0.2">
      <c r="A327">
        <v>2171.8161869999999</v>
      </c>
      <c r="B327">
        <v>19.934463000000001</v>
      </c>
      <c r="C327">
        <v>7.7622780000000002</v>
      </c>
      <c r="D327">
        <f t="shared" ref="D327:D390" si="18">C327-$C$2</f>
        <v>1.6265600000000004</v>
      </c>
      <c r="E327">
        <f t="shared" si="16"/>
        <v>86.4053100000001</v>
      </c>
      <c r="F327">
        <f t="shared" si="17"/>
        <v>2.445948332909792E-2</v>
      </c>
    </row>
    <row r="328" spans="1:6" x14ac:dyDescent="0.2">
      <c r="A328">
        <v>2174.5223470000001</v>
      </c>
      <c r="B328">
        <v>19.935627</v>
      </c>
      <c r="C328">
        <v>7.7672829999999999</v>
      </c>
      <c r="D328">
        <f t="shared" si="18"/>
        <v>1.6315650000000002</v>
      </c>
      <c r="E328">
        <f t="shared" si="16"/>
        <v>89.111470000000281</v>
      </c>
      <c r="F328">
        <f t="shared" si="17"/>
        <v>2.5116860437628386E-2</v>
      </c>
    </row>
    <row r="329" spans="1:6" x14ac:dyDescent="0.2">
      <c r="A329">
        <v>2175.85016</v>
      </c>
      <c r="B329">
        <v>19.963232000000001</v>
      </c>
      <c r="C329">
        <v>7.7722879999999996</v>
      </c>
      <c r="D329">
        <f t="shared" si="18"/>
        <v>1.6365699999999999</v>
      </c>
      <c r="E329">
        <f t="shared" si="16"/>
        <v>90.43928300000016</v>
      </c>
      <c r="F329">
        <f t="shared" si="17"/>
        <v>2.5397650376518411E-2</v>
      </c>
    </row>
    <row r="330" spans="1:6" x14ac:dyDescent="0.2">
      <c r="A330">
        <v>2176.3750300000002</v>
      </c>
      <c r="B330">
        <v>19.989442</v>
      </c>
      <c r="C330">
        <v>7.7772930000000002</v>
      </c>
      <c r="D330">
        <f t="shared" si="18"/>
        <v>1.6415750000000005</v>
      </c>
      <c r="E330">
        <f t="shared" si="16"/>
        <v>90.964153000000351</v>
      </c>
      <c r="F330">
        <f t="shared" si="17"/>
        <v>2.5461021052530085E-2</v>
      </c>
    </row>
    <row r="331" spans="1:6" x14ac:dyDescent="0.2">
      <c r="A331">
        <v>2177.155221</v>
      </c>
      <c r="B331">
        <v>19.958508999999999</v>
      </c>
      <c r="C331">
        <v>7.7822979999999999</v>
      </c>
      <c r="D331">
        <f t="shared" si="18"/>
        <v>1.6465800000000002</v>
      </c>
      <c r="E331">
        <f t="shared" si="16"/>
        <v>91.744344000000183</v>
      </c>
      <c r="F331">
        <f t="shared" si="17"/>
        <v>2.5592167549298626E-2</v>
      </c>
    </row>
    <row r="332" spans="1:6" x14ac:dyDescent="0.2">
      <c r="A332">
        <v>2177.4799950000001</v>
      </c>
      <c r="B332">
        <v>20.004009</v>
      </c>
      <c r="C332">
        <v>7.7873020000000004</v>
      </c>
      <c r="D332">
        <f t="shared" si="18"/>
        <v>1.6515840000000006</v>
      </c>
      <c r="E332">
        <f t="shared" si="16"/>
        <v>92.069118000000344</v>
      </c>
      <c r="F332">
        <f t="shared" si="17"/>
        <v>2.5601130421947314E-2</v>
      </c>
    </row>
    <row r="333" spans="1:6" x14ac:dyDescent="0.2">
      <c r="A333">
        <v>2177.4866889999998</v>
      </c>
      <c r="B333">
        <v>20.006920000000001</v>
      </c>
      <c r="C333">
        <v>7.7923070000000001</v>
      </c>
      <c r="D333">
        <f t="shared" si="18"/>
        <v>1.6565890000000003</v>
      </c>
      <c r="E333">
        <f t="shared" si="16"/>
        <v>92.075812000000042</v>
      </c>
      <c r="F333">
        <f t="shared" si="17"/>
        <v>2.5525559803417742E-2</v>
      </c>
    </row>
    <row r="334" spans="1:6" x14ac:dyDescent="0.2">
      <c r="A334">
        <v>2176.7354959999998</v>
      </c>
      <c r="B334">
        <v>20.021540000000002</v>
      </c>
      <c r="C334">
        <v>7.7973119999999998</v>
      </c>
      <c r="D334">
        <f t="shared" si="18"/>
        <v>1.661594</v>
      </c>
      <c r="E334">
        <f t="shared" si="16"/>
        <v>91.324618999999984</v>
      </c>
      <c r="F334">
        <f t="shared" si="17"/>
        <v>2.5249762319891976E-2</v>
      </c>
    </row>
    <row r="335" spans="1:6" x14ac:dyDescent="0.2">
      <c r="A335">
        <v>2175.6390809999998</v>
      </c>
      <c r="B335">
        <v>20.060670999999999</v>
      </c>
      <c r="C335">
        <v>7.8023170000000004</v>
      </c>
      <c r="D335">
        <f t="shared" si="18"/>
        <v>1.6665990000000006</v>
      </c>
      <c r="E335">
        <f t="shared" si="16"/>
        <v>90.228204000000005</v>
      </c>
      <c r="F335">
        <f t="shared" si="17"/>
        <v>2.488423788719862E-2</v>
      </c>
    </row>
    <row r="336" spans="1:6" x14ac:dyDescent="0.2">
      <c r="A336">
        <v>2173.3822850000001</v>
      </c>
      <c r="B336">
        <v>20.047556</v>
      </c>
      <c r="C336">
        <v>7.8073220000000001</v>
      </c>
      <c r="D336">
        <f t="shared" si="18"/>
        <v>1.6716040000000003</v>
      </c>
      <c r="E336">
        <f t="shared" si="16"/>
        <v>87.971408000000338</v>
      </c>
      <c r="F336">
        <f t="shared" si="17"/>
        <v>2.4214305558680375E-2</v>
      </c>
    </row>
    <row r="337" spans="1:6" x14ac:dyDescent="0.2">
      <c r="A337">
        <v>2171.0852300000001</v>
      </c>
      <c r="B337">
        <v>20.070955000000001</v>
      </c>
      <c r="C337">
        <v>7.8123259999999997</v>
      </c>
      <c r="D337">
        <f t="shared" si="18"/>
        <v>1.6766079999999999</v>
      </c>
      <c r="E337">
        <f t="shared" si="16"/>
        <v>85.674353000000337</v>
      </c>
      <c r="F337">
        <f t="shared" si="17"/>
        <v>2.3536529537124162E-2</v>
      </c>
    </row>
    <row r="338" spans="1:6" x14ac:dyDescent="0.2">
      <c r="A338">
        <v>2169.6333970000001</v>
      </c>
      <c r="B338">
        <v>20.038841999999999</v>
      </c>
      <c r="C338">
        <v>7.8173310000000003</v>
      </c>
      <c r="D338">
        <f t="shared" si="18"/>
        <v>1.6816130000000005</v>
      </c>
      <c r="E338">
        <f t="shared" si="16"/>
        <v>84.222520000000259</v>
      </c>
      <c r="F338">
        <f t="shared" si="17"/>
        <v>2.3084252619345838E-2</v>
      </c>
    </row>
    <row r="339" spans="1:6" x14ac:dyDescent="0.2">
      <c r="A339">
        <v>2167.87237</v>
      </c>
      <c r="B339">
        <v>20.032772999999999</v>
      </c>
      <c r="C339">
        <v>7.822336</v>
      </c>
      <c r="D339">
        <f t="shared" si="18"/>
        <v>1.6866180000000002</v>
      </c>
      <c r="E339">
        <f t="shared" si="16"/>
        <v>82.461493000000246</v>
      </c>
      <c r="F339">
        <f t="shared" si="17"/>
        <v>2.2552814743444935E-2</v>
      </c>
    </row>
    <row r="340" spans="1:6" x14ac:dyDescent="0.2">
      <c r="A340">
        <v>2166.0661690000002</v>
      </c>
      <c r="B340">
        <v>20.060365000000001</v>
      </c>
      <c r="C340">
        <v>7.8273409999999997</v>
      </c>
      <c r="D340">
        <f t="shared" si="18"/>
        <v>1.6916229999999999</v>
      </c>
      <c r="E340">
        <f t="shared" si="16"/>
        <v>80.655292000000372</v>
      </c>
      <c r="F340">
        <f t="shared" si="17"/>
        <v>2.2011901824827439E-2</v>
      </c>
    </row>
    <row r="341" spans="1:6" x14ac:dyDescent="0.2">
      <c r="A341">
        <v>2164.2238470000002</v>
      </c>
      <c r="B341">
        <v>20.044767</v>
      </c>
      <c r="C341">
        <v>7.8323460000000003</v>
      </c>
      <c r="D341">
        <f t="shared" si="18"/>
        <v>1.6966280000000005</v>
      </c>
      <c r="E341">
        <f t="shared" si="16"/>
        <v>78.812970000000405</v>
      </c>
      <c r="F341">
        <f t="shared" si="17"/>
        <v>2.1463912326336595E-2</v>
      </c>
    </row>
    <row r="342" spans="1:6" x14ac:dyDescent="0.2">
      <c r="A342">
        <v>2162.5018970000001</v>
      </c>
      <c r="B342">
        <v>20.081050000000001</v>
      </c>
      <c r="C342">
        <v>7.8373499999999998</v>
      </c>
      <c r="D342">
        <f t="shared" si="18"/>
        <v>1.701632</v>
      </c>
      <c r="E342">
        <f t="shared" si="16"/>
        <v>77.091020000000299</v>
      </c>
      <c r="F342">
        <f t="shared" si="17"/>
        <v>2.0949885355582253E-2</v>
      </c>
    </row>
    <row r="343" spans="1:6" x14ac:dyDescent="0.2">
      <c r="A343">
        <v>2161.3711069999999</v>
      </c>
      <c r="B343">
        <v>20.008548999999999</v>
      </c>
      <c r="C343">
        <v>7.8423550000000004</v>
      </c>
      <c r="D343">
        <f t="shared" si="18"/>
        <v>1.7066370000000006</v>
      </c>
      <c r="E343">
        <f t="shared" si="16"/>
        <v>75.960230000000138</v>
      </c>
      <c r="F343">
        <f t="shared" si="17"/>
        <v>2.0592817590753515E-2</v>
      </c>
    </row>
    <row r="344" spans="1:6" x14ac:dyDescent="0.2">
      <c r="A344">
        <v>2160.961069</v>
      </c>
      <c r="B344">
        <v>19.971952000000002</v>
      </c>
      <c r="C344">
        <v>7.8473600000000001</v>
      </c>
      <c r="D344">
        <f t="shared" si="18"/>
        <v>1.7116420000000003</v>
      </c>
      <c r="E344">
        <f t="shared" si="16"/>
        <v>75.550192000000152</v>
      </c>
      <c r="F344">
        <f t="shared" si="17"/>
        <v>2.0425641018822365E-2</v>
      </c>
    </row>
    <row r="345" spans="1:6" x14ac:dyDescent="0.2">
      <c r="A345">
        <v>2161.7560979999998</v>
      </c>
      <c r="B345">
        <v>19.991693000000001</v>
      </c>
      <c r="C345">
        <v>7.8523649999999998</v>
      </c>
      <c r="D345">
        <f t="shared" si="18"/>
        <v>1.716647</v>
      </c>
      <c r="E345">
        <f t="shared" si="16"/>
        <v>76.345221000000038</v>
      </c>
      <c r="F345">
        <f t="shared" si="17"/>
        <v>2.0572836045053271E-2</v>
      </c>
    </row>
    <row r="346" spans="1:6" x14ac:dyDescent="0.2">
      <c r="A346">
        <v>2162.6975430000002</v>
      </c>
      <c r="B346">
        <v>19.962513999999999</v>
      </c>
      <c r="C346">
        <v>7.8573700000000004</v>
      </c>
      <c r="D346">
        <f t="shared" si="18"/>
        <v>1.7216520000000006</v>
      </c>
      <c r="E346">
        <f t="shared" si="16"/>
        <v>77.286666000000423</v>
      </c>
      <c r="F346">
        <f t="shared" si="17"/>
        <v>2.0756944054923971E-2</v>
      </c>
    </row>
    <row r="347" spans="1:6" x14ac:dyDescent="0.2">
      <c r="A347">
        <v>2163.495144</v>
      </c>
      <c r="B347">
        <v>19.977166</v>
      </c>
      <c r="C347">
        <v>7.862374</v>
      </c>
      <c r="D347">
        <f t="shared" si="18"/>
        <v>1.7266560000000002</v>
      </c>
      <c r="E347">
        <f t="shared" si="16"/>
        <v>78.084267000000182</v>
      </c>
      <c r="F347">
        <f t="shared" si="17"/>
        <v>2.0902671286244907E-2</v>
      </c>
    </row>
    <row r="348" spans="1:6" x14ac:dyDescent="0.2">
      <c r="A348">
        <v>2164.7878730000002</v>
      </c>
      <c r="B348">
        <v>19.940764999999999</v>
      </c>
      <c r="C348">
        <v>7.8673789999999997</v>
      </c>
      <c r="D348">
        <f t="shared" si="18"/>
        <v>1.7316609999999999</v>
      </c>
      <c r="E348">
        <f t="shared" si="16"/>
        <v>79.376996000000418</v>
      </c>
      <c r="F348">
        <f t="shared" si="17"/>
        <v>2.1174659568012E-2</v>
      </c>
    </row>
    <row r="349" spans="1:6" x14ac:dyDescent="0.2">
      <c r="A349">
        <v>2166.6415310000002</v>
      </c>
      <c r="B349">
        <v>19.916743</v>
      </c>
      <c r="C349">
        <v>7.8723840000000003</v>
      </c>
      <c r="D349">
        <f t="shared" si="18"/>
        <v>1.7366660000000005</v>
      </c>
      <c r="E349">
        <f t="shared" si="16"/>
        <v>81.230654000000413</v>
      </c>
      <c r="F349">
        <f t="shared" si="17"/>
        <v>2.1588207530272682E-2</v>
      </c>
    </row>
    <row r="350" spans="1:6" x14ac:dyDescent="0.2">
      <c r="A350">
        <v>2169.091496</v>
      </c>
      <c r="B350">
        <v>19.930447999999998</v>
      </c>
      <c r="C350">
        <v>7.877389</v>
      </c>
      <c r="D350">
        <f t="shared" si="18"/>
        <v>1.7416710000000002</v>
      </c>
      <c r="E350">
        <f t="shared" si="16"/>
        <v>83.680619000000206</v>
      </c>
      <c r="F350">
        <f t="shared" si="17"/>
        <v>2.215036524229012E-2</v>
      </c>
    </row>
    <row r="351" spans="1:6" x14ac:dyDescent="0.2">
      <c r="A351">
        <v>2171.6850890000001</v>
      </c>
      <c r="B351">
        <v>19.908238000000001</v>
      </c>
      <c r="C351">
        <v>7.8823939999999997</v>
      </c>
      <c r="D351">
        <f t="shared" si="18"/>
        <v>1.7466759999999999</v>
      </c>
      <c r="E351">
        <f t="shared" si="16"/>
        <v>86.274212000000261</v>
      </c>
      <c r="F351">
        <f t="shared" si="17"/>
        <v>2.2744259349839552E-2</v>
      </c>
    </row>
    <row r="352" spans="1:6" x14ac:dyDescent="0.2">
      <c r="A352">
        <v>2173.5655080000001</v>
      </c>
      <c r="B352">
        <v>19.969503</v>
      </c>
      <c r="C352">
        <v>7.8873980000000001</v>
      </c>
      <c r="D352">
        <f t="shared" si="18"/>
        <v>1.7516800000000003</v>
      </c>
      <c r="E352">
        <f t="shared" si="16"/>
        <v>88.154631000000336</v>
      </c>
      <c r="F352">
        <f t="shared" si="17"/>
        <v>2.3153552050892479E-2</v>
      </c>
    </row>
    <row r="353" spans="1:6" x14ac:dyDescent="0.2">
      <c r="A353">
        <v>2175.0796690000002</v>
      </c>
      <c r="B353">
        <v>19.964015</v>
      </c>
      <c r="C353">
        <v>7.8924029999999998</v>
      </c>
      <c r="D353">
        <f t="shared" si="18"/>
        <v>1.7566850000000001</v>
      </c>
      <c r="E353">
        <f t="shared" si="16"/>
        <v>89.668792000000394</v>
      </c>
      <c r="F353">
        <f t="shared" si="17"/>
        <v>2.3467793450428556E-2</v>
      </c>
    </row>
    <row r="354" spans="1:6" x14ac:dyDescent="0.2">
      <c r="A354">
        <v>2176.2004459999998</v>
      </c>
      <c r="B354">
        <v>19.951625</v>
      </c>
      <c r="C354">
        <v>7.8974080000000004</v>
      </c>
      <c r="D354">
        <f t="shared" si="18"/>
        <v>1.7616900000000006</v>
      </c>
      <c r="E354">
        <f t="shared" si="16"/>
        <v>90.789569000000029</v>
      </c>
      <c r="F354">
        <f t="shared" si="17"/>
        <v>2.368141073205976E-2</v>
      </c>
    </row>
    <row r="355" spans="1:6" x14ac:dyDescent="0.2">
      <c r="A355">
        <v>2176.5443030000001</v>
      </c>
      <c r="B355">
        <v>20.003464999999998</v>
      </c>
      <c r="C355">
        <v>7.9024130000000001</v>
      </c>
      <c r="D355">
        <f t="shared" si="18"/>
        <v>1.7666950000000003</v>
      </c>
      <c r="E355">
        <f t="shared" si="16"/>
        <v>91.133426000000327</v>
      </c>
      <c r="F355">
        <f t="shared" si="17"/>
        <v>2.3700014168994206E-2</v>
      </c>
    </row>
    <row r="356" spans="1:6" x14ac:dyDescent="0.2">
      <c r="A356">
        <v>2176.5120040000002</v>
      </c>
      <c r="B356">
        <v>20.009447999999999</v>
      </c>
      <c r="C356">
        <v>7.9074179999999998</v>
      </c>
      <c r="D356">
        <f t="shared" si="18"/>
        <v>1.7717000000000001</v>
      </c>
      <c r="E356">
        <f t="shared" si="16"/>
        <v>91.101127000000361</v>
      </c>
      <c r="F356">
        <f t="shared" si="17"/>
        <v>2.3625037018853361E-2</v>
      </c>
    </row>
    <row r="357" spans="1:6" x14ac:dyDescent="0.2">
      <c r="A357">
        <v>2176.1485339999999</v>
      </c>
      <c r="B357">
        <v>20.011305</v>
      </c>
      <c r="C357">
        <v>7.9124220000000003</v>
      </c>
      <c r="D357">
        <f t="shared" si="18"/>
        <v>1.7767040000000005</v>
      </c>
      <c r="E357">
        <f t="shared" si="16"/>
        <v>90.737657000000127</v>
      </c>
      <c r="F357">
        <f t="shared" si="17"/>
        <v>2.346842507070478E-2</v>
      </c>
    </row>
    <row r="358" spans="1:6" x14ac:dyDescent="0.2">
      <c r="A358">
        <v>2175.7208540000001</v>
      </c>
      <c r="B358">
        <v>20.0215</v>
      </c>
      <c r="C358">
        <v>7.917427</v>
      </c>
      <c r="D358">
        <f t="shared" si="18"/>
        <v>1.7817090000000002</v>
      </c>
      <c r="E358">
        <f t="shared" si="16"/>
        <v>90.309977000000345</v>
      </c>
      <c r="F358">
        <f t="shared" si="17"/>
        <v>2.3296773830547721E-2</v>
      </c>
    </row>
    <row r="359" spans="1:6" x14ac:dyDescent="0.2">
      <c r="A359">
        <v>2175.2247069999999</v>
      </c>
      <c r="B359">
        <v>20.01069</v>
      </c>
      <c r="C359">
        <v>7.9224319999999997</v>
      </c>
      <c r="D359">
        <f t="shared" si="18"/>
        <v>1.7867139999999999</v>
      </c>
      <c r="E359">
        <f t="shared" si="16"/>
        <v>89.813830000000053</v>
      </c>
      <c r="F359">
        <f t="shared" si="17"/>
        <v>2.3109154113311031E-2</v>
      </c>
    </row>
    <row r="360" spans="1:6" x14ac:dyDescent="0.2">
      <c r="A360">
        <v>2174.1279100000002</v>
      </c>
      <c r="B360">
        <v>20.045373000000001</v>
      </c>
      <c r="C360">
        <v>7.9274370000000003</v>
      </c>
      <c r="D360">
        <f t="shared" si="18"/>
        <v>1.7917190000000005</v>
      </c>
      <c r="E360">
        <f t="shared" si="16"/>
        <v>88.717033000000356</v>
      </c>
      <c r="F360">
        <f t="shared" si="17"/>
        <v>2.2774666112074168E-2</v>
      </c>
    </row>
    <row r="361" spans="1:6" x14ac:dyDescent="0.2">
      <c r="A361">
        <v>2172.5113769999998</v>
      </c>
      <c r="B361">
        <v>20.050588000000001</v>
      </c>
      <c r="C361">
        <v>7.932442</v>
      </c>
      <c r="D361">
        <f t="shared" si="18"/>
        <v>1.7967240000000002</v>
      </c>
      <c r="E361">
        <f t="shared" si="16"/>
        <v>87.100500000000011</v>
      </c>
      <c r="F361">
        <f t="shared" si="17"/>
        <v>2.2313989256740701E-2</v>
      </c>
    </row>
    <row r="362" spans="1:6" x14ac:dyDescent="0.2">
      <c r="A362">
        <v>2170.614928</v>
      </c>
      <c r="B362">
        <v>20.027273000000001</v>
      </c>
      <c r="C362">
        <v>7.9374459999999996</v>
      </c>
      <c r="D362">
        <f t="shared" si="18"/>
        <v>1.8017279999999998</v>
      </c>
      <c r="E362">
        <f t="shared" si="16"/>
        <v>85.204051000000163</v>
      </c>
      <c r="F362">
        <f t="shared" si="17"/>
        <v>2.1786538321913927E-2</v>
      </c>
    </row>
    <row r="363" spans="1:6" x14ac:dyDescent="0.2">
      <c r="A363">
        <v>2169.2931600000002</v>
      </c>
      <c r="B363">
        <v>20.028631000000001</v>
      </c>
      <c r="C363">
        <v>7.9424510000000001</v>
      </c>
      <c r="D363">
        <f t="shared" si="18"/>
        <v>1.8067330000000004</v>
      </c>
      <c r="E363">
        <f t="shared" si="16"/>
        <v>83.882283000000371</v>
      </c>
      <c r="F363">
        <f t="shared" si="17"/>
        <v>2.1402180286164793E-2</v>
      </c>
    </row>
    <row r="364" spans="1:6" x14ac:dyDescent="0.2">
      <c r="A364">
        <v>2168.8567309999999</v>
      </c>
      <c r="B364">
        <v>19.994717000000001</v>
      </c>
      <c r="C364">
        <v>7.9474559999999999</v>
      </c>
      <c r="D364">
        <f t="shared" si="18"/>
        <v>1.8117380000000001</v>
      </c>
      <c r="E364">
        <f t="shared" si="16"/>
        <v>83.445854000000054</v>
      </c>
      <c r="F364">
        <f t="shared" si="17"/>
        <v>2.1236283067347747E-2</v>
      </c>
    </row>
    <row r="365" spans="1:6" x14ac:dyDescent="0.2">
      <c r="A365">
        <v>2169.1692250000001</v>
      </c>
      <c r="B365">
        <v>19.990069999999999</v>
      </c>
      <c r="C365">
        <v>7.9524609999999996</v>
      </c>
      <c r="D365">
        <f t="shared" si="18"/>
        <v>1.8167429999999998</v>
      </c>
      <c r="E365">
        <f t="shared" si="16"/>
        <v>83.758348000000296</v>
      </c>
      <c r="F365">
        <f t="shared" si="17"/>
        <v>2.1254024320967374E-2</v>
      </c>
    </row>
    <row r="366" spans="1:6" x14ac:dyDescent="0.2">
      <c r="A366">
        <v>2169.422051</v>
      </c>
      <c r="B366">
        <v>19.989099</v>
      </c>
      <c r="C366">
        <v>7.9574660000000002</v>
      </c>
      <c r="D366">
        <f t="shared" si="18"/>
        <v>1.8217480000000004</v>
      </c>
      <c r="E366">
        <f t="shared" si="16"/>
        <v>84.01117400000021</v>
      </c>
      <c r="F366">
        <f t="shared" si="17"/>
        <v>2.1257133601915692E-2</v>
      </c>
    </row>
    <row r="367" spans="1:6" x14ac:dyDescent="0.2">
      <c r="A367">
        <v>2168.9561389999999</v>
      </c>
      <c r="B367">
        <v>20.012757000000001</v>
      </c>
      <c r="C367">
        <v>7.9624699999999997</v>
      </c>
      <c r="D367">
        <f t="shared" si="18"/>
        <v>1.8267519999999999</v>
      </c>
      <c r="E367">
        <f t="shared" si="16"/>
        <v>83.545262000000093</v>
      </c>
      <c r="F367">
        <f t="shared" si="17"/>
        <v>2.1085867059781736E-2</v>
      </c>
    </row>
    <row r="368" spans="1:6" x14ac:dyDescent="0.2">
      <c r="A368">
        <v>2168.7381559999999</v>
      </c>
      <c r="B368">
        <v>20.022617</v>
      </c>
      <c r="C368">
        <v>7.9674750000000003</v>
      </c>
      <c r="D368">
        <f t="shared" si="18"/>
        <v>1.8317570000000005</v>
      </c>
      <c r="E368">
        <f t="shared" si="16"/>
        <v>83.32727900000009</v>
      </c>
      <c r="F368">
        <f t="shared" si="17"/>
        <v>2.0975495082564521E-2</v>
      </c>
    </row>
    <row r="369" spans="1:6" x14ac:dyDescent="0.2">
      <c r="A369">
        <v>2168.5921739999999</v>
      </c>
      <c r="B369">
        <v>19.979310999999999</v>
      </c>
      <c r="C369">
        <v>7.97248</v>
      </c>
      <c r="D369">
        <f t="shared" si="18"/>
        <v>1.8367620000000002</v>
      </c>
      <c r="E369">
        <f t="shared" si="16"/>
        <v>83.181297000000086</v>
      </c>
      <c r="F369">
        <f t="shared" si="17"/>
        <v>2.0883097481731987E-2</v>
      </c>
    </row>
    <row r="370" spans="1:6" x14ac:dyDescent="0.2">
      <c r="A370">
        <v>2169.1275810000002</v>
      </c>
      <c r="B370">
        <v>19.964570999999999</v>
      </c>
      <c r="C370">
        <v>7.9774849999999997</v>
      </c>
      <c r="D370">
        <f t="shared" si="18"/>
        <v>1.8417669999999999</v>
      </c>
      <c r="E370">
        <f t="shared" si="16"/>
        <v>83.716704000000391</v>
      </c>
      <c r="F370">
        <f t="shared" si="17"/>
        <v>2.0955225453986648E-2</v>
      </c>
    </row>
    <row r="371" spans="1:6" x14ac:dyDescent="0.2">
      <c r="A371">
        <v>2170.1023949999999</v>
      </c>
      <c r="B371">
        <v>19.977262</v>
      </c>
      <c r="C371">
        <v>7.9824900000000003</v>
      </c>
      <c r="D371">
        <f t="shared" si="18"/>
        <v>1.8467720000000005</v>
      </c>
      <c r="E371">
        <f t="shared" si="16"/>
        <v>84.691518000000087</v>
      </c>
      <c r="F371">
        <f t="shared" si="17"/>
        <v>2.1132282587748259E-2</v>
      </c>
    </row>
    <row r="372" spans="1:6" x14ac:dyDescent="0.2">
      <c r="A372">
        <v>2170.3077389999999</v>
      </c>
      <c r="B372">
        <v>19.987803</v>
      </c>
      <c r="C372">
        <v>7.9874939999999999</v>
      </c>
      <c r="D372">
        <f t="shared" si="18"/>
        <v>1.8517760000000001</v>
      </c>
      <c r="E372">
        <f t="shared" si="16"/>
        <v>84.896862000000056</v>
      </c>
      <c r="F372">
        <f t="shared" si="17"/>
        <v>2.1124277684598732E-2</v>
      </c>
    </row>
    <row r="373" spans="1:6" x14ac:dyDescent="0.2">
      <c r="A373">
        <v>2170.4492970000001</v>
      </c>
      <c r="B373">
        <v>19.995235999999998</v>
      </c>
      <c r="C373">
        <v>7.9924989999999996</v>
      </c>
      <c r="D373">
        <f t="shared" si="18"/>
        <v>1.8567809999999998</v>
      </c>
      <c r="E373">
        <f t="shared" si="16"/>
        <v>85.038420000000315</v>
      </c>
      <c r="F373">
        <f t="shared" si="17"/>
        <v>2.1101088264578759E-2</v>
      </c>
    </row>
    <row r="374" spans="1:6" x14ac:dyDescent="0.2">
      <c r="A374">
        <v>2170.5171780000001</v>
      </c>
      <c r="B374">
        <v>20.017272999999999</v>
      </c>
      <c r="C374">
        <v>7.9975040000000002</v>
      </c>
      <c r="D374">
        <f t="shared" si="18"/>
        <v>1.8617860000000004</v>
      </c>
      <c r="E374">
        <f t="shared" si="16"/>
        <v>85.106301000000258</v>
      </c>
      <c r="F374">
        <f t="shared" si="17"/>
        <v>2.1060502420444448E-2</v>
      </c>
    </row>
    <row r="375" spans="1:6" x14ac:dyDescent="0.2">
      <c r="A375">
        <v>2169.2304049999998</v>
      </c>
      <c r="B375">
        <v>20.039798000000001</v>
      </c>
      <c r="C375">
        <v>8.0025089999999999</v>
      </c>
      <c r="D375">
        <f t="shared" si="18"/>
        <v>1.8667910000000001</v>
      </c>
      <c r="E375">
        <f t="shared" si="16"/>
        <v>83.819527999999991</v>
      </c>
      <c r="F375">
        <f t="shared" si="17"/>
        <v>2.0698736190208684E-2</v>
      </c>
    </row>
    <row r="376" spans="1:6" x14ac:dyDescent="0.2">
      <c r="A376">
        <v>2168.268411</v>
      </c>
      <c r="B376">
        <v>20.024298000000002</v>
      </c>
      <c r="C376">
        <v>8.0075140000000005</v>
      </c>
      <c r="D376">
        <f t="shared" si="18"/>
        <v>1.8717960000000007</v>
      </c>
      <c r="E376">
        <f t="shared" si="16"/>
        <v>82.857534000000214</v>
      </c>
      <c r="F376">
        <f t="shared" si="17"/>
        <v>2.0415519995207895E-2</v>
      </c>
    </row>
    <row r="377" spans="1:6" x14ac:dyDescent="0.2">
      <c r="A377">
        <v>2168.2659859999999</v>
      </c>
      <c r="B377">
        <v>19.973019000000001</v>
      </c>
      <c r="C377">
        <v>8.012518</v>
      </c>
      <c r="D377">
        <f t="shared" si="18"/>
        <v>1.8768000000000002</v>
      </c>
      <c r="E377">
        <f t="shared" si="16"/>
        <v>82.855109000000084</v>
      </c>
      <c r="F377">
        <f t="shared" si="17"/>
        <v>2.0360514172057597E-2</v>
      </c>
    </row>
    <row r="378" spans="1:6" x14ac:dyDescent="0.2">
      <c r="A378">
        <v>2169.1063380000001</v>
      </c>
      <c r="B378">
        <v>19.978000000000002</v>
      </c>
      <c r="C378">
        <v>8.0175230000000006</v>
      </c>
      <c r="D378">
        <f t="shared" si="18"/>
        <v>1.8818050000000008</v>
      </c>
      <c r="E378">
        <f t="shared" si="16"/>
        <v>83.69546100000025</v>
      </c>
      <c r="F378">
        <f t="shared" si="17"/>
        <v>2.0504370675331649E-2</v>
      </c>
    </row>
    <row r="379" spans="1:6" x14ac:dyDescent="0.2">
      <c r="A379">
        <v>2169.5105309999999</v>
      </c>
      <c r="B379">
        <v>19.995864999999998</v>
      </c>
      <c r="C379">
        <v>8.0225279999999994</v>
      </c>
      <c r="D379">
        <f t="shared" si="18"/>
        <v>1.8868099999999997</v>
      </c>
      <c r="E379">
        <f t="shared" si="16"/>
        <v>84.0996540000001</v>
      </c>
      <c r="F379">
        <f t="shared" si="17"/>
        <v>2.0544911610138925E-2</v>
      </c>
    </row>
    <row r="380" spans="1:6" x14ac:dyDescent="0.2">
      <c r="A380">
        <v>2169.017452</v>
      </c>
      <c r="B380">
        <v>20.017700999999999</v>
      </c>
      <c r="C380">
        <v>8.027533</v>
      </c>
      <c r="D380">
        <f t="shared" si="18"/>
        <v>1.8918150000000002</v>
      </c>
      <c r="E380">
        <f t="shared" si="16"/>
        <v>83.606575000000248</v>
      </c>
      <c r="F380">
        <f t="shared" si="17"/>
        <v>2.0375051804682302E-2</v>
      </c>
    </row>
    <row r="381" spans="1:6" x14ac:dyDescent="0.2">
      <c r="A381">
        <v>2168.5573559999998</v>
      </c>
      <c r="B381">
        <v>19.999504999999999</v>
      </c>
      <c r="C381">
        <v>8.0325380000000006</v>
      </c>
      <c r="D381">
        <f t="shared" si="18"/>
        <v>1.8968200000000008</v>
      </c>
      <c r="E381">
        <f t="shared" si="16"/>
        <v>83.146478999999999</v>
      </c>
      <c r="F381">
        <f t="shared" si="17"/>
        <v>2.0213747176588786E-2</v>
      </c>
    </row>
    <row r="382" spans="1:6" x14ac:dyDescent="0.2">
      <c r="A382">
        <v>2168.6753319999998</v>
      </c>
      <c r="B382">
        <v>19.988489000000001</v>
      </c>
      <c r="C382">
        <v>8.0375420000000002</v>
      </c>
      <c r="D382">
        <f t="shared" si="18"/>
        <v>1.9018240000000004</v>
      </c>
      <c r="E382">
        <f t="shared" si="16"/>
        <v>83.264454999999998</v>
      </c>
      <c r="F382">
        <f t="shared" si="17"/>
        <v>2.0188069006843588E-2</v>
      </c>
    </row>
    <row r="383" spans="1:6" x14ac:dyDescent="0.2">
      <c r="A383">
        <v>2168.8210199999999</v>
      </c>
      <c r="B383">
        <v>19.997654000000001</v>
      </c>
      <c r="C383">
        <v>8.0425470000000008</v>
      </c>
      <c r="D383">
        <f t="shared" si="18"/>
        <v>1.906829000000001</v>
      </c>
      <c r="E383">
        <f t="shared" si="16"/>
        <v>83.410143000000062</v>
      </c>
      <c r="F383">
        <f t="shared" si="17"/>
        <v>2.0168955313800738E-2</v>
      </c>
    </row>
    <row r="384" spans="1:6" x14ac:dyDescent="0.2">
      <c r="A384">
        <v>2169.1392729999998</v>
      </c>
      <c r="B384">
        <v>19.973604999999999</v>
      </c>
      <c r="C384">
        <v>8.0475519999999996</v>
      </c>
      <c r="D384">
        <f t="shared" si="18"/>
        <v>1.9118339999999998</v>
      </c>
      <c r="E384">
        <f t="shared" si="16"/>
        <v>83.728395999999975</v>
      </c>
      <c r="F384">
        <f t="shared" si="17"/>
        <v>2.0189945802815971E-2</v>
      </c>
    </row>
    <row r="385" spans="1:6" x14ac:dyDescent="0.2">
      <c r="A385">
        <v>2169.6070690000001</v>
      </c>
      <c r="B385">
        <v>19.989151</v>
      </c>
      <c r="C385">
        <v>8.0525570000000002</v>
      </c>
      <c r="D385">
        <f t="shared" si="18"/>
        <v>1.9168390000000004</v>
      </c>
      <c r="E385">
        <f t="shared" si="16"/>
        <v>84.196192000000337</v>
      </c>
      <c r="F385">
        <f t="shared" si="17"/>
        <v>2.0245370344820934E-2</v>
      </c>
    </row>
    <row r="386" spans="1:6" x14ac:dyDescent="0.2">
      <c r="A386">
        <v>2169.7641610000001</v>
      </c>
      <c r="B386">
        <v>20.004688000000002</v>
      </c>
      <c r="C386">
        <v>8.0575620000000008</v>
      </c>
      <c r="D386">
        <f t="shared" si="18"/>
        <v>1.921844000000001</v>
      </c>
      <c r="E386">
        <f t="shared" si="16"/>
        <v>84.353284000000258</v>
      </c>
      <c r="F386">
        <f t="shared" si="17"/>
        <v>2.0228856393829573E-2</v>
      </c>
    </row>
    <row r="387" spans="1:6" x14ac:dyDescent="0.2">
      <c r="A387">
        <v>2169.5743710000002</v>
      </c>
      <c r="B387">
        <v>19.999866000000001</v>
      </c>
      <c r="C387">
        <v>8.0625660000000003</v>
      </c>
      <c r="D387">
        <f t="shared" si="18"/>
        <v>1.9268480000000006</v>
      </c>
      <c r="E387">
        <f t="shared" ref="E387:E408" si="19">A387-$A$2</f>
        <v>84.163494000000355</v>
      </c>
      <c r="F387">
        <f t="shared" ref="F387:F408" si="20">(1/A387)*(E387/D387)</f>
        <v>2.013268776558387E-2</v>
      </c>
    </row>
    <row r="388" spans="1:6" x14ac:dyDescent="0.2">
      <c r="A388">
        <v>2169.6319050000002</v>
      </c>
      <c r="B388">
        <v>19.986530999999999</v>
      </c>
      <c r="C388">
        <v>8.0675709999999992</v>
      </c>
      <c r="D388">
        <f t="shared" si="18"/>
        <v>1.9318529999999994</v>
      </c>
      <c r="E388">
        <f t="shared" si="19"/>
        <v>84.221028000000388</v>
      </c>
      <c r="F388">
        <f t="shared" si="20"/>
        <v>2.009372261781717E-2</v>
      </c>
    </row>
    <row r="389" spans="1:6" x14ac:dyDescent="0.2">
      <c r="A389">
        <v>2170.0024950000002</v>
      </c>
      <c r="B389">
        <v>19.977644999999999</v>
      </c>
      <c r="C389">
        <v>8.0725759999999998</v>
      </c>
      <c r="D389">
        <f t="shared" si="18"/>
        <v>1.936858</v>
      </c>
      <c r="E389">
        <f t="shared" si="19"/>
        <v>84.591618000000381</v>
      </c>
      <c r="F389">
        <f t="shared" si="20"/>
        <v>2.0126549092277707E-2</v>
      </c>
    </row>
    <row r="390" spans="1:6" x14ac:dyDescent="0.2">
      <c r="A390">
        <v>2170.475238</v>
      </c>
      <c r="B390">
        <v>19.983384000000001</v>
      </c>
      <c r="C390">
        <v>8.0775810000000003</v>
      </c>
      <c r="D390">
        <f t="shared" si="18"/>
        <v>1.9418630000000006</v>
      </c>
      <c r="E390">
        <f t="shared" si="19"/>
        <v>85.06436100000019</v>
      </c>
      <c r="F390">
        <f t="shared" si="20"/>
        <v>2.0182465631318189E-2</v>
      </c>
    </row>
    <row r="391" spans="1:6" x14ac:dyDescent="0.2">
      <c r="A391">
        <v>2171.359144</v>
      </c>
      <c r="B391">
        <v>19.972543999999999</v>
      </c>
      <c r="C391">
        <v>8.0825859999999992</v>
      </c>
      <c r="D391">
        <f t="shared" ref="D391:D408" si="21">C391-$C$2</f>
        <v>1.9468679999999994</v>
      </c>
      <c r="E391">
        <f t="shared" si="19"/>
        <v>85.948267000000214</v>
      </c>
      <c r="F391">
        <f t="shared" si="20"/>
        <v>2.0331478217349961E-2</v>
      </c>
    </row>
    <row r="392" spans="1:6" x14ac:dyDescent="0.2">
      <c r="A392">
        <v>2172.2408639999999</v>
      </c>
      <c r="B392">
        <v>19.969611</v>
      </c>
      <c r="C392">
        <v>8.0875900000000005</v>
      </c>
      <c r="D392">
        <f t="shared" si="21"/>
        <v>1.9518720000000007</v>
      </c>
      <c r="E392">
        <f t="shared" si="19"/>
        <v>86.829987000000074</v>
      </c>
      <c r="F392">
        <f t="shared" si="20"/>
        <v>2.0479079058907345E-2</v>
      </c>
    </row>
    <row r="393" spans="1:6" x14ac:dyDescent="0.2">
      <c r="A393">
        <v>2171.995422</v>
      </c>
      <c r="B393">
        <v>20.015446000000001</v>
      </c>
      <c r="C393">
        <v>8.0925949999999993</v>
      </c>
      <c r="D393">
        <f t="shared" si="21"/>
        <v>1.9568769999999995</v>
      </c>
      <c r="E393">
        <f t="shared" si="19"/>
        <v>86.584545000000162</v>
      </c>
      <c r="F393">
        <f t="shared" si="20"/>
        <v>2.0371262484730271E-2</v>
      </c>
    </row>
    <row r="394" spans="1:6" x14ac:dyDescent="0.2">
      <c r="A394">
        <v>2171.9582690000002</v>
      </c>
      <c r="B394">
        <v>19.994057000000002</v>
      </c>
      <c r="C394">
        <v>8.0975999999999999</v>
      </c>
      <c r="D394">
        <f t="shared" si="21"/>
        <v>1.9618820000000001</v>
      </c>
      <c r="E394">
        <f t="shared" si="19"/>
        <v>86.5473920000004</v>
      </c>
      <c r="F394">
        <f t="shared" si="20"/>
        <v>2.0310921432027982E-2</v>
      </c>
    </row>
    <row r="395" spans="1:6" x14ac:dyDescent="0.2">
      <c r="A395">
        <v>2172.2804270000001</v>
      </c>
      <c r="B395">
        <v>19.983255</v>
      </c>
      <c r="C395">
        <v>8.1026050000000005</v>
      </c>
      <c r="D395">
        <f t="shared" si="21"/>
        <v>1.9668870000000007</v>
      </c>
      <c r="E395">
        <f t="shared" si="19"/>
        <v>86.869550000000345</v>
      </c>
      <c r="F395">
        <f t="shared" si="20"/>
        <v>2.0331633516531149E-2</v>
      </c>
    </row>
    <row r="396" spans="1:6" x14ac:dyDescent="0.2">
      <c r="A396">
        <v>2173.342361</v>
      </c>
      <c r="B396">
        <v>19.959244999999999</v>
      </c>
      <c r="C396">
        <v>8.1076099999999993</v>
      </c>
      <c r="D396">
        <f t="shared" si="21"/>
        <v>1.9718919999999995</v>
      </c>
      <c r="E396">
        <f t="shared" si="19"/>
        <v>87.931484000000182</v>
      </c>
      <c r="F396">
        <f t="shared" si="20"/>
        <v>2.0517910574578205E-2</v>
      </c>
    </row>
    <row r="397" spans="1:6" x14ac:dyDescent="0.2">
      <c r="A397">
        <v>2173.6312950000001</v>
      </c>
      <c r="B397">
        <v>20.006240999999999</v>
      </c>
      <c r="C397">
        <v>8.1126140000000007</v>
      </c>
      <c r="D397">
        <f t="shared" si="21"/>
        <v>1.9768960000000009</v>
      </c>
      <c r="E397">
        <f t="shared" si="19"/>
        <v>88.220418000000336</v>
      </c>
      <c r="F397">
        <f t="shared" si="20"/>
        <v>2.0530494514979417E-2</v>
      </c>
    </row>
    <row r="398" spans="1:6" x14ac:dyDescent="0.2">
      <c r="A398">
        <v>2173.6175400000002</v>
      </c>
      <c r="B398">
        <v>19.998106</v>
      </c>
      <c r="C398">
        <v>8.1176189999999995</v>
      </c>
      <c r="D398">
        <f t="shared" si="21"/>
        <v>1.9819009999999997</v>
      </c>
      <c r="E398">
        <f t="shared" si="19"/>
        <v>88.20666300000039</v>
      </c>
      <c r="F398">
        <f t="shared" si="20"/>
        <v>2.0475584382533055E-2</v>
      </c>
    </row>
    <row r="399" spans="1:6" x14ac:dyDescent="0.2">
      <c r="A399">
        <v>2173.8705599999998</v>
      </c>
      <c r="B399">
        <v>19.997757</v>
      </c>
      <c r="C399">
        <v>8.1226240000000001</v>
      </c>
      <c r="D399">
        <f t="shared" si="21"/>
        <v>1.9869060000000003</v>
      </c>
      <c r="E399">
        <f t="shared" si="19"/>
        <v>88.459683000000041</v>
      </c>
      <c r="F399">
        <f t="shared" si="20"/>
        <v>2.0480208627994868E-2</v>
      </c>
    </row>
    <row r="400" spans="1:6" x14ac:dyDescent="0.2">
      <c r="A400">
        <v>2173.2593539999998</v>
      </c>
      <c r="B400">
        <v>20.015460000000001</v>
      </c>
      <c r="C400">
        <v>8.1276290000000007</v>
      </c>
      <c r="D400">
        <f t="shared" si="21"/>
        <v>1.9919110000000009</v>
      </c>
      <c r="E400">
        <f t="shared" si="19"/>
        <v>87.848477000000003</v>
      </c>
      <c r="F400">
        <f t="shared" si="20"/>
        <v>2.029330343434994E-2</v>
      </c>
    </row>
    <row r="401" spans="1:7" x14ac:dyDescent="0.2">
      <c r="A401">
        <v>2171.9755300000002</v>
      </c>
      <c r="B401">
        <v>20.039745</v>
      </c>
      <c r="C401">
        <v>8.1326339999999995</v>
      </c>
      <c r="D401">
        <f t="shared" si="21"/>
        <v>1.9969159999999997</v>
      </c>
      <c r="E401">
        <f t="shared" si="19"/>
        <v>86.564653000000362</v>
      </c>
      <c r="F401">
        <f t="shared" si="20"/>
        <v>1.9958406677611708E-2</v>
      </c>
    </row>
    <row r="402" spans="1:7" x14ac:dyDescent="0.2">
      <c r="A402">
        <v>2170.934769</v>
      </c>
      <c r="B402">
        <v>20.027307</v>
      </c>
      <c r="C402">
        <v>8.1376380000000008</v>
      </c>
      <c r="D402">
        <f t="shared" si="21"/>
        <v>2.001920000000001</v>
      </c>
      <c r="E402">
        <f t="shared" si="19"/>
        <v>85.52389200000016</v>
      </c>
      <c r="F402">
        <f t="shared" si="20"/>
        <v>1.9678589386235377E-2</v>
      </c>
    </row>
    <row r="403" spans="1:7" x14ac:dyDescent="0.2">
      <c r="A403">
        <v>2170.1394599999999</v>
      </c>
      <c r="B403">
        <v>19.967683000000001</v>
      </c>
      <c r="C403">
        <v>8.1426429999999996</v>
      </c>
      <c r="D403">
        <f t="shared" si="21"/>
        <v>2.0069249999999998</v>
      </c>
      <c r="E403">
        <f t="shared" si="19"/>
        <v>84.728583000000071</v>
      </c>
      <c r="F403">
        <f t="shared" si="20"/>
        <v>1.9454100562578402E-2</v>
      </c>
    </row>
    <row r="404" spans="1:7" x14ac:dyDescent="0.2">
      <c r="A404">
        <v>2169.812786</v>
      </c>
      <c r="B404">
        <v>19.979126000000001</v>
      </c>
      <c r="C404">
        <v>8.1476480000000002</v>
      </c>
      <c r="D404">
        <f t="shared" si="21"/>
        <v>2.0119300000000004</v>
      </c>
      <c r="E404">
        <f t="shared" si="19"/>
        <v>84.40190900000016</v>
      </c>
      <c r="F404">
        <f t="shared" si="20"/>
        <v>1.9333796323366383E-2</v>
      </c>
    </row>
    <row r="405" spans="1:7" x14ac:dyDescent="0.2">
      <c r="A405">
        <v>2168.802756</v>
      </c>
      <c r="B405">
        <v>19.960768000000002</v>
      </c>
      <c r="C405">
        <v>8.1526530000000008</v>
      </c>
      <c r="D405">
        <f t="shared" si="21"/>
        <v>2.016935000000001</v>
      </c>
      <c r="E405">
        <f t="shared" si="19"/>
        <v>83.391879000000245</v>
      </c>
      <c r="F405">
        <f t="shared" si="20"/>
        <v>1.9063902171459028E-2</v>
      </c>
    </row>
    <row r="406" spans="1:7" x14ac:dyDescent="0.2">
      <c r="A406">
        <v>2167.560418</v>
      </c>
      <c r="B406">
        <v>19.930125</v>
      </c>
      <c r="C406">
        <v>8.1576579999999996</v>
      </c>
      <c r="D406">
        <f t="shared" si="21"/>
        <v>2.0219399999999998</v>
      </c>
      <c r="E406">
        <f t="shared" si="19"/>
        <v>82.149541000000227</v>
      </c>
      <c r="F406">
        <f t="shared" si="20"/>
        <v>1.8744146307998193E-2</v>
      </c>
    </row>
    <row r="407" spans="1:7" x14ac:dyDescent="0.2">
      <c r="A407">
        <v>2167.129277</v>
      </c>
      <c r="B407">
        <v>19.907254999999999</v>
      </c>
      <c r="C407">
        <v>8.1626619999999992</v>
      </c>
      <c r="D407">
        <f t="shared" si="21"/>
        <v>2.0269439999999994</v>
      </c>
      <c r="E407">
        <f t="shared" si="19"/>
        <v>81.718400000000202</v>
      </c>
      <c r="F407">
        <f t="shared" si="20"/>
        <v>1.8603441170051992E-2</v>
      </c>
    </row>
    <row r="408" spans="1:7" x14ac:dyDescent="0.2">
      <c r="A408" s="1">
        <v>2166.5701159999999</v>
      </c>
      <c r="B408" s="1">
        <v>19.899184000000002</v>
      </c>
      <c r="C408" s="1">
        <v>8.1676669999999998</v>
      </c>
      <c r="D408">
        <f t="shared" si="21"/>
        <v>2.031949</v>
      </c>
      <c r="E408">
        <f t="shared" si="19"/>
        <v>81.159239000000071</v>
      </c>
      <c r="F408">
        <f t="shared" si="20"/>
        <v>1.8435393597293612E-2</v>
      </c>
    </row>
    <row r="409" spans="1:7" s="1" customFormat="1" ht="15" x14ac:dyDescent="0.25">
      <c r="A409">
        <f>MAX(A3:A408)</f>
        <v>2177.5201950000001</v>
      </c>
      <c r="B409" s="9" t="s">
        <v>16</v>
      </c>
      <c r="D409"/>
      <c r="E409"/>
      <c r="F409"/>
      <c r="G409"/>
    </row>
    <row r="410" spans="1:7" s="1" customFormat="1" ht="15" x14ac:dyDescent="0.25">
      <c r="A410" s="1">
        <f>MIN(A2:A408)</f>
        <v>2085.4108769999998</v>
      </c>
      <c r="B410" s="9" t="s">
        <v>17</v>
      </c>
      <c r="D410"/>
      <c r="E410"/>
      <c r="F410"/>
      <c r="G410"/>
    </row>
    <row r="411" spans="1:7" s="1" customFormat="1" x14ac:dyDescent="0.2">
      <c r="D411"/>
      <c r="E411"/>
      <c r="F411"/>
      <c r="G411"/>
    </row>
    <row r="412" spans="1:7" x14ac:dyDescent="0.2">
      <c r="A412" t="s">
        <v>20</v>
      </c>
      <c r="C412" s="14">
        <f>E408/A410</f>
        <v>3.8917625248388918E-2</v>
      </c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13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2127.8105930000002</v>
      </c>
      <c r="B2">
        <v>19.916381999999999</v>
      </c>
      <c r="C2">
        <v>6.0557309999999998</v>
      </c>
      <c r="D2">
        <f>C2-$C$2</f>
        <v>0</v>
      </c>
      <c r="E2">
        <f>A2-$A$2</f>
        <v>0</v>
      </c>
      <c r="G2" s="3">
        <f>(A410-A411)/A410</f>
        <v>4.9246901196491159E-2</v>
      </c>
    </row>
    <row r="3" spans="1:7" x14ac:dyDescent="0.2">
      <c r="A3">
        <v>2129.6819919999998</v>
      </c>
      <c r="B3">
        <v>19.972207000000001</v>
      </c>
      <c r="C3">
        <v>6.0607360000000003</v>
      </c>
      <c r="D3">
        <f t="shared" ref="D3:D6" si="0">C3-$C$2</f>
        <v>5.0050000000005923E-3</v>
      </c>
      <c r="E3">
        <f t="shared" ref="E3:E6" si="1">A3-$A$2</f>
        <v>1.8713989999996556</v>
      </c>
      <c r="F3">
        <f t="shared" ref="F3:F66" si="2">(1/A3)*(E3/D3)</f>
        <v>0.17556888564129863</v>
      </c>
      <c r="G3" s="4">
        <f>G2*100</f>
        <v>4.9246901196491155</v>
      </c>
    </row>
    <row r="4" spans="1:7" x14ac:dyDescent="0.2">
      <c r="A4">
        <v>2130.4011070000001</v>
      </c>
      <c r="B4">
        <v>19.965993000000001</v>
      </c>
      <c r="C4">
        <v>6.065741</v>
      </c>
      <c r="D4">
        <f t="shared" si="0"/>
        <v>1.0010000000000296E-2</v>
      </c>
      <c r="E4">
        <f t="shared" si="1"/>
        <v>2.5905139999999847</v>
      </c>
      <c r="F4">
        <f t="shared" si="2"/>
        <v>0.12147600118224976</v>
      </c>
    </row>
    <row r="5" spans="1:7" x14ac:dyDescent="0.2">
      <c r="A5">
        <v>2131.3698599999998</v>
      </c>
      <c r="B5">
        <v>19.970766000000001</v>
      </c>
      <c r="C5">
        <v>6.0707459999999998</v>
      </c>
      <c r="D5">
        <f t="shared" si="0"/>
        <v>1.5015000000000001E-2</v>
      </c>
      <c r="E5">
        <f t="shared" si="1"/>
        <v>3.559266999999636</v>
      </c>
      <c r="F5">
        <f t="shared" si="2"/>
        <v>0.11121834070009558</v>
      </c>
    </row>
    <row r="6" spans="1:7" x14ac:dyDescent="0.2">
      <c r="A6">
        <v>2132.5394609999998</v>
      </c>
      <c r="B6">
        <v>19.970413000000001</v>
      </c>
      <c r="C6">
        <v>6.0757500000000002</v>
      </c>
      <c r="D6">
        <f t="shared" si="0"/>
        <v>2.0019000000000453E-2</v>
      </c>
      <c r="E6">
        <f t="shared" si="1"/>
        <v>4.728867999999693</v>
      </c>
      <c r="F6">
        <f t="shared" si="2"/>
        <v>0.11076887264109556</v>
      </c>
    </row>
    <row r="7" spans="1:7" x14ac:dyDescent="0.2">
      <c r="A7">
        <v>2134.0521600000002</v>
      </c>
      <c r="B7">
        <v>19.928643999999998</v>
      </c>
      <c r="C7">
        <v>6.0807549999999999</v>
      </c>
      <c r="D7">
        <f t="shared" ref="D7:D70" si="3">C7-$C$2</f>
        <v>2.5024000000000157E-2</v>
      </c>
      <c r="E7">
        <f t="shared" ref="E7:E70" si="4">A7-$A$2</f>
        <v>6.2415670000000318</v>
      </c>
      <c r="F7">
        <f t="shared" si="2"/>
        <v>0.11687775883399769</v>
      </c>
    </row>
    <row r="8" spans="1:7" x14ac:dyDescent="0.2">
      <c r="A8">
        <v>2135.5926519999998</v>
      </c>
      <c r="B8">
        <v>19.953627999999998</v>
      </c>
      <c r="C8">
        <v>6.0857599999999996</v>
      </c>
      <c r="D8">
        <f t="shared" si="3"/>
        <v>3.0028999999999861E-2</v>
      </c>
      <c r="E8">
        <f t="shared" si="4"/>
        <v>7.7820589999996628</v>
      </c>
      <c r="F8">
        <f t="shared" si="2"/>
        <v>0.12134872881874303</v>
      </c>
    </row>
    <row r="9" spans="1:7" x14ac:dyDescent="0.2">
      <c r="A9">
        <v>2136.1958890000001</v>
      </c>
      <c r="B9">
        <v>19.988287</v>
      </c>
      <c r="C9">
        <v>6.0907650000000002</v>
      </c>
      <c r="D9">
        <f t="shared" si="3"/>
        <v>3.5034000000000454E-2</v>
      </c>
      <c r="E9">
        <f t="shared" si="4"/>
        <v>8.3852959999999257</v>
      </c>
      <c r="F9">
        <f t="shared" si="2"/>
        <v>0.1120437400270306</v>
      </c>
    </row>
    <row r="10" spans="1:7" x14ac:dyDescent="0.2">
      <c r="A10">
        <v>2136.5074140000002</v>
      </c>
      <c r="B10">
        <v>19.986868999999999</v>
      </c>
      <c r="C10">
        <v>6.0957699999999999</v>
      </c>
      <c r="D10">
        <f t="shared" si="3"/>
        <v>4.0039000000000158E-2</v>
      </c>
      <c r="E10">
        <f t="shared" si="4"/>
        <v>8.6968209999999999</v>
      </c>
      <c r="F10">
        <f t="shared" si="2"/>
        <v>0.10166533710525599</v>
      </c>
    </row>
    <row r="11" spans="1:7" x14ac:dyDescent="0.2">
      <c r="A11">
        <v>2137.041479</v>
      </c>
      <c r="B11">
        <v>19.967379999999999</v>
      </c>
      <c r="C11">
        <v>6.1007740000000004</v>
      </c>
      <c r="D11">
        <f t="shared" si="3"/>
        <v>4.504300000000061E-2</v>
      </c>
      <c r="E11">
        <f t="shared" si="4"/>
        <v>9.2308859999998276</v>
      </c>
      <c r="F11">
        <f t="shared" si="2"/>
        <v>9.5896581915515949E-2</v>
      </c>
    </row>
    <row r="12" spans="1:7" x14ac:dyDescent="0.2">
      <c r="A12">
        <v>2138.0362420000001</v>
      </c>
      <c r="B12">
        <v>19.964293000000001</v>
      </c>
      <c r="C12">
        <v>6.1057790000000001</v>
      </c>
      <c r="D12">
        <f t="shared" si="3"/>
        <v>5.0048000000000314E-2</v>
      </c>
      <c r="E12">
        <f t="shared" si="4"/>
        <v>10.225648999999976</v>
      </c>
      <c r="F12">
        <f t="shared" si="2"/>
        <v>9.5562849601870378E-2</v>
      </c>
    </row>
    <row r="13" spans="1:7" x14ac:dyDescent="0.2">
      <c r="A13">
        <v>2139.4242479999998</v>
      </c>
      <c r="B13">
        <v>19.945384000000001</v>
      </c>
      <c r="C13">
        <v>6.1107839999999998</v>
      </c>
      <c r="D13">
        <f t="shared" si="3"/>
        <v>5.5053000000000019E-2</v>
      </c>
      <c r="E13">
        <f t="shared" si="4"/>
        <v>11.613654999999653</v>
      </c>
      <c r="F13">
        <f t="shared" si="2"/>
        <v>9.8603201684017247E-2</v>
      </c>
    </row>
    <row r="14" spans="1:7" x14ac:dyDescent="0.2">
      <c r="A14">
        <v>2140.3604209999999</v>
      </c>
      <c r="B14">
        <v>19.987003999999999</v>
      </c>
      <c r="C14">
        <v>6.1157890000000004</v>
      </c>
      <c r="D14">
        <f t="shared" si="3"/>
        <v>6.0058000000000611E-2</v>
      </c>
      <c r="E14">
        <f t="shared" si="4"/>
        <v>12.549827999999707</v>
      </c>
      <c r="F14">
        <f t="shared" si="2"/>
        <v>9.762925979178165E-2</v>
      </c>
    </row>
    <row r="15" spans="1:7" x14ac:dyDescent="0.2">
      <c r="A15">
        <v>2141.087419</v>
      </c>
      <c r="B15">
        <v>19.977799000000001</v>
      </c>
      <c r="C15">
        <v>6.1207940000000001</v>
      </c>
      <c r="D15">
        <f t="shared" si="3"/>
        <v>6.5063000000000315E-2</v>
      </c>
      <c r="E15">
        <f t="shared" si="4"/>
        <v>13.276825999999801</v>
      </c>
      <c r="F15">
        <f t="shared" si="2"/>
        <v>9.5307215133206419E-2</v>
      </c>
    </row>
    <row r="16" spans="1:7" x14ac:dyDescent="0.2">
      <c r="A16">
        <v>2142.2901590000001</v>
      </c>
      <c r="B16">
        <v>19.953372000000002</v>
      </c>
      <c r="C16">
        <v>6.1257979999999996</v>
      </c>
      <c r="D16">
        <f t="shared" si="3"/>
        <v>7.0066999999999879E-2</v>
      </c>
      <c r="E16">
        <f t="shared" si="4"/>
        <v>14.479565999999977</v>
      </c>
      <c r="F16">
        <f t="shared" si="2"/>
        <v>9.6463658485339832E-2</v>
      </c>
    </row>
    <row r="17" spans="1:6" x14ac:dyDescent="0.2">
      <c r="A17">
        <v>2143.2451350000001</v>
      </c>
      <c r="B17">
        <v>19.955660000000002</v>
      </c>
      <c r="C17">
        <v>6.1308030000000002</v>
      </c>
      <c r="D17">
        <f t="shared" si="3"/>
        <v>7.5072000000000472E-2</v>
      </c>
      <c r="E17">
        <f t="shared" si="4"/>
        <v>15.434541999999965</v>
      </c>
      <c r="F17">
        <f t="shared" si="2"/>
        <v>9.592767402851704E-2</v>
      </c>
    </row>
    <row r="18" spans="1:6" x14ac:dyDescent="0.2">
      <c r="A18">
        <v>2144.576583</v>
      </c>
      <c r="B18">
        <v>19.956575999999998</v>
      </c>
      <c r="C18">
        <v>6.1358079999999999</v>
      </c>
      <c r="D18">
        <f t="shared" si="3"/>
        <v>8.0077000000000176E-2</v>
      </c>
      <c r="E18">
        <f t="shared" si="4"/>
        <v>16.765989999999874</v>
      </c>
      <c r="F18">
        <f t="shared" si="2"/>
        <v>9.762922658360175E-2</v>
      </c>
    </row>
    <row r="19" spans="1:6" x14ac:dyDescent="0.2">
      <c r="A19">
        <v>2146.3558539999999</v>
      </c>
      <c r="B19">
        <v>19.925616999999999</v>
      </c>
      <c r="C19">
        <v>6.1408129999999996</v>
      </c>
      <c r="D19">
        <f t="shared" si="3"/>
        <v>8.508199999999988E-2</v>
      </c>
      <c r="E19">
        <f t="shared" si="4"/>
        <v>18.545260999999755</v>
      </c>
      <c r="F19">
        <f t="shared" si="2"/>
        <v>0.10155318119229451</v>
      </c>
    </row>
    <row r="20" spans="1:6" x14ac:dyDescent="0.2">
      <c r="A20">
        <v>2147.8402369999999</v>
      </c>
      <c r="B20">
        <v>19.94773</v>
      </c>
      <c r="C20">
        <v>6.1458180000000002</v>
      </c>
      <c r="D20">
        <f t="shared" si="3"/>
        <v>9.0087000000000472E-2</v>
      </c>
      <c r="E20">
        <f t="shared" si="4"/>
        <v>20.029643999999735</v>
      </c>
      <c r="F20">
        <f t="shared" si="2"/>
        <v>0.10351639322042037</v>
      </c>
    </row>
    <row r="21" spans="1:6" x14ac:dyDescent="0.2">
      <c r="A21">
        <v>2149.3045379999999</v>
      </c>
      <c r="B21">
        <v>19.969617</v>
      </c>
      <c r="C21">
        <v>6.1508219999999998</v>
      </c>
      <c r="D21">
        <f t="shared" si="3"/>
        <v>9.5091000000000037E-2</v>
      </c>
      <c r="E21">
        <f t="shared" si="4"/>
        <v>21.493944999999712</v>
      </c>
      <c r="F21">
        <f t="shared" si="2"/>
        <v>0.10516682507597777</v>
      </c>
    </row>
    <row r="22" spans="1:6" x14ac:dyDescent="0.2">
      <c r="A22">
        <v>2150.3043830000001</v>
      </c>
      <c r="B22">
        <v>19.981373000000001</v>
      </c>
      <c r="C22">
        <v>6.1558270000000004</v>
      </c>
      <c r="D22">
        <f t="shared" si="3"/>
        <v>0.10009600000000063</v>
      </c>
      <c r="E22">
        <f t="shared" si="4"/>
        <v>22.49378999999999</v>
      </c>
      <c r="F22">
        <f t="shared" si="2"/>
        <v>0.10450714256854458</v>
      </c>
    </row>
    <row r="23" spans="1:6" x14ac:dyDescent="0.2">
      <c r="A23">
        <v>2150.5849840000001</v>
      </c>
      <c r="B23">
        <v>19.984729999999999</v>
      </c>
      <c r="C23">
        <v>6.1608320000000001</v>
      </c>
      <c r="D23">
        <f t="shared" si="3"/>
        <v>0.10510100000000033</v>
      </c>
      <c r="E23">
        <f t="shared" si="4"/>
        <v>22.774390999999923</v>
      </c>
      <c r="F23">
        <f t="shared" si="2"/>
        <v>0.10075887624429516</v>
      </c>
    </row>
    <row r="24" spans="1:6" x14ac:dyDescent="0.2">
      <c r="A24">
        <v>2151.3847179999998</v>
      </c>
      <c r="B24">
        <v>19.943062999999999</v>
      </c>
      <c r="C24">
        <v>6.1658369999999998</v>
      </c>
      <c r="D24">
        <f t="shared" si="3"/>
        <v>0.11010600000000004</v>
      </c>
      <c r="E24">
        <f t="shared" si="4"/>
        <v>23.57412499999964</v>
      </c>
      <c r="F24">
        <f t="shared" si="2"/>
        <v>9.9519117696202281E-2</v>
      </c>
    </row>
    <row r="25" spans="1:6" x14ac:dyDescent="0.2">
      <c r="A25">
        <v>2153.2434400000002</v>
      </c>
      <c r="B25">
        <v>19.950417000000002</v>
      </c>
      <c r="C25">
        <v>6.1708420000000004</v>
      </c>
      <c r="D25">
        <f t="shared" si="3"/>
        <v>0.11511100000000063</v>
      </c>
      <c r="E25">
        <f t="shared" si="4"/>
        <v>25.432847000000038</v>
      </c>
      <c r="F25">
        <f t="shared" si="2"/>
        <v>0.10260889697956561</v>
      </c>
    </row>
    <row r="26" spans="1:6" x14ac:dyDescent="0.2">
      <c r="A26">
        <v>2155.3115240000002</v>
      </c>
      <c r="B26">
        <v>19.933551000000001</v>
      </c>
      <c r="C26">
        <v>6.1758459999999999</v>
      </c>
      <c r="D26">
        <f t="shared" si="3"/>
        <v>0.12011500000000019</v>
      </c>
      <c r="E26">
        <f t="shared" si="4"/>
        <v>27.500931000000037</v>
      </c>
      <c r="F26">
        <f t="shared" si="2"/>
        <v>0.10622826780853416</v>
      </c>
    </row>
    <row r="27" spans="1:6" x14ac:dyDescent="0.2">
      <c r="A27">
        <v>2157.145454</v>
      </c>
      <c r="B27">
        <v>19.934191999999999</v>
      </c>
      <c r="C27">
        <v>6.1808509999999997</v>
      </c>
      <c r="D27">
        <f t="shared" si="3"/>
        <v>0.1251199999999999</v>
      </c>
      <c r="E27">
        <f t="shared" si="4"/>
        <v>29.334860999999819</v>
      </c>
      <c r="F27">
        <f t="shared" si="2"/>
        <v>0.10868706693162666</v>
      </c>
    </row>
    <row r="28" spans="1:6" x14ac:dyDescent="0.2">
      <c r="A28">
        <v>2158.6400779999999</v>
      </c>
      <c r="B28">
        <v>19.955563999999999</v>
      </c>
      <c r="C28">
        <v>6.1858560000000002</v>
      </c>
      <c r="D28">
        <f t="shared" si="3"/>
        <v>0.13012500000000049</v>
      </c>
      <c r="E28">
        <f t="shared" si="4"/>
        <v>30.82948499999975</v>
      </c>
      <c r="F28">
        <f t="shared" si="2"/>
        <v>0.10975524699210698</v>
      </c>
    </row>
    <row r="29" spans="1:6" x14ac:dyDescent="0.2">
      <c r="A29">
        <v>2159.6609509999998</v>
      </c>
      <c r="B29">
        <v>19.983433999999999</v>
      </c>
      <c r="C29">
        <v>6.1908609999999999</v>
      </c>
      <c r="D29">
        <f t="shared" si="3"/>
        <v>0.13513000000000019</v>
      </c>
      <c r="E29">
        <f t="shared" si="4"/>
        <v>31.850357999999687</v>
      </c>
      <c r="F29">
        <f t="shared" si="2"/>
        <v>0.10913824494158764</v>
      </c>
    </row>
    <row r="30" spans="1:6" x14ac:dyDescent="0.2">
      <c r="A30">
        <v>2160.0242229999999</v>
      </c>
      <c r="B30">
        <v>19.997014</v>
      </c>
      <c r="C30">
        <v>6.1958659999999997</v>
      </c>
      <c r="D30">
        <f t="shared" si="3"/>
        <v>0.1401349999999999</v>
      </c>
      <c r="E30">
        <f t="shared" si="4"/>
        <v>32.213629999999739</v>
      </c>
      <c r="F30">
        <f t="shared" si="2"/>
        <v>0.10642273769430573</v>
      </c>
    </row>
    <row r="31" spans="1:6" x14ac:dyDescent="0.2">
      <c r="A31">
        <v>2160.116051</v>
      </c>
      <c r="B31">
        <v>19.979835000000001</v>
      </c>
      <c r="C31">
        <v>6.2008700000000001</v>
      </c>
      <c r="D31">
        <f t="shared" si="3"/>
        <v>0.14513900000000035</v>
      </c>
      <c r="E31">
        <f t="shared" si="4"/>
        <v>32.305457999999817</v>
      </c>
      <c r="F31">
        <f t="shared" si="2"/>
        <v>0.10304209785528792</v>
      </c>
    </row>
    <row r="32" spans="1:6" x14ac:dyDescent="0.2">
      <c r="A32">
        <v>2160.3263579999998</v>
      </c>
      <c r="B32">
        <v>19.983695999999998</v>
      </c>
      <c r="C32">
        <v>6.2058749999999998</v>
      </c>
      <c r="D32">
        <f t="shared" si="3"/>
        <v>0.15014400000000006</v>
      </c>
      <c r="E32">
        <f t="shared" si="4"/>
        <v>32.515764999999647</v>
      </c>
      <c r="F32">
        <f t="shared" si="2"/>
        <v>0.1002459024554116</v>
      </c>
    </row>
    <row r="33" spans="1:6" x14ac:dyDescent="0.2">
      <c r="A33">
        <v>2160.5880339999999</v>
      </c>
      <c r="B33">
        <v>19.995835</v>
      </c>
      <c r="C33">
        <v>6.2108800000000004</v>
      </c>
      <c r="D33">
        <f t="shared" si="3"/>
        <v>0.15514900000000065</v>
      </c>
      <c r="E33">
        <f t="shared" si="4"/>
        <v>32.777440999999726</v>
      </c>
      <c r="F33">
        <f t="shared" si="2"/>
        <v>9.7780915039200694E-2</v>
      </c>
    </row>
    <row r="34" spans="1:6" x14ac:dyDescent="0.2">
      <c r="A34">
        <v>2160.2527100000002</v>
      </c>
      <c r="B34">
        <v>20.011210999999999</v>
      </c>
      <c r="C34">
        <v>6.2158850000000001</v>
      </c>
      <c r="D34">
        <f t="shared" si="3"/>
        <v>0.16015400000000035</v>
      </c>
      <c r="E34">
        <f t="shared" si="4"/>
        <v>32.442117000000053</v>
      </c>
      <c r="F34">
        <f t="shared" si="2"/>
        <v>9.3770630798293605E-2</v>
      </c>
    </row>
    <row r="35" spans="1:6" x14ac:dyDescent="0.2">
      <c r="A35">
        <v>2159.0515489999998</v>
      </c>
      <c r="B35">
        <v>20.058367000000001</v>
      </c>
      <c r="C35">
        <v>6.2208899999999998</v>
      </c>
      <c r="D35">
        <f t="shared" si="3"/>
        <v>0.16515900000000006</v>
      </c>
      <c r="E35">
        <f t="shared" si="4"/>
        <v>31.240955999999642</v>
      </c>
      <c r="F35">
        <f t="shared" si="2"/>
        <v>8.7611085035162239E-2</v>
      </c>
    </row>
    <row r="36" spans="1:6" x14ac:dyDescent="0.2">
      <c r="A36">
        <v>2158.5406010000002</v>
      </c>
      <c r="B36">
        <v>19.991779000000001</v>
      </c>
      <c r="C36">
        <v>6.2258940000000003</v>
      </c>
      <c r="D36">
        <f t="shared" si="3"/>
        <v>0.17016300000000051</v>
      </c>
      <c r="E36">
        <f t="shared" si="4"/>
        <v>30.730007999999998</v>
      </c>
      <c r="F36">
        <f t="shared" si="2"/>
        <v>8.3663748267994359E-2</v>
      </c>
    </row>
    <row r="37" spans="1:6" x14ac:dyDescent="0.2">
      <c r="A37">
        <v>2159.2568379999998</v>
      </c>
      <c r="B37">
        <v>19.955249999999999</v>
      </c>
      <c r="C37">
        <v>6.230899</v>
      </c>
      <c r="D37">
        <f t="shared" si="3"/>
        <v>0.17516800000000021</v>
      </c>
      <c r="E37">
        <f t="shared" si="4"/>
        <v>31.446244999999635</v>
      </c>
      <c r="F37">
        <f t="shared" si="2"/>
        <v>8.3139942290681904E-2</v>
      </c>
    </row>
    <row r="38" spans="1:6" x14ac:dyDescent="0.2">
      <c r="A38">
        <v>2159.9026279999998</v>
      </c>
      <c r="B38">
        <v>19.980267999999999</v>
      </c>
      <c r="C38">
        <v>6.2359039999999997</v>
      </c>
      <c r="D38">
        <f t="shared" si="3"/>
        <v>0.18017299999999992</v>
      </c>
      <c r="E38">
        <f t="shared" si="4"/>
        <v>32.092034999999669</v>
      </c>
      <c r="F38">
        <f t="shared" si="2"/>
        <v>8.2465704675277765E-2</v>
      </c>
    </row>
    <row r="39" spans="1:6" x14ac:dyDescent="0.2">
      <c r="A39">
        <v>2159.1855799999998</v>
      </c>
      <c r="B39">
        <v>20.050481999999999</v>
      </c>
      <c r="C39">
        <v>6.2409090000000003</v>
      </c>
      <c r="D39">
        <f t="shared" si="3"/>
        <v>0.18517800000000051</v>
      </c>
      <c r="E39">
        <f t="shared" si="4"/>
        <v>31.374986999999692</v>
      </c>
      <c r="F39">
        <f t="shared" si="2"/>
        <v>7.8470097851590453E-2</v>
      </c>
    </row>
    <row r="40" spans="1:6" x14ac:dyDescent="0.2">
      <c r="A40">
        <v>2157.5379800000001</v>
      </c>
      <c r="B40">
        <v>20.048164</v>
      </c>
      <c r="C40">
        <v>6.245914</v>
      </c>
      <c r="D40">
        <f t="shared" si="3"/>
        <v>0.19018300000000021</v>
      </c>
      <c r="E40">
        <f t="shared" si="4"/>
        <v>29.727386999999908</v>
      </c>
      <c r="F40">
        <f t="shared" si="2"/>
        <v>7.244803216147748E-2</v>
      </c>
    </row>
    <row r="41" spans="1:6" x14ac:dyDescent="0.2">
      <c r="A41">
        <v>2156.5413640000002</v>
      </c>
      <c r="B41">
        <v>20.02928</v>
      </c>
      <c r="C41">
        <v>6.2509180000000004</v>
      </c>
      <c r="D41">
        <f t="shared" si="3"/>
        <v>0.19518700000000067</v>
      </c>
      <c r="E41">
        <f t="shared" si="4"/>
        <v>28.730771000000004</v>
      </c>
      <c r="F41">
        <f t="shared" si="2"/>
        <v>6.8255648754254869E-2</v>
      </c>
    </row>
    <row r="42" spans="1:6" x14ac:dyDescent="0.2">
      <c r="A42">
        <v>2156.694751</v>
      </c>
      <c r="B42">
        <v>19.961001</v>
      </c>
      <c r="C42">
        <v>6.2559230000000001</v>
      </c>
      <c r="D42">
        <f t="shared" si="3"/>
        <v>0.20019200000000037</v>
      </c>
      <c r="E42">
        <f t="shared" si="4"/>
        <v>28.884157999999843</v>
      </c>
      <c r="F42">
        <f t="shared" si="2"/>
        <v>6.689972187545204E-2</v>
      </c>
    </row>
    <row r="43" spans="1:6" x14ac:dyDescent="0.2">
      <c r="A43">
        <v>2157.2960210000001</v>
      </c>
      <c r="B43">
        <v>19.995018999999999</v>
      </c>
      <c r="C43">
        <v>6.2609279999999998</v>
      </c>
      <c r="D43">
        <f t="shared" si="3"/>
        <v>0.20519700000000007</v>
      </c>
      <c r="E43">
        <f t="shared" si="4"/>
        <v>29.485427999999956</v>
      </c>
      <c r="F43">
        <f t="shared" si="2"/>
        <v>6.6608044964937885E-2</v>
      </c>
    </row>
    <row r="44" spans="1:6" x14ac:dyDescent="0.2">
      <c r="A44">
        <v>2157.6078969999999</v>
      </c>
      <c r="B44">
        <v>20.010636999999999</v>
      </c>
      <c r="C44">
        <v>6.2659330000000004</v>
      </c>
      <c r="D44">
        <f t="shared" si="3"/>
        <v>0.21020200000000067</v>
      </c>
      <c r="E44">
        <f t="shared" si="4"/>
        <v>29.797303999999713</v>
      </c>
      <c r="F44">
        <f t="shared" si="2"/>
        <v>6.5700338161674962E-2</v>
      </c>
    </row>
    <row r="45" spans="1:6" x14ac:dyDescent="0.2">
      <c r="A45">
        <v>2156.941073</v>
      </c>
      <c r="B45">
        <v>19.996167</v>
      </c>
      <c r="C45">
        <v>6.2709380000000001</v>
      </c>
      <c r="D45">
        <f t="shared" si="3"/>
        <v>0.21520700000000037</v>
      </c>
      <c r="E45">
        <f t="shared" si="4"/>
        <v>29.130479999999807</v>
      </c>
      <c r="F45">
        <f t="shared" si="2"/>
        <v>6.275566946457313E-2</v>
      </c>
    </row>
    <row r="46" spans="1:6" x14ac:dyDescent="0.2">
      <c r="A46">
        <v>2156.7510699999998</v>
      </c>
      <c r="B46">
        <v>20.006913999999998</v>
      </c>
      <c r="C46">
        <v>6.2759419999999997</v>
      </c>
      <c r="D46">
        <f t="shared" si="3"/>
        <v>0.22021099999999993</v>
      </c>
      <c r="E46">
        <f t="shared" si="4"/>
        <v>28.940476999999646</v>
      </c>
      <c r="F46">
        <f t="shared" si="2"/>
        <v>6.093497729760948E-2</v>
      </c>
    </row>
    <row r="47" spans="1:6" x14ac:dyDescent="0.2">
      <c r="A47">
        <v>2157.2995839999999</v>
      </c>
      <c r="B47">
        <v>19.956992</v>
      </c>
      <c r="C47">
        <v>6.2809470000000003</v>
      </c>
      <c r="D47">
        <f t="shared" si="3"/>
        <v>0.22521600000000053</v>
      </c>
      <c r="E47">
        <f t="shared" si="4"/>
        <v>29.488990999999714</v>
      </c>
      <c r="F47">
        <f t="shared" si="2"/>
        <v>6.0694622188528752E-2</v>
      </c>
    </row>
    <row r="48" spans="1:6" x14ac:dyDescent="0.2">
      <c r="A48">
        <v>2158.5491780000002</v>
      </c>
      <c r="B48">
        <v>19.935832000000001</v>
      </c>
      <c r="C48">
        <v>6.285952</v>
      </c>
      <c r="D48">
        <f t="shared" si="3"/>
        <v>0.23022100000000023</v>
      </c>
      <c r="E48">
        <f t="shared" si="4"/>
        <v>30.738585000000057</v>
      </c>
      <c r="F48">
        <f t="shared" si="2"/>
        <v>6.1855310028653535E-2</v>
      </c>
    </row>
    <row r="49" spans="1:6" x14ac:dyDescent="0.2">
      <c r="A49">
        <v>2160.3220289999999</v>
      </c>
      <c r="B49">
        <v>19.952686</v>
      </c>
      <c r="C49">
        <v>6.2909569999999997</v>
      </c>
      <c r="D49">
        <f t="shared" si="3"/>
        <v>0.23522599999999994</v>
      </c>
      <c r="E49">
        <f t="shared" si="4"/>
        <v>32.511435999999776</v>
      </c>
      <c r="F49">
        <f t="shared" si="2"/>
        <v>6.3978246755074533E-2</v>
      </c>
    </row>
    <row r="50" spans="1:6" x14ac:dyDescent="0.2">
      <c r="A50">
        <v>2162.5151930000002</v>
      </c>
      <c r="B50">
        <v>19.915994999999999</v>
      </c>
      <c r="C50">
        <v>6.2959620000000003</v>
      </c>
      <c r="D50">
        <f t="shared" si="3"/>
        <v>0.24023100000000053</v>
      </c>
      <c r="E50">
        <f t="shared" si="4"/>
        <v>34.704600000000028</v>
      </c>
      <c r="F50">
        <f t="shared" si="2"/>
        <v>6.6803439991182711E-2</v>
      </c>
    </row>
    <row r="51" spans="1:6" x14ac:dyDescent="0.2">
      <c r="A51">
        <v>2165.0552280000002</v>
      </c>
      <c r="B51">
        <v>19.90381</v>
      </c>
      <c r="C51">
        <v>6.3009659999999998</v>
      </c>
      <c r="D51">
        <f t="shared" si="3"/>
        <v>0.24523500000000009</v>
      </c>
      <c r="E51">
        <f t="shared" si="4"/>
        <v>37.244635000000017</v>
      </c>
      <c r="F51">
        <f t="shared" si="2"/>
        <v>7.0147514976571915E-2</v>
      </c>
    </row>
    <row r="52" spans="1:6" x14ac:dyDescent="0.2">
      <c r="A52">
        <v>2167.5492789999998</v>
      </c>
      <c r="B52">
        <v>19.934498999999999</v>
      </c>
      <c r="C52">
        <v>6.3059710000000004</v>
      </c>
      <c r="D52">
        <f t="shared" si="3"/>
        <v>0.25024000000000068</v>
      </c>
      <c r="E52">
        <f t="shared" si="4"/>
        <v>39.738685999999689</v>
      </c>
      <c r="F52">
        <f t="shared" si="2"/>
        <v>7.32635217738698E-2</v>
      </c>
    </row>
    <row r="53" spans="1:6" x14ac:dyDescent="0.2">
      <c r="A53">
        <v>2169.7494550000001</v>
      </c>
      <c r="B53">
        <v>19.928155</v>
      </c>
      <c r="C53">
        <v>6.3109760000000001</v>
      </c>
      <c r="D53">
        <f t="shared" si="3"/>
        <v>0.25524500000000039</v>
      </c>
      <c r="E53">
        <f t="shared" si="4"/>
        <v>41.938861999999972</v>
      </c>
      <c r="F53">
        <f t="shared" si="2"/>
        <v>7.5726835792987252E-2</v>
      </c>
    </row>
    <row r="54" spans="1:6" x14ac:dyDescent="0.2">
      <c r="A54">
        <v>2171.6429939999998</v>
      </c>
      <c r="B54">
        <v>19.949207000000001</v>
      </c>
      <c r="C54">
        <v>6.3159809999999998</v>
      </c>
      <c r="D54">
        <f t="shared" si="3"/>
        <v>0.26025000000000009</v>
      </c>
      <c r="E54">
        <f t="shared" si="4"/>
        <v>43.832400999999663</v>
      </c>
      <c r="F54">
        <f t="shared" si="2"/>
        <v>7.755612308311724E-2</v>
      </c>
    </row>
    <row r="55" spans="1:6" x14ac:dyDescent="0.2">
      <c r="A55">
        <v>2173.4710850000001</v>
      </c>
      <c r="B55">
        <v>19.922550999999999</v>
      </c>
      <c r="C55">
        <v>6.3209860000000004</v>
      </c>
      <c r="D55">
        <f t="shared" si="3"/>
        <v>0.26525500000000068</v>
      </c>
      <c r="E55">
        <f t="shared" si="4"/>
        <v>45.660491999999977</v>
      </c>
      <c r="F55">
        <f t="shared" si="2"/>
        <v>7.9199627848995424E-2</v>
      </c>
    </row>
    <row r="56" spans="1:6" x14ac:dyDescent="0.2">
      <c r="A56">
        <v>2175.3531889999999</v>
      </c>
      <c r="B56">
        <v>19.949627</v>
      </c>
      <c r="C56">
        <v>6.32599</v>
      </c>
      <c r="D56">
        <f t="shared" si="3"/>
        <v>0.27025900000000025</v>
      </c>
      <c r="E56">
        <f t="shared" si="4"/>
        <v>47.542595999999776</v>
      </c>
      <c r="F56">
        <f t="shared" si="2"/>
        <v>8.0867300879035597E-2</v>
      </c>
    </row>
    <row r="57" spans="1:6" x14ac:dyDescent="0.2">
      <c r="A57">
        <v>2176.610518</v>
      </c>
      <c r="B57">
        <v>19.984553999999999</v>
      </c>
      <c r="C57">
        <v>6.3309949999999997</v>
      </c>
      <c r="D57">
        <f t="shared" si="3"/>
        <v>0.27526399999999995</v>
      </c>
      <c r="E57">
        <f t="shared" si="4"/>
        <v>48.799924999999803</v>
      </c>
      <c r="F57">
        <f t="shared" si="2"/>
        <v>8.1449611009580716E-2</v>
      </c>
    </row>
    <row r="58" spans="1:6" x14ac:dyDescent="0.2">
      <c r="A58">
        <v>2176.5908020000002</v>
      </c>
      <c r="B58">
        <v>20.007138000000001</v>
      </c>
      <c r="C58">
        <v>6.3360000000000003</v>
      </c>
      <c r="D58">
        <f t="shared" si="3"/>
        <v>0.28026900000000055</v>
      </c>
      <c r="E58">
        <f t="shared" si="4"/>
        <v>48.780209000000013</v>
      </c>
      <c r="F58">
        <f t="shared" si="2"/>
        <v>7.9963501524503211E-2</v>
      </c>
    </row>
    <row r="59" spans="1:6" x14ac:dyDescent="0.2">
      <c r="A59">
        <v>2175.929208</v>
      </c>
      <c r="B59">
        <v>20.026857</v>
      </c>
      <c r="C59">
        <v>6.341005</v>
      </c>
      <c r="D59">
        <f t="shared" si="3"/>
        <v>0.28527400000000025</v>
      </c>
      <c r="E59">
        <f t="shared" si="4"/>
        <v>48.118614999999863</v>
      </c>
      <c r="F59">
        <f t="shared" si="2"/>
        <v>7.7518643611824437E-2</v>
      </c>
    </row>
    <row r="60" spans="1:6" x14ac:dyDescent="0.2">
      <c r="A60">
        <v>2175.4692089999999</v>
      </c>
      <c r="B60">
        <v>19.978873</v>
      </c>
      <c r="C60">
        <v>6.3460099999999997</v>
      </c>
      <c r="D60">
        <f t="shared" si="3"/>
        <v>0.29027899999999995</v>
      </c>
      <c r="E60">
        <f t="shared" si="4"/>
        <v>47.658615999999711</v>
      </c>
      <c r="F60">
        <f t="shared" si="2"/>
        <v>7.5469742338543977E-2</v>
      </c>
    </row>
    <row r="61" spans="1:6" x14ac:dyDescent="0.2">
      <c r="A61">
        <v>2175.222021</v>
      </c>
      <c r="B61">
        <v>20.024004000000001</v>
      </c>
      <c r="C61">
        <v>6.3510140000000002</v>
      </c>
      <c r="D61">
        <f t="shared" si="3"/>
        <v>0.29528300000000041</v>
      </c>
      <c r="E61">
        <f t="shared" si="4"/>
        <v>47.411427999999887</v>
      </c>
      <c r="F61">
        <f t="shared" si="2"/>
        <v>7.3814384106022327E-2</v>
      </c>
    </row>
    <row r="62" spans="1:6" x14ac:dyDescent="0.2">
      <c r="A62">
        <v>2174.83655</v>
      </c>
      <c r="B62">
        <v>20.014534000000001</v>
      </c>
      <c r="C62">
        <v>6.3560189999999999</v>
      </c>
      <c r="D62">
        <f t="shared" si="3"/>
        <v>0.30028800000000011</v>
      </c>
      <c r="E62">
        <f t="shared" si="4"/>
        <v>47.025956999999835</v>
      </c>
      <c r="F62">
        <f t="shared" si="2"/>
        <v>7.2006722189208713E-2</v>
      </c>
    </row>
    <row r="63" spans="1:6" x14ac:dyDescent="0.2">
      <c r="A63">
        <v>2174.1090039999999</v>
      </c>
      <c r="B63">
        <v>20.030857000000001</v>
      </c>
      <c r="C63">
        <v>6.3610239999999996</v>
      </c>
      <c r="D63">
        <f t="shared" si="3"/>
        <v>0.30529299999999981</v>
      </c>
      <c r="E63">
        <f t="shared" si="4"/>
        <v>46.29841099999976</v>
      </c>
      <c r="F63">
        <f t="shared" si="2"/>
        <v>6.9753808498774342E-2</v>
      </c>
    </row>
    <row r="64" spans="1:6" x14ac:dyDescent="0.2">
      <c r="A64">
        <v>2172.9229289999998</v>
      </c>
      <c r="B64">
        <v>20.029586999999999</v>
      </c>
      <c r="C64">
        <v>6.3660290000000002</v>
      </c>
      <c r="D64">
        <f t="shared" si="3"/>
        <v>0.31029800000000041</v>
      </c>
      <c r="E64">
        <f t="shared" si="4"/>
        <v>45.112335999999686</v>
      </c>
      <c r="F64">
        <f t="shared" si="2"/>
        <v>6.6907070854490922E-2</v>
      </c>
    </row>
    <row r="65" spans="1:6" x14ac:dyDescent="0.2">
      <c r="A65">
        <v>2172.5769129999999</v>
      </c>
      <c r="B65">
        <v>19.989777</v>
      </c>
      <c r="C65">
        <v>6.3710339999999999</v>
      </c>
      <c r="D65">
        <f t="shared" si="3"/>
        <v>0.31530300000000011</v>
      </c>
      <c r="E65">
        <f t="shared" si="4"/>
        <v>44.766319999999723</v>
      </c>
      <c r="F65">
        <f t="shared" si="2"/>
        <v>6.5350382175084334E-2</v>
      </c>
    </row>
    <row r="66" spans="1:6" x14ac:dyDescent="0.2">
      <c r="A66">
        <v>2172.7269289999999</v>
      </c>
      <c r="B66">
        <v>20.009893000000002</v>
      </c>
      <c r="C66">
        <v>6.3760380000000003</v>
      </c>
      <c r="D66">
        <f t="shared" si="3"/>
        <v>0.32030700000000056</v>
      </c>
      <c r="E66">
        <f t="shared" si="4"/>
        <v>44.916335999999774</v>
      </c>
      <c r="F66">
        <f t="shared" si="2"/>
        <v>6.4540562329478343E-2</v>
      </c>
    </row>
    <row r="67" spans="1:6" x14ac:dyDescent="0.2">
      <c r="A67">
        <v>2171.9667530000002</v>
      </c>
      <c r="B67">
        <v>20.004352000000001</v>
      </c>
      <c r="C67">
        <v>6.381043</v>
      </c>
      <c r="D67">
        <f t="shared" si="3"/>
        <v>0.32531200000000027</v>
      </c>
      <c r="E67">
        <f t="shared" si="4"/>
        <v>44.15616</v>
      </c>
      <c r="F67">
        <f t="shared" ref="F67:F130" si="5">(1/A67)*(E67/D67)</f>
        <v>6.2493959492996326E-2</v>
      </c>
    </row>
    <row r="68" spans="1:6" x14ac:dyDescent="0.2">
      <c r="A68">
        <v>2171.2545559999999</v>
      </c>
      <c r="B68">
        <v>20.024214000000001</v>
      </c>
      <c r="C68">
        <v>6.3860479999999997</v>
      </c>
      <c r="D68">
        <f t="shared" si="3"/>
        <v>0.33031699999999997</v>
      </c>
      <c r="E68">
        <f t="shared" si="4"/>
        <v>43.443962999999712</v>
      </c>
      <c r="F68">
        <f t="shared" si="5"/>
        <v>6.0574211118135629E-2</v>
      </c>
    </row>
    <row r="69" spans="1:6" x14ac:dyDescent="0.2">
      <c r="A69">
        <v>2170.93424</v>
      </c>
      <c r="B69">
        <v>20.021996999999999</v>
      </c>
      <c r="C69">
        <v>6.3910530000000003</v>
      </c>
      <c r="D69">
        <f t="shared" si="3"/>
        <v>0.33532200000000056</v>
      </c>
      <c r="E69">
        <f t="shared" si="4"/>
        <v>43.123646999999892</v>
      </c>
      <c r="F69">
        <f t="shared" si="5"/>
        <v>5.9238870071551694E-2</v>
      </c>
    </row>
    <row r="70" spans="1:6" x14ac:dyDescent="0.2">
      <c r="A70">
        <v>2170.3515170000001</v>
      </c>
      <c r="B70">
        <v>19.997157999999999</v>
      </c>
      <c r="C70">
        <v>6.396058</v>
      </c>
      <c r="D70">
        <f t="shared" si="3"/>
        <v>0.34032700000000027</v>
      </c>
      <c r="E70">
        <f t="shared" si="4"/>
        <v>42.540923999999904</v>
      </c>
      <c r="F70">
        <f t="shared" si="5"/>
        <v>5.7594423299667075E-2</v>
      </c>
    </row>
    <row r="71" spans="1:6" x14ac:dyDescent="0.2">
      <c r="A71">
        <v>2169.8773980000001</v>
      </c>
      <c r="B71">
        <v>20.005320999999999</v>
      </c>
      <c r="C71">
        <v>6.4010619999999996</v>
      </c>
      <c r="D71">
        <f t="shared" ref="D71:D134" si="6">C71-$C$2</f>
        <v>0.34533099999999983</v>
      </c>
      <c r="E71">
        <f t="shared" ref="E71:E134" si="7">A71-$A$2</f>
        <v>42.066804999999931</v>
      </c>
      <c r="F71">
        <f t="shared" si="5"/>
        <v>5.613952916716683E-2</v>
      </c>
    </row>
    <row r="72" spans="1:6" x14ac:dyDescent="0.2">
      <c r="A72">
        <v>2169.5369470000001</v>
      </c>
      <c r="B72">
        <v>20.023885</v>
      </c>
      <c r="C72">
        <v>6.4060670000000002</v>
      </c>
      <c r="D72">
        <f t="shared" si="6"/>
        <v>0.35033600000000042</v>
      </c>
      <c r="E72">
        <f t="shared" si="7"/>
        <v>41.726353999999901</v>
      </c>
      <c r="F72">
        <f t="shared" si="5"/>
        <v>5.489826517514252E-2</v>
      </c>
    </row>
    <row r="73" spans="1:6" x14ac:dyDescent="0.2">
      <c r="A73">
        <v>2169.0616879999998</v>
      </c>
      <c r="B73">
        <v>20.015727999999999</v>
      </c>
      <c r="C73">
        <v>6.4110719999999999</v>
      </c>
      <c r="D73">
        <f t="shared" si="6"/>
        <v>0.35534100000000013</v>
      </c>
      <c r="E73">
        <f t="shared" si="7"/>
        <v>41.251094999999623</v>
      </c>
      <c r="F73">
        <f t="shared" si="5"/>
        <v>5.3520265301370787E-2</v>
      </c>
    </row>
    <row r="74" spans="1:6" x14ac:dyDescent="0.2">
      <c r="A74">
        <v>2169.2329840000002</v>
      </c>
      <c r="B74">
        <v>19.951025999999999</v>
      </c>
      <c r="C74">
        <v>6.4160769999999996</v>
      </c>
      <c r="D74">
        <f t="shared" si="6"/>
        <v>0.36034599999999983</v>
      </c>
      <c r="E74">
        <f t="shared" si="7"/>
        <v>41.422391000000061</v>
      </c>
      <c r="F74">
        <f t="shared" si="5"/>
        <v>5.2991871642533016E-2</v>
      </c>
    </row>
    <row r="75" spans="1:6" x14ac:dyDescent="0.2">
      <c r="A75">
        <v>2170.3765819999999</v>
      </c>
      <c r="B75">
        <v>19.955645000000001</v>
      </c>
      <c r="C75">
        <v>6.4210820000000002</v>
      </c>
      <c r="D75">
        <f t="shared" si="6"/>
        <v>0.36535100000000043</v>
      </c>
      <c r="E75">
        <f t="shared" si="7"/>
        <v>42.565988999999718</v>
      </c>
      <c r="F75">
        <f t="shared" si="5"/>
        <v>5.3680596523064984E-2</v>
      </c>
    </row>
    <row r="76" spans="1:6" x14ac:dyDescent="0.2">
      <c r="A76">
        <v>2171.8162969999998</v>
      </c>
      <c r="B76">
        <v>19.966856</v>
      </c>
      <c r="C76">
        <v>6.4260859999999997</v>
      </c>
      <c r="D76">
        <f t="shared" si="6"/>
        <v>0.37035499999999999</v>
      </c>
      <c r="E76">
        <f t="shared" si="7"/>
        <v>44.005703999999696</v>
      </c>
      <c r="F76">
        <f t="shared" si="5"/>
        <v>5.471012074451282E-2</v>
      </c>
    </row>
    <row r="77" spans="1:6" x14ac:dyDescent="0.2">
      <c r="A77">
        <v>2173.2271730000002</v>
      </c>
      <c r="B77">
        <v>19.935898000000002</v>
      </c>
      <c r="C77">
        <v>6.4310910000000003</v>
      </c>
      <c r="D77">
        <f t="shared" si="6"/>
        <v>0.37536000000000058</v>
      </c>
      <c r="E77">
        <f t="shared" si="7"/>
        <v>45.416580000000067</v>
      </c>
      <c r="F77">
        <f t="shared" si="5"/>
        <v>5.5675139059168488E-2</v>
      </c>
    </row>
    <row r="78" spans="1:6" x14ac:dyDescent="0.2">
      <c r="A78">
        <v>2175.4242060000001</v>
      </c>
      <c r="B78">
        <v>19.926825000000001</v>
      </c>
      <c r="C78">
        <v>6.436096</v>
      </c>
      <c r="D78">
        <f t="shared" si="6"/>
        <v>0.38036500000000029</v>
      </c>
      <c r="E78">
        <f t="shared" si="7"/>
        <v>47.613612999999987</v>
      </c>
      <c r="F78">
        <f t="shared" si="5"/>
        <v>5.7542222687330287E-2</v>
      </c>
    </row>
    <row r="79" spans="1:6" x14ac:dyDescent="0.2">
      <c r="A79">
        <v>2177.026703</v>
      </c>
      <c r="B79">
        <v>19.958794999999999</v>
      </c>
      <c r="C79">
        <v>6.4411009999999997</v>
      </c>
      <c r="D79">
        <f t="shared" si="6"/>
        <v>0.38536999999999999</v>
      </c>
      <c r="E79">
        <f t="shared" si="7"/>
        <v>49.216109999999844</v>
      </c>
      <c r="F79">
        <f t="shared" si="5"/>
        <v>5.866318324035194E-2</v>
      </c>
    </row>
    <row r="80" spans="1:6" x14ac:dyDescent="0.2">
      <c r="A80">
        <v>2178.2567979999999</v>
      </c>
      <c r="B80">
        <v>19.940023</v>
      </c>
      <c r="C80">
        <v>6.4461060000000003</v>
      </c>
      <c r="D80">
        <f t="shared" si="6"/>
        <v>0.39037500000000058</v>
      </c>
      <c r="E80">
        <f t="shared" si="7"/>
        <v>50.446204999999736</v>
      </c>
      <c r="F80">
        <f t="shared" si="5"/>
        <v>5.9324956043509867E-2</v>
      </c>
    </row>
    <row r="81" spans="1:6" x14ac:dyDescent="0.2">
      <c r="A81">
        <v>2179.5588039999998</v>
      </c>
      <c r="B81">
        <v>19.982378000000001</v>
      </c>
      <c r="C81">
        <v>6.4511099999999999</v>
      </c>
      <c r="D81">
        <f t="shared" si="6"/>
        <v>0.39537900000000015</v>
      </c>
      <c r="E81">
        <f t="shared" si="7"/>
        <v>51.748210999999628</v>
      </c>
      <c r="F81">
        <f t="shared" si="5"/>
        <v>6.0050019250297702E-2</v>
      </c>
    </row>
    <row r="82" spans="1:6" x14ac:dyDescent="0.2">
      <c r="A82">
        <v>2181.3737850000002</v>
      </c>
      <c r="B82">
        <v>19.922940000000001</v>
      </c>
      <c r="C82">
        <v>6.4561149999999996</v>
      </c>
      <c r="D82">
        <f t="shared" si="6"/>
        <v>0.40038399999999985</v>
      </c>
      <c r="E82">
        <f t="shared" si="7"/>
        <v>53.563192000000072</v>
      </c>
      <c r="F82">
        <f t="shared" si="5"/>
        <v>6.1328119256936514E-2</v>
      </c>
    </row>
    <row r="83" spans="1:6" x14ac:dyDescent="0.2">
      <c r="A83">
        <v>2183.356546</v>
      </c>
      <c r="B83">
        <v>19.932537</v>
      </c>
      <c r="C83">
        <v>6.4611200000000002</v>
      </c>
      <c r="D83">
        <f t="shared" si="6"/>
        <v>0.40538900000000044</v>
      </c>
      <c r="E83">
        <f t="shared" si="7"/>
        <v>55.545952999999827</v>
      </c>
      <c r="F83">
        <f t="shared" si="5"/>
        <v>6.2756078791769268E-2</v>
      </c>
    </row>
    <row r="84" spans="1:6" x14ac:dyDescent="0.2">
      <c r="A84">
        <v>2185.5545689999999</v>
      </c>
      <c r="B84">
        <v>19.921098000000001</v>
      </c>
      <c r="C84">
        <v>6.4661249999999999</v>
      </c>
      <c r="D84">
        <f t="shared" si="6"/>
        <v>0.41039400000000015</v>
      </c>
      <c r="E84">
        <f t="shared" si="7"/>
        <v>57.743975999999748</v>
      </c>
      <c r="F84">
        <f t="shared" si="5"/>
        <v>6.4378970433679461E-2</v>
      </c>
    </row>
    <row r="85" spans="1:6" x14ac:dyDescent="0.2">
      <c r="A85">
        <v>2187.2010930000001</v>
      </c>
      <c r="B85">
        <v>19.984321999999999</v>
      </c>
      <c r="C85">
        <v>6.4711299999999996</v>
      </c>
      <c r="D85">
        <f t="shared" si="6"/>
        <v>0.41539899999999985</v>
      </c>
      <c r="E85">
        <f t="shared" si="7"/>
        <v>59.390499999999975</v>
      </c>
      <c r="F85">
        <f t="shared" si="5"/>
        <v>6.5367642240858587E-2</v>
      </c>
    </row>
    <row r="86" spans="1:6" x14ac:dyDescent="0.2">
      <c r="A86">
        <v>2187.8314329999998</v>
      </c>
      <c r="B86">
        <v>19.967936999999999</v>
      </c>
      <c r="C86">
        <v>6.4761340000000001</v>
      </c>
      <c r="D86">
        <f t="shared" si="6"/>
        <v>0.4204030000000003</v>
      </c>
      <c r="E86">
        <f t="shared" si="7"/>
        <v>60.02083999999968</v>
      </c>
      <c r="F86">
        <f t="shared" si="5"/>
        <v>6.5256293861051029E-2</v>
      </c>
    </row>
    <row r="87" spans="1:6" x14ac:dyDescent="0.2">
      <c r="A87">
        <v>2188.3447270000001</v>
      </c>
      <c r="B87">
        <v>19.986733999999998</v>
      </c>
      <c r="C87">
        <v>6.4811389999999998</v>
      </c>
      <c r="D87">
        <f t="shared" si="6"/>
        <v>0.42540800000000001</v>
      </c>
      <c r="E87">
        <f t="shared" si="7"/>
        <v>60.534133999999995</v>
      </c>
      <c r="F87">
        <f t="shared" si="5"/>
        <v>6.5024787881589843E-2</v>
      </c>
    </row>
    <row r="88" spans="1:6" x14ac:dyDescent="0.2">
      <c r="A88">
        <v>2188.227136</v>
      </c>
      <c r="B88">
        <v>20.016487000000001</v>
      </c>
      <c r="C88">
        <v>6.4861440000000004</v>
      </c>
      <c r="D88">
        <f t="shared" si="6"/>
        <v>0.4304130000000006</v>
      </c>
      <c r="E88">
        <f t="shared" si="7"/>
        <v>60.41654299999982</v>
      </c>
      <c r="F88">
        <f t="shared" si="5"/>
        <v>6.4147257273565531E-2</v>
      </c>
    </row>
    <row r="89" spans="1:6" x14ac:dyDescent="0.2">
      <c r="A89">
        <v>2188.0665600000002</v>
      </c>
      <c r="B89">
        <v>19.991692</v>
      </c>
      <c r="C89">
        <v>6.4911490000000001</v>
      </c>
      <c r="D89">
        <f t="shared" si="6"/>
        <v>0.4354180000000003</v>
      </c>
      <c r="E89">
        <f t="shared" si="7"/>
        <v>60.255967000000055</v>
      </c>
      <c r="F89">
        <f t="shared" si="5"/>
        <v>6.3246012995705772E-2</v>
      </c>
    </row>
    <row r="90" spans="1:6" x14ac:dyDescent="0.2">
      <c r="A90">
        <v>2188.0472770000001</v>
      </c>
      <c r="B90">
        <v>19.998667000000001</v>
      </c>
      <c r="C90">
        <v>6.4961539999999998</v>
      </c>
      <c r="D90">
        <f t="shared" si="6"/>
        <v>0.44042300000000001</v>
      </c>
      <c r="E90">
        <f t="shared" si="7"/>
        <v>60.236683999999968</v>
      </c>
      <c r="F90">
        <f t="shared" si="5"/>
        <v>6.2507821568789368E-2</v>
      </c>
    </row>
    <row r="91" spans="1:6" x14ac:dyDescent="0.2">
      <c r="A91">
        <v>2187.30314</v>
      </c>
      <c r="B91">
        <v>20.035542</v>
      </c>
      <c r="C91">
        <v>6.5011580000000002</v>
      </c>
      <c r="D91">
        <f t="shared" si="6"/>
        <v>0.44542700000000046</v>
      </c>
      <c r="E91">
        <f t="shared" si="7"/>
        <v>59.492546999999831</v>
      </c>
      <c r="F91">
        <f t="shared" si="5"/>
        <v>6.1062846754767072E-2</v>
      </c>
    </row>
    <row r="92" spans="1:6" x14ac:dyDescent="0.2">
      <c r="A92">
        <v>2186.008926</v>
      </c>
      <c r="B92">
        <v>20.051317999999998</v>
      </c>
      <c r="C92">
        <v>6.5061629999999999</v>
      </c>
      <c r="D92">
        <f t="shared" si="6"/>
        <v>0.45043200000000017</v>
      </c>
      <c r="E92">
        <f t="shared" si="7"/>
        <v>58.19833299999982</v>
      </c>
      <c r="F92">
        <f t="shared" si="5"/>
        <v>5.9105701712504469E-2</v>
      </c>
    </row>
    <row r="93" spans="1:6" x14ac:dyDescent="0.2">
      <c r="A93">
        <v>2184.4775060000002</v>
      </c>
      <c r="B93">
        <v>20.044761999999999</v>
      </c>
      <c r="C93">
        <v>6.5111679999999996</v>
      </c>
      <c r="D93">
        <f t="shared" si="6"/>
        <v>0.45543699999999987</v>
      </c>
      <c r="E93">
        <f t="shared" si="7"/>
        <v>56.666913000000022</v>
      </c>
      <c r="F93">
        <f t="shared" si="5"/>
        <v>5.6957860478038226E-2</v>
      </c>
    </row>
    <row r="94" spans="1:6" x14ac:dyDescent="0.2">
      <c r="A94">
        <v>2183.0067479999998</v>
      </c>
      <c r="B94">
        <v>20.030975000000002</v>
      </c>
      <c r="C94">
        <v>6.5161730000000002</v>
      </c>
      <c r="D94">
        <f t="shared" si="6"/>
        <v>0.46044200000000046</v>
      </c>
      <c r="E94">
        <f t="shared" si="7"/>
        <v>55.196154999999635</v>
      </c>
      <c r="F94">
        <f t="shared" si="5"/>
        <v>5.4913460884322862E-2</v>
      </c>
    </row>
    <row r="95" spans="1:6" x14ac:dyDescent="0.2">
      <c r="A95">
        <v>2182.4614729999998</v>
      </c>
      <c r="B95">
        <v>19.990984000000001</v>
      </c>
      <c r="C95">
        <v>6.5211779999999999</v>
      </c>
      <c r="D95">
        <f t="shared" si="6"/>
        <v>0.46544700000000017</v>
      </c>
      <c r="E95">
        <f t="shared" si="7"/>
        <v>54.650879999999688</v>
      </c>
      <c r="F95">
        <f t="shared" si="5"/>
        <v>5.3799759984066012E-2</v>
      </c>
    </row>
    <row r="96" spans="1:6" x14ac:dyDescent="0.2">
      <c r="A96">
        <v>2182.684377</v>
      </c>
      <c r="B96">
        <v>19.996735999999999</v>
      </c>
      <c r="C96">
        <v>6.5261820000000004</v>
      </c>
      <c r="D96">
        <f t="shared" si="6"/>
        <v>0.47045100000000062</v>
      </c>
      <c r="E96">
        <f t="shared" si="7"/>
        <v>54.873783999999887</v>
      </c>
      <c r="F96">
        <f t="shared" si="5"/>
        <v>5.3439153917194483E-2</v>
      </c>
    </row>
    <row r="97" spans="1:6" x14ac:dyDescent="0.2">
      <c r="A97">
        <v>2183.2749480000002</v>
      </c>
      <c r="B97">
        <v>19.978349000000001</v>
      </c>
      <c r="C97">
        <v>6.5311870000000001</v>
      </c>
      <c r="D97">
        <f t="shared" si="6"/>
        <v>0.47545600000000032</v>
      </c>
      <c r="E97">
        <f t="shared" si="7"/>
        <v>55.464355000000069</v>
      </c>
      <c r="F97">
        <f t="shared" si="5"/>
        <v>5.3431233841363932E-2</v>
      </c>
    </row>
    <row r="98" spans="1:6" x14ac:dyDescent="0.2">
      <c r="A98">
        <v>2183.82134</v>
      </c>
      <c r="B98">
        <v>19.989432999999998</v>
      </c>
      <c r="C98">
        <v>6.5361919999999998</v>
      </c>
      <c r="D98">
        <f t="shared" si="6"/>
        <v>0.48046100000000003</v>
      </c>
      <c r="E98">
        <f t="shared" si="7"/>
        <v>56.01074699999981</v>
      </c>
      <c r="F98">
        <f t="shared" si="5"/>
        <v>5.3382157015779932E-2</v>
      </c>
    </row>
    <row r="99" spans="1:6" x14ac:dyDescent="0.2">
      <c r="A99">
        <v>2184.1939430000002</v>
      </c>
      <c r="B99">
        <v>19.972197000000001</v>
      </c>
      <c r="C99">
        <v>6.5411970000000004</v>
      </c>
      <c r="D99">
        <f t="shared" si="6"/>
        <v>0.48546600000000062</v>
      </c>
      <c r="E99">
        <f t="shared" si="7"/>
        <v>56.383350000000064</v>
      </c>
      <c r="F99">
        <f t="shared" si="5"/>
        <v>5.3174186959772447E-2</v>
      </c>
    </row>
    <row r="100" spans="1:6" x14ac:dyDescent="0.2">
      <c r="A100">
        <v>2184.392965</v>
      </c>
      <c r="B100">
        <v>20.000917999999999</v>
      </c>
      <c r="C100">
        <v>6.5462020000000001</v>
      </c>
      <c r="D100">
        <f t="shared" si="6"/>
        <v>0.49047100000000032</v>
      </c>
      <c r="E100">
        <f t="shared" si="7"/>
        <v>56.58237199999985</v>
      </c>
      <c r="F100">
        <f t="shared" si="5"/>
        <v>5.2812538931259721E-2</v>
      </c>
    </row>
    <row r="101" spans="1:6" x14ac:dyDescent="0.2">
      <c r="A101">
        <v>2184.6509959999999</v>
      </c>
      <c r="B101">
        <v>19.974948000000001</v>
      </c>
      <c r="C101">
        <v>6.5512059999999996</v>
      </c>
      <c r="D101">
        <f t="shared" si="6"/>
        <v>0.49547499999999989</v>
      </c>
      <c r="E101">
        <f t="shared" si="7"/>
        <v>56.840402999999696</v>
      </c>
      <c r="F101">
        <f t="shared" si="5"/>
        <v>5.2511368304737328E-2</v>
      </c>
    </row>
    <row r="102" spans="1:6" x14ac:dyDescent="0.2">
      <c r="A102">
        <v>2185.5243009999999</v>
      </c>
      <c r="B102">
        <v>19.960794</v>
      </c>
      <c r="C102">
        <v>6.5562110000000002</v>
      </c>
      <c r="D102">
        <f t="shared" si="6"/>
        <v>0.50048000000000048</v>
      </c>
      <c r="E102">
        <f t="shared" si="7"/>
        <v>57.71370799999977</v>
      </c>
      <c r="F102">
        <f t="shared" si="5"/>
        <v>5.2763866273990788E-2</v>
      </c>
    </row>
    <row r="103" spans="1:6" x14ac:dyDescent="0.2">
      <c r="A103">
        <v>2186.2340949999998</v>
      </c>
      <c r="B103">
        <v>19.981248000000001</v>
      </c>
      <c r="C103">
        <v>6.5612159999999999</v>
      </c>
      <c r="D103">
        <f t="shared" si="6"/>
        <v>0.50548500000000018</v>
      </c>
      <c r="E103">
        <f t="shared" si="7"/>
        <v>58.423501999999644</v>
      </c>
      <c r="F103">
        <f t="shared" si="5"/>
        <v>5.2866754536268441E-2</v>
      </c>
    </row>
    <row r="104" spans="1:6" x14ac:dyDescent="0.2">
      <c r="A104">
        <v>2187.3163070000001</v>
      </c>
      <c r="B104">
        <v>19.967544</v>
      </c>
      <c r="C104">
        <v>6.5662209999999996</v>
      </c>
      <c r="D104">
        <f t="shared" si="6"/>
        <v>0.51048999999999989</v>
      </c>
      <c r="E104">
        <f t="shared" si="7"/>
        <v>59.505713999999898</v>
      </c>
      <c r="F104">
        <f t="shared" si="5"/>
        <v>5.3291732681775554E-2</v>
      </c>
    </row>
    <row r="105" spans="1:6" x14ac:dyDescent="0.2">
      <c r="A105">
        <v>2188.6027089999998</v>
      </c>
      <c r="B105">
        <v>19.950590999999999</v>
      </c>
      <c r="C105">
        <v>6.5712260000000002</v>
      </c>
      <c r="D105">
        <f t="shared" si="6"/>
        <v>0.51549500000000048</v>
      </c>
      <c r="E105">
        <f t="shared" si="7"/>
        <v>60.792115999999623</v>
      </c>
      <c r="F105">
        <f t="shared" si="5"/>
        <v>5.3883509053761235E-2</v>
      </c>
    </row>
    <row r="106" spans="1:6" x14ac:dyDescent="0.2">
      <c r="A106">
        <v>2189.7990370000002</v>
      </c>
      <c r="B106">
        <v>19.970797999999998</v>
      </c>
      <c r="C106">
        <v>6.5762299999999998</v>
      </c>
      <c r="D106">
        <f t="shared" si="6"/>
        <v>0.52049900000000004</v>
      </c>
      <c r="E106">
        <f t="shared" si="7"/>
        <v>61.988444000000072</v>
      </c>
      <c r="F106">
        <f t="shared" si="5"/>
        <v>5.4385931976424495E-2</v>
      </c>
    </row>
    <row r="107" spans="1:6" x14ac:dyDescent="0.2">
      <c r="A107">
        <v>2190.7841659999999</v>
      </c>
      <c r="B107">
        <v>19.962149</v>
      </c>
      <c r="C107">
        <v>6.5812350000000004</v>
      </c>
      <c r="D107">
        <f t="shared" si="6"/>
        <v>0.52550400000000064</v>
      </c>
      <c r="E107">
        <f t="shared" si="7"/>
        <v>62.97357299999976</v>
      </c>
      <c r="F107">
        <f t="shared" si="5"/>
        <v>5.4699419267386973E-2</v>
      </c>
    </row>
    <row r="108" spans="1:6" x14ac:dyDescent="0.2">
      <c r="A108">
        <v>2191.9744540000002</v>
      </c>
      <c r="B108">
        <v>19.956607999999999</v>
      </c>
      <c r="C108">
        <v>6.5862400000000001</v>
      </c>
      <c r="D108">
        <f t="shared" si="6"/>
        <v>0.53050900000000034</v>
      </c>
      <c r="E108">
        <f t="shared" si="7"/>
        <v>64.163860999999997</v>
      </c>
      <c r="F108">
        <f t="shared" si="5"/>
        <v>5.5177528640443285E-2</v>
      </c>
    </row>
    <row r="109" spans="1:6" x14ac:dyDescent="0.2">
      <c r="A109">
        <v>2193.225535</v>
      </c>
      <c r="B109">
        <v>19.970267</v>
      </c>
      <c r="C109">
        <v>6.5912449999999998</v>
      </c>
      <c r="D109">
        <f t="shared" si="6"/>
        <v>0.53551400000000005</v>
      </c>
      <c r="E109">
        <f t="shared" si="7"/>
        <v>65.414941999999883</v>
      </c>
      <c r="F109">
        <f t="shared" si="5"/>
        <v>5.5695850211756721E-2</v>
      </c>
    </row>
    <row r="110" spans="1:6" x14ac:dyDescent="0.2">
      <c r="A110">
        <v>2194.1842750000001</v>
      </c>
      <c r="B110">
        <v>19.963486</v>
      </c>
      <c r="C110">
        <v>6.5962500000000004</v>
      </c>
      <c r="D110">
        <f t="shared" si="6"/>
        <v>0.54051900000000064</v>
      </c>
      <c r="E110">
        <f t="shared" si="7"/>
        <v>66.373681999999917</v>
      </c>
      <c r="F110">
        <f t="shared" si="5"/>
        <v>5.5964399402495063E-2</v>
      </c>
    </row>
    <row r="111" spans="1:6" x14ac:dyDescent="0.2">
      <c r="A111">
        <v>2194.313799</v>
      </c>
      <c r="B111">
        <v>19.989476</v>
      </c>
      <c r="C111">
        <v>6.601254</v>
      </c>
      <c r="D111">
        <f t="shared" si="6"/>
        <v>0.5455230000000002</v>
      </c>
      <c r="E111">
        <f t="shared" si="7"/>
        <v>66.503205999999864</v>
      </c>
      <c r="F111">
        <f t="shared" si="5"/>
        <v>5.5555976100430463E-2</v>
      </c>
    </row>
    <row r="112" spans="1:6" x14ac:dyDescent="0.2">
      <c r="A112">
        <v>2194.59339</v>
      </c>
      <c r="B112">
        <v>20.002787000000001</v>
      </c>
      <c r="C112">
        <v>6.6062589999999997</v>
      </c>
      <c r="D112">
        <f t="shared" si="6"/>
        <v>0.55052799999999991</v>
      </c>
      <c r="E112">
        <f t="shared" si="7"/>
        <v>66.782796999999846</v>
      </c>
      <c r="F112">
        <f t="shared" si="5"/>
        <v>5.527530215175934E-2</v>
      </c>
    </row>
    <row r="113" spans="1:6" x14ac:dyDescent="0.2">
      <c r="A113">
        <v>2194.8366139999998</v>
      </c>
      <c r="B113">
        <v>19.992428</v>
      </c>
      <c r="C113">
        <v>6.6112640000000003</v>
      </c>
      <c r="D113">
        <f t="shared" si="6"/>
        <v>0.5555330000000005</v>
      </c>
      <c r="E113">
        <f t="shared" si="7"/>
        <v>67.026020999999673</v>
      </c>
      <c r="F113">
        <f t="shared" si="5"/>
        <v>5.4970714216676306E-2</v>
      </c>
    </row>
    <row r="114" spans="1:6" x14ac:dyDescent="0.2">
      <c r="A114">
        <v>2194.144049</v>
      </c>
      <c r="B114">
        <v>20.035862000000002</v>
      </c>
      <c r="C114">
        <v>6.616269</v>
      </c>
      <c r="D114">
        <f t="shared" si="6"/>
        <v>0.5605380000000002</v>
      </c>
      <c r="E114">
        <f t="shared" si="7"/>
        <v>66.333455999999842</v>
      </c>
      <c r="F114">
        <f t="shared" si="5"/>
        <v>5.393397492403789E-2</v>
      </c>
    </row>
    <row r="115" spans="1:6" x14ac:dyDescent="0.2">
      <c r="A115">
        <v>2193.4560040000001</v>
      </c>
      <c r="B115">
        <v>20.003637000000001</v>
      </c>
      <c r="C115">
        <v>6.6212739999999997</v>
      </c>
      <c r="D115">
        <f t="shared" si="6"/>
        <v>0.56554299999999991</v>
      </c>
      <c r="E115">
        <f t="shared" si="7"/>
        <v>65.645410999999967</v>
      </c>
      <c r="F115">
        <f t="shared" si="5"/>
        <v>5.291877869994574E-2</v>
      </c>
    </row>
    <row r="116" spans="1:6" x14ac:dyDescent="0.2">
      <c r="A116">
        <v>2192.715064</v>
      </c>
      <c r="B116">
        <v>20.021944000000001</v>
      </c>
      <c r="C116">
        <v>6.6262780000000001</v>
      </c>
      <c r="D116">
        <f t="shared" si="6"/>
        <v>0.57054700000000036</v>
      </c>
      <c r="E116">
        <f t="shared" si="7"/>
        <v>64.90447099999983</v>
      </c>
      <c r="F116">
        <f t="shared" si="5"/>
        <v>5.1880121942623716E-2</v>
      </c>
    </row>
    <row r="117" spans="1:6" x14ac:dyDescent="0.2">
      <c r="A117">
        <v>2191.5480480000001</v>
      </c>
      <c r="B117">
        <v>20.036306</v>
      </c>
      <c r="C117">
        <v>6.6312829999999998</v>
      </c>
      <c r="D117">
        <f t="shared" si="6"/>
        <v>0.57555200000000006</v>
      </c>
      <c r="E117">
        <f t="shared" si="7"/>
        <v>63.737454999999954</v>
      </c>
      <c r="F117">
        <f t="shared" si="5"/>
        <v>5.0531146761095914E-2</v>
      </c>
    </row>
    <row r="118" spans="1:6" x14ac:dyDescent="0.2">
      <c r="A118">
        <v>2190.0528009999998</v>
      </c>
      <c r="B118">
        <v>20.052430999999999</v>
      </c>
      <c r="C118">
        <v>6.6362880000000004</v>
      </c>
      <c r="D118">
        <f t="shared" si="6"/>
        <v>0.58055700000000066</v>
      </c>
      <c r="E118">
        <f t="shared" si="7"/>
        <v>62.242207999999664</v>
      </c>
      <c r="F118">
        <f t="shared" si="5"/>
        <v>4.8953701920555051E-2</v>
      </c>
    </row>
    <row r="119" spans="1:6" x14ac:dyDescent="0.2">
      <c r="A119">
        <v>2189.2477939999999</v>
      </c>
      <c r="B119">
        <v>20.022091</v>
      </c>
      <c r="C119">
        <v>6.6412930000000001</v>
      </c>
      <c r="D119">
        <f t="shared" si="6"/>
        <v>0.58556200000000036</v>
      </c>
      <c r="E119">
        <f t="shared" si="7"/>
        <v>61.437200999999732</v>
      </c>
      <c r="F119">
        <f t="shared" si="5"/>
        <v>4.7925164843668822E-2</v>
      </c>
    </row>
    <row r="120" spans="1:6" x14ac:dyDescent="0.2">
      <c r="A120">
        <v>2188.7971889999999</v>
      </c>
      <c r="B120">
        <v>19.996962</v>
      </c>
      <c r="C120">
        <v>6.6462979999999998</v>
      </c>
      <c r="D120">
        <f t="shared" si="6"/>
        <v>0.59056700000000006</v>
      </c>
      <c r="E120">
        <f t="shared" si="7"/>
        <v>60.986595999999736</v>
      </c>
      <c r="F120">
        <f t="shared" si="5"/>
        <v>4.7180191116066937E-2</v>
      </c>
    </row>
    <row r="121" spans="1:6" x14ac:dyDescent="0.2">
      <c r="A121">
        <v>2188.4207350000001</v>
      </c>
      <c r="B121">
        <v>20.003771</v>
      </c>
      <c r="C121">
        <v>6.6513020000000003</v>
      </c>
      <c r="D121">
        <f t="shared" si="6"/>
        <v>0.59557100000000052</v>
      </c>
      <c r="E121">
        <f t="shared" si="7"/>
        <v>60.610141999999996</v>
      </c>
      <c r="F121">
        <f t="shared" si="5"/>
        <v>4.6502996456439613E-2</v>
      </c>
    </row>
    <row r="122" spans="1:6" x14ac:dyDescent="0.2">
      <c r="A122">
        <v>2188.4257120000002</v>
      </c>
      <c r="B122">
        <v>19.994125</v>
      </c>
      <c r="C122">
        <v>6.656307</v>
      </c>
      <c r="D122">
        <f t="shared" si="6"/>
        <v>0.60057600000000022</v>
      </c>
      <c r="E122">
        <f t="shared" si="7"/>
        <v>60.61511900000005</v>
      </c>
      <c r="F122">
        <f t="shared" si="5"/>
        <v>4.6119137883014069E-2</v>
      </c>
    </row>
    <row r="123" spans="1:6" x14ac:dyDescent="0.2">
      <c r="A123">
        <v>2189.2827219999999</v>
      </c>
      <c r="B123">
        <v>19.960899999999999</v>
      </c>
      <c r="C123">
        <v>6.6613119999999997</v>
      </c>
      <c r="D123">
        <f t="shared" si="6"/>
        <v>0.60558099999999992</v>
      </c>
      <c r="E123">
        <f t="shared" si="7"/>
        <v>61.472128999999768</v>
      </c>
      <c r="F123">
        <f t="shared" si="5"/>
        <v>4.6366483984887269E-2</v>
      </c>
    </row>
    <row r="124" spans="1:6" x14ac:dyDescent="0.2">
      <c r="A124">
        <v>2191.0789500000001</v>
      </c>
      <c r="B124">
        <v>19.920735000000001</v>
      </c>
      <c r="C124">
        <v>6.6663170000000003</v>
      </c>
      <c r="D124">
        <f t="shared" si="6"/>
        <v>0.61058600000000052</v>
      </c>
      <c r="E124">
        <f t="shared" si="7"/>
        <v>63.268356999999924</v>
      </c>
      <c r="F124">
        <f t="shared" si="5"/>
        <v>4.7291347385318802E-2</v>
      </c>
    </row>
    <row r="125" spans="1:6" x14ac:dyDescent="0.2">
      <c r="A125">
        <v>2193.0409650000001</v>
      </c>
      <c r="B125">
        <v>19.959318</v>
      </c>
      <c r="C125">
        <v>6.671322</v>
      </c>
      <c r="D125">
        <f t="shared" si="6"/>
        <v>0.61559100000000022</v>
      </c>
      <c r="E125">
        <f t="shared" si="7"/>
        <v>65.230371999999988</v>
      </c>
      <c r="F125">
        <f t="shared" si="5"/>
        <v>4.8318211367707926E-2</v>
      </c>
    </row>
    <row r="126" spans="1:6" x14ac:dyDescent="0.2">
      <c r="A126">
        <v>2194.320455</v>
      </c>
      <c r="B126">
        <v>19.950842000000002</v>
      </c>
      <c r="C126">
        <v>6.6763260000000004</v>
      </c>
      <c r="D126">
        <f t="shared" si="6"/>
        <v>0.62059500000000067</v>
      </c>
      <c r="E126">
        <f t="shared" si="7"/>
        <v>66.509861999999885</v>
      </c>
      <c r="F126">
        <f t="shared" si="5"/>
        <v>4.8840232527777673E-2</v>
      </c>
    </row>
    <row r="127" spans="1:6" x14ac:dyDescent="0.2">
      <c r="A127">
        <v>2195.609375</v>
      </c>
      <c r="B127">
        <v>19.950645000000002</v>
      </c>
      <c r="C127">
        <v>6.6813310000000001</v>
      </c>
      <c r="D127">
        <f t="shared" si="6"/>
        <v>0.62560000000000038</v>
      </c>
      <c r="E127">
        <f t="shared" si="7"/>
        <v>67.798781999999846</v>
      </c>
      <c r="F127">
        <f t="shared" si="5"/>
        <v>4.9359423120671125E-2</v>
      </c>
    </row>
    <row r="128" spans="1:6" x14ac:dyDescent="0.2">
      <c r="A128">
        <v>2197.004383</v>
      </c>
      <c r="B128">
        <v>19.966331</v>
      </c>
      <c r="C128">
        <v>6.6863359999999998</v>
      </c>
      <c r="D128">
        <f t="shared" si="6"/>
        <v>0.63060500000000008</v>
      </c>
      <c r="E128">
        <f t="shared" si="7"/>
        <v>69.193789999999808</v>
      </c>
      <c r="F128">
        <f t="shared" si="5"/>
        <v>4.9943478362882134E-2</v>
      </c>
    </row>
    <row r="129" spans="1:6" x14ac:dyDescent="0.2">
      <c r="A129">
        <v>2197.7238459999999</v>
      </c>
      <c r="B129">
        <v>19.978338999999998</v>
      </c>
      <c r="C129">
        <v>6.6913410000000004</v>
      </c>
      <c r="D129">
        <f t="shared" si="6"/>
        <v>0.63561000000000067</v>
      </c>
      <c r="E129">
        <f t="shared" si="7"/>
        <v>69.913252999999713</v>
      </c>
      <c r="F129">
        <f t="shared" si="5"/>
        <v>5.0049030385071809E-2</v>
      </c>
    </row>
    <row r="130" spans="1:6" x14ac:dyDescent="0.2">
      <c r="A130">
        <v>2197.804138</v>
      </c>
      <c r="B130">
        <v>20.007529999999999</v>
      </c>
      <c r="C130">
        <v>6.6963460000000001</v>
      </c>
      <c r="D130">
        <f t="shared" si="6"/>
        <v>0.64061500000000038</v>
      </c>
      <c r="E130">
        <f t="shared" si="7"/>
        <v>69.993544999999813</v>
      </c>
      <c r="F130">
        <f t="shared" si="5"/>
        <v>4.9713220671941796E-2</v>
      </c>
    </row>
    <row r="131" spans="1:6" x14ac:dyDescent="0.2">
      <c r="A131">
        <v>2197.703231</v>
      </c>
      <c r="B131">
        <v>19.979130999999999</v>
      </c>
      <c r="C131">
        <v>6.7013499999999997</v>
      </c>
      <c r="D131">
        <f t="shared" si="6"/>
        <v>0.64561899999999994</v>
      </c>
      <c r="E131">
        <f t="shared" si="7"/>
        <v>69.892637999999806</v>
      </c>
      <c r="F131">
        <f t="shared" ref="F131:F194" si="8">(1/A131)*(E131/D131)</f>
        <v>4.9259055816114727E-2</v>
      </c>
    </row>
    <row r="132" spans="1:6" x14ac:dyDescent="0.2">
      <c r="A132">
        <v>2197.9028509999998</v>
      </c>
      <c r="B132">
        <v>20.004822999999998</v>
      </c>
      <c r="C132">
        <v>6.7063550000000003</v>
      </c>
      <c r="D132">
        <f t="shared" si="6"/>
        <v>0.65062400000000054</v>
      </c>
      <c r="E132">
        <f t="shared" si="7"/>
        <v>70.092257999999674</v>
      </c>
      <c r="F132">
        <f t="shared" si="8"/>
        <v>4.9015279014392496E-2</v>
      </c>
    </row>
    <row r="133" spans="1:6" x14ac:dyDescent="0.2">
      <c r="A133">
        <v>2198.1401609999998</v>
      </c>
      <c r="B133">
        <v>19.997509000000001</v>
      </c>
      <c r="C133">
        <v>6.71136</v>
      </c>
      <c r="D133">
        <f t="shared" si="6"/>
        <v>0.65562900000000024</v>
      </c>
      <c r="E133">
        <f t="shared" si="7"/>
        <v>70.329567999999654</v>
      </c>
      <c r="F133">
        <f t="shared" si="8"/>
        <v>4.880051593135893E-2</v>
      </c>
    </row>
    <row r="134" spans="1:6" x14ac:dyDescent="0.2">
      <c r="A134">
        <v>2198.125434</v>
      </c>
      <c r="B134">
        <v>19.993226</v>
      </c>
      <c r="C134">
        <v>6.7163649999999997</v>
      </c>
      <c r="D134">
        <f t="shared" si="6"/>
        <v>0.66063399999999994</v>
      </c>
      <c r="E134">
        <f t="shared" si="7"/>
        <v>70.314840999999888</v>
      </c>
      <c r="F134">
        <f t="shared" si="8"/>
        <v>4.8420983510129509E-2</v>
      </c>
    </row>
    <row r="135" spans="1:6" x14ac:dyDescent="0.2">
      <c r="A135">
        <v>2198.0214890000002</v>
      </c>
      <c r="B135">
        <v>19.998649</v>
      </c>
      <c r="C135">
        <v>6.7213700000000003</v>
      </c>
      <c r="D135">
        <f t="shared" ref="D135:D198" si="9">C135-$C$2</f>
        <v>0.66563900000000054</v>
      </c>
      <c r="E135">
        <f t="shared" ref="E135:E198" si="10">A135-$A$2</f>
        <v>70.210896000000048</v>
      </c>
      <c r="F135">
        <f t="shared" si="8"/>
        <v>4.7988129467136258E-2</v>
      </c>
    </row>
    <row r="136" spans="1:6" x14ac:dyDescent="0.2">
      <c r="A136">
        <v>2198.5343250000001</v>
      </c>
      <c r="B136">
        <v>19.964770999999999</v>
      </c>
      <c r="C136">
        <v>6.7263739999999999</v>
      </c>
      <c r="D136">
        <f t="shared" si="9"/>
        <v>0.6706430000000001</v>
      </c>
      <c r="E136">
        <f t="shared" si="10"/>
        <v>70.723731999999927</v>
      </c>
      <c r="F136">
        <f t="shared" si="8"/>
        <v>4.7966775363761281E-2</v>
      </c>
    </row>
    <row r="137" spans="1:6" x14ac:dyDescent="0.2">
      <c r="A137">
        <v>2199.5418559999998</v>
      </c>
      <c r="B137">
        <v>19.973969</v>
      </c>
      <c r="C137">
        <v>6.7313789999999996</v>
      </c>
      <c r="D137">
        <f t="shared" si="9"/>
        <v>0.6756479999999998</v>
      </c>
      <c r="E137">
        <f t="shared" si="10"/>
        <v>71.731262999999672</v>
      </c>
      <c r="F137">
        <f t="shared" si="8"/>
        <v>4.8267605153800568E-2</v>
      </c>
    </row>
    <row r="138" spans="1:6" x14ac:dyDescent="0.2">
      <c r="A138">
        <v>2200.9192330000001</v>
      </c>
      <c r="B138">
        <v>19.953817000000001</v>
      </c>
      <c r="C138">
        <v>6.7363840000000001</v>
      </c>
      <c r="D138">
        <f t="shared" si="9"/>
        <v>0.6806530000000004</v>
      </c>
      <c r="E138">
        <f t="shared" si="10"/>
        <v>73.108639999999923</v>
      </c>
      <c r="F138">
        <f t="shared" si="8"/>
        <v>4.8802136626445322E-2</v>
      </c>
    </row>
    <row r="139" spans="1:6" x14ac:dyDescent="0.2">
      <c r="A139">
        <v>2201.9840530000001</v>
      </c>
      <c r="B139">
        <v>19.96583</v>
      </c>
      <c r="C139">
        <v>6.7413889999999999</v>
      </c>
      <c r="D139">
        <f t="shared" si="9"/>
        <v>0.6856580000000001</v>
      </c>
      <c r="E139">
        <f t="shared" si="10"/>
        <v>74.173459999999977</v>
      </c>
      <c r="F139">
        <f t="shared" si="8"/>
        <v>4.9127743987011301E-2</v>
      </c>
    </row>
    <row r="140" spans="1:6" x14ac:dyDescent="0.2">
      <c r="A140">
        <v>2202.1903379999999</v>
      </c>
      <c r="B140">
        <v>20.003312000000001</v>
      </c>
      <c r="C140">
        <v>6.7463939999999996</v>
      </c>
      <c r="D140">
        <f t="shared" si="9"/>
        <v>0.6906629999999998</v>
      </c>
      <c r="E140">
        <f t="shared" si="10"/>
        <v>74.37974499999973</v>
      </c>
      <c r="F140">
        <f t="shared" si="8"/>
        <v>4.8902790488559653E-2</v>
      </c>
    </row>
    <row r="141" spans="1:6" x14ac:dyDescent="0.2">
      <c r="A141">
        <v>2202.0462259999999</v>
      </c>
      <c r="B141">
        <v>20.008711999999999</v>
      </c>
      <c r="C141">
        <v>6.751398</v>
      </c>
      <c r="D141">
        <f t="shared" si="9"/>
        <v>0.69566700000000026</v>
      </c>
      <c r="E141">
        <f t="shared" si="10"/>
        <v>74.23563299999978</v>
      </c>
      <c r="F141">
        <f t="shared" si="8"/>
        <v>4.8460130804611437E-2</v>
      </c>
    </row>
    <row r="142" spans="1:6" x14ac:dyDescent="0.2">
      <c r="A142">
        <v>2201.5734940000002</v>
      </c>
      <c r="B142">
        <v>20.013648</v>
      </c>
      <c r="C142">
        <v>6.7564029999999997</v>
      </c>
      <c r="D142">
        <f t="shared" si="9"/>
        <v>0.70067199999999996</v>
      </c>
      <c r="E142">
        <f t="shared" si="10"/>
        <v>73.762901000000056</v>
      </c>
      <c r="F142">
        <f t="shared" si="8"/>
        <v>4.7817849195175621E-2</v>
      </c>
    </row>
    <row r="143" spans="1:6" x14ac:dyDescent="0.2">
      <c r="A143">
        <v>2201.7252199999998</v>
      </c>
      <c r="B143">
        <v>19.97982</v>
      </c>
      <c r="C143">
        <v>6.7614080000000003</v>
      </c>
      <c r="D143">
        <f t="shared" si="9"/>
        <v>0.70567700000000055</v>
      </c>
      <c r="E143">
        <f t="shared" si="10"/>
        <v>73.914626999999655</v>
      </c>
      <c r="F143">
        <f t="shared" si="8"/>
        <v>4.7573084389521882E-2</v>
      </c>
    </row>
    <row r="144" spans="1:6" x14ac:dyDescent="0.2">
      <c r="A144">
        <v>2202.2804940000001</v>
      </c>
      <c r="B144">
        <v>19.982481</v>
      </c>
      <c r="C144">
        <v>6.766413</v>
      </c>
      <c r="D144">
        <f t="shared" si="9"/>
        <v>0.71068200000000026</v>
      </c>
      <c r="E144">
        <f t="shared" si="10"/>
        <v>74.469900999999936</v>
      </c>
      <c r="F144">
        <f t="shared" si="8"/>
        <v>4.7580919273759882E-2</v>
      </c>
    </row>
    <row r="145" spans="1:6" x14ac:dyDescent="0.2">
      <c r="A145">
        <v>2201.9480699999999</v>
      </c>
      <c r="B145">
        <v>20.019079000000001</v>
      </c>
      <c r="C145">
        <v>6.7714179999999997</v>
      </c>
      <c r="D145">
        <f t="shared" si="9"/>
        <v>0.71568699999999996</v>
      </c>
      <c r="E145">
        <f t="shared" si="10"/>
        <v>74.137476999999762</v>
      </c>
      <c r="F145">
        <f t="shared" si="8"/>
        <v>4.7044363955585936E-2</v>
      </c>
    </row>
    <row r="146" spans="1:6" x14ac:dyDescent="0.2">
      <c r="A146">
        <v>2201.0199040000002</v>
      </c>
      <c r="B146">
        <v>20.028290999999999</v>
      </c>
      <c r="C146">
        <v>6.7764220000000002</v>
      </c>
      <c r="D146">
        <f t="shared" si="9"/>
        <v>0.72069100000000041</v>
      </c>
      <c r="E146">
        <f t="shared" si="10"/>
        <v>73.209311000000071</v>
      </c>
      <c r="F146">
        <f t="shared" si="8"/>
        <v>4.6152289590870907E-2</v>
      </c>
    </row>
    <row r="147" spans="1:6" x14ac:dyDescent="0.2">
      <c r="A147">
        <v>2200.514189</v>
      </c>
      <c r="B147">
        <v>19.994866999999999</v>
      </c>
      <c r="C147">
        <v>6.7814269999999999</v>
      </c>
      <c r="D147">
        <f t="shared" si="9"/>
        <v>0.72569600000000012</v>
      </c>
      <c r="E147">
        <f t="shared" si="10"/>
        <v>72.703595999999834</v>
      </c>
      <c r="F147">
        <f t="shared" si="8"/>
        <v>4.5527834044767311E-2</v>
      </c>
    </row>
    <row r="148" spans="1:6" x14ac:dyDescent="0.2">
      <c r="A148">
        <v>2199.6127120000001</v>
      </c>
      <c r="B148">
        <v>20.039394000000001</v>
      </c>
      <c r="C148">
        <v>6.7864319999999996</v>
      </c>
      <c r="D148">
        <f t="shared" si="9"/>
        <v>0.73070099999999982</v>
      </c>
      <c r="E148">
        <f t="shared" si="10"/>
        <v>71.802118999999948</v>
      </c>
      <c r="F148">
        <f t="shared" si="8"/>
        <v>4.4673639840107485E-2</v>
      </c>
    </row>
    <row r="149" spans="1:6" x14ac:dyDescent="0.2">
      <c r="A149">
        <v>2199.2365770000001</v>
      </c>
      <c r="B149">
        <v>19.997253000000001</v>
      </c>
      <c r="C149">
        <v>6.7914370000000002</v>
      </c>
      <c r="D149">
        <f t="shared" si="9"/>
        <v>0.73570600000000042</v>
      </c>
      <c r="E149">
        <f t="shared" si="10"/>
        <v>71.425983999999971</v>
      </c>
      <c r="F149">
        <f t="shared" si="8"/>
        <v>4.414484378209458E-2</v>
      </c>
    </row>
    <row r="150" spans="1:6" x14ac:dyDescent="0.2">
      <c r="A150">
        <v>2199.1123360000001</v>
      </c>
      <c r="B150">
        <v>20.008942999999999</v>
      </c>
      <c r="C150">
        <v>6.7964419999999999</v>
      </c>
      <c r="D150">
        <f t="shared" si="9"/>
        <v>0.74071100000000012</v>
      </c>
      <c r="E150">
        <f t="shared" si="10"/>
        <v>71.301742999999988</v>
      </c>
      <c r="F150">
        <f t="shared" si="8"/>
        <v>4.3772760655324774E-2</v>
      </c>
    </row>
    <row r="151" spans="1:6" x14ac:dyDescent="0.2">
      <c r="A151">
        <v>2199.460791</v>
      </c>
      <c r="B151">
        <v>19.963567000000001</v>
      </c>
      <c r="C151">
        <v>6.8014460000000003</v>
      </c>
      <c r="D151">
        <f t="shared" si="9"/>
        <v>0.74571500000000057</v>
      </c>
      <c r="E151">
        <f t="shared" si="10"/>
        <v>71.650197999999818</v>
      </c>
      <c r="F151">
        <f t="shared" si="8"/>
        <v>4.3684592767571362E-2</v>
      </c>
    </row>
    <row r="152" spans="1:6" x14ac:dyDescent="0.2">
      <c r="A152">
        <v>2199.9025740000002</v>
      </c>
      <c r="B152">
        <v>19.997713000000001</v>
      </c>
      <c r="C152">
        <v>6.806451</v>
      </c>
      <c r="D152">
        <f t="shared" si="9"/>
        <v>0.75072000000000028</v>
      </c>
      <c r="E152">
        <f t="shared" si="10"/>
        <v>72.091981000000033</v>
      </c>
      <c r="F152">
        <f t="shared" si="8"/>
        <v>4.3652138614806671E-2</v>
      </c>
    </row>
    <row r="153" spans="1:6" x14ac:dyDescent="0.2">
      <c r="A153">
        <v>2200.334664</v>
      </c>
      <c r="B153">
        <v>19.970766000000001</v>
      </c>
      <c r="C153">
        <v>6.8114559999999997</v>
      </c>
      <c r="D153">
        <f t="shared" si="9"/>
        <v>0.75572499999999998</v>
      </c>
      <c r="E153">
        <f t="shared" si="10"/>
        <v>72.524070999999822</v>
      </c>
      <c r="F153">
        <f t="shared" si="8"/>
        <v>4.3614374105724434E-2</v>
      </c>
    </row>
    <row r="154" spans="1:6" x14ac:dyDescent="0.2">
      <c r="A154">
        <v>2200.46985</v>
      </c>
      <c r="B154">
        <v>20.015934000000001</v>
      </c>
      <c r="C154">
        <v>6.8164610000000003</v>
      </c>
      <c r="D154">
        <f t="shared" si="9"/>
        <v>0.76073000000000057</v>
      </c>
      <c r="E154">
        <f t="shared" si="10"/>
        <v>72.659256999999798</v>
      </c>
      <c r="F154">
        <f t="shared" si="8"/>
        <v>4.3405522332000776E-2</v>
      </c>
    </row>
    <row r="155" spans="1:6" x14ac:dyDescent="0.2">
      <c r="A155">
        <v>2200.764177</v>
      </c>
      <c r="B155">
        <v>19.962847</v>
      </c>
      <c r="C155">
        <v>6.821466</v>
      </c>
      <c r="D155">
        <f t="shared" si="9"/>
        <v>0.76573500000000028</v>
      </c>
      <c r="E155">
        <f t="shared" si="10"/>
        <v>72.953583999999864</v>
      </c>
      <c r="F155">
        <f t="shared" si="8"/>
        <v>4.3290701767567774E-2</v>
      </c>
    </row>
    <row r="156" spans="1:6" x14ac:dyDescent="0.2">
      <c r="A156">
        <v>2201.967662</v>
      </c>
      <c r="B156">
        <v>19.955698000000002</v>
      </c>
      <c r="C156">
        <v>6.8264699999999996</v>
      </c>
      <c r="D156">
        <f t="shared" si="9"/>
        <v>0.77073899999999984</v>
      </c>
      <c r="E156">
        <f t="shared" si="10"/>
        <v>74.157068999999865</v>
      </c>
      <c r="F156">
        <f t="shared" si="8"/>
        <v>4.3695255634928432E-2</v>
      </c>
    </row>
    <row r="157" spans="1:6" x14ac:dyDescent="0.2">
      <c r="A157">
        <v>2203.4154789999998</v>
      </c>
      <c r="B157">
        <v>19.955058000000001</v>
      </c>
      <c r="C157">
        <v>6.8314750000000002</v>
      </c>
      <c r="D157">
        <f t="shared" si="9"/>
        <v>0.77574400000000043</v>
      </c>
      <c r="E157">
        <f t="shared" si="10"/>
        <v>75.604885999999624</v>
      </c>
      <c r="F157">
        <f t="shared" si="8"/>
        <v>4.4231843634575253E-2</v>
      </c>
    </row>
    <row r="158" spans="1:6" x14ac:dyDescent="0.2">
      <c r="A158">
        <v>2204.256594</v>
      </c>
      <c r="B158">
        <v>19.979431000000002</v>
      </c>
      <c r="C158">
        <v>6.8364799999999999</v>
      </c>
      <c r="D158">
        <f t="shared" si="9"/>
        <v>0.78074900000000014</v>
      </c>
      <c r="E158">
        <f t="shared" si="10"/>
        <v>76.446000999999796</v>
      </c>
      <c r="F158">
        <f t="shared" si="8"/>
        <v>4.442026923076494E-2</v>
      </c>
    </row>
    <row r="159" spans="1:6" x14ac:dyDescent="0.2">
      <c r="A159">
        <v>2205.6273219999998</v>
      </c>
      <c r="B159">
        <v>19.940816000000002</v>
      </c>
      <c r="C159">
        <v>6.8414849999999996</v>
      </c>
      <c r="D159">
        <f t="shared" si="9"/>
        <v>0.78575399999999984</v>
      </c>
      <c r="E159">
        <f t="shared" si="10"/>
        <v>77.816728999999668</v>
      </c>
      <c r="F159">
        <f t="shared" si="8"/>
        <v>4.4900816444705741E-2</v>
      </c>
    </row>
    <row r="160" spans="1:6" x14ac:dyDescent="0.2">
      <c r="A160">
        <v>2206.7803359999998</v>
      </c>
      <c r="B160">
        <v>19.959489000000001</v>
      </c>
      <c r="C160">
        <v>6.8464900000000002</v>
      </c>
      <c r="D160">
        <f t="shared" si="9"/>
        <v>0.79075900000000043</v>
      </c>
      <c r="E160">
        <f t="shared" si="10"/>
        <v>78.969742999999653</v>
      </c>
      <c r="F160">
        <f t="shared" si="8"/>
        <v>4.5254052431289951E-2</v>
      </c>
    </row>
    <row r="161" spans="1:6" x14ac:dyDescent="0.2">
      <c r="A161">
        <v>2207.428277</v>
      </c>
      <c r="B161">
        <v>19.99099</v>
      </c>
      <c r="C161">
        <v>6.8514939999999998</v>
      </c>
      <c r="D161">
        <f t="shared" si="9"/>
        <v>0.795763</v>
      </c>
      <c r="E161">
        <f t="shared" si="10"/>
        <v>79.617683999999826</v>
      </c>
      <c r="F161">
        <f t="shared" si="8"/>
        <v>4.5325144411828354E-2</v>
      </c>
    </row>
    <row r="162" spans="1:6" x14ac:dyDescent="0.2">
      <c r="A162">
        <v>2207.7102850000001</v>
      </c>
      <c r="B162">
        <v>19.982810000000001</v>
      </c>
      <c r="C162">
        <v>6.8564990000000003</v>
      </c>
      <c r="D162">
        <f t="shared" si="9"/>
        <v>0.80076800000000059</v>
      </c>
      <c r="E162">
        <f t="shared" si="10"/>
        <v>79.899691999999959</v>
      </c>
      <c r="F162">
        <f t="shared" si="8"/>
        <v>4.5195616473638497E-2</v>
      </c>
    </row>
    <row r="163" spans="1:6" x14ac:dyDescent="0.2">
      <c r="A163">
        <v>2208.3837199999998</v>
      </c>
      <c r="B163">
        <v>19.976405</v>
      </c>
      <c r="C163">
        <v>6.861504</v>
      </c>
      <c r="D163">
        <f t="shared" si="9"/>
        <v>0.80577300000000029</v>
      </c>
      <c r="E163">
        <f t="shared" si="10"/>
        <v>80.573126999999658</v>
      </c>
      <c r="F163">
        <f t="shared" si="8"/>
        <v>4.5279640588039356E-2</v>
      </c>
    </row>
    <row r="164" spans="1:6" x14ac:dyDescent="0.2">
      <c r="A164">
        <v>2209.492679</v>
      </c>
      <c r="B164">
        <v>19.974903999999999</v>
      </c>
      <c r="C164">
        <v>6.8665089999999998</v>
      </c>
      <c r="D164">
        <f t="shared" si="9"/>
        <v>0.810778</v>
      </c>
      <c r="E164">
        <f t="shared" si="10"/>
        <v>81.682085999999799</v>
      </c>
      <c r="F164">
        <f t="shared" si="8"/>
        <v>4.5596582955290142E-2</v>
      </c>
    </row>
    <row r="165" spans="1:6" x14ac:dyDescent="0.2">
      <c r="A165">
        <v>2210.09737</v>
      </c>
      <c r="B165">
        <v>19.979112000000001</v>
      </c>
      <c r="C165">
        <v>6.8715140000000003</v>
      </c>
      <c r="D165">
        <f t="shared" si="9"/>
        <v>0.81578300000000059</v>
      </c>
      <c r="E165">
        <f t="shared" si="10"/>
        <v>82.286776999999802</v>
      </c>
      <c r="F165">
        <f t="shared" si="8"/>
        <v>4.5639827429453821E-2</v>
      </c>
    </row>
    <row r="166" spans="1:6" x14ac:dyDescent="0.2">
      <c r="A166">
        <v>2210.3098380000001</v>
      </c>
      <c r="B166">
        <v>19.985039</v>
      </c>
      <c r="C166">
        <v>6.8765179999999999</v>
      </c>
      <c r="D166">
        <f t="shared" si="9"/>
        <v>0.82078700000000016</v>
      </c>
      <c r="E166">
        <f t="shared" si="10"/>
        <v>82.499244999999974</v>
      </c>
      <c r="F166">
        <f t="shared" si="8"/>
        <v>4.5474334086449394E-2</v>
      </c>
    </row>
    <row r="167" spans="1:6" x14ac:dyDescent="0.2">
      <c r="A167">
        <v>2210.3068699999999</v>
      </c>
      <c r="B167">
        <v>20.003055</v>
      </c>
      <c r="C167">
        <v>6.8815229999999996</v>
      </c>
      <c r="D167">
        <f t="shared" si="9"/>
        <v>0.82579199999999986</v>
      </c>
      <c r="E167">
        <f t="shared" si="10"/>
        <v>82.496276999999736</v>
      </c>
      <c r="F167">
        <f t="shared" si="8"/>
        <v>4.5197155665720509E-2</v>
      </c>
    </row>
    <row r="168" spans="1:6" x14ac:dyDescent="0.2">
      <c r="A168">
        <v>2210.0568039999998</v>
      </c>
      <c r="B168">
        <v>20.017541999999999</v>
      </c>
      <c r="C168">
        <v>6.8865280000000002</v>
      </c>
      <c r="D168">
        <f t="shared" si="9"/>
        <v>0.83079700000000045</v>
      </c>
      <c r="E168">
        <f t="shared" si="10"/>
        <v>82.246210999999676</v>
      </c>
      <c r="F168">
        <f t="shared" si="8"/>
        <v>4.4793762566990546E-2</v>
      </c>
    </row>
    <row r="169" spans="1:6" x14ac:dyDescent="0.2">
      <c r="A169">
        <v>2209.4334589999999</v>
      </c>
      <c r="B169">
        <v>20.017289999999999</v>
      </c>
      <c r="C169">
        <v>6.8915329999999999</v>
      </c>
      <c r="D169">
        <f t="shared" si="9"/>
        <v>0.83580200000000016</v>
      </c>
      <c r="E169">
        <f t="shared" si="10"/>
        <v>81.622865999999703</v>
      </c>
      <c r="F169">
        <f t="shared" si="8"/>
        <v>4.4200533099527803E-2</v>
      </c>
    </row>
    <row r="170" spans="1:6" x14ac:dyDescent="0.2">
      <c r="A170">
        <v>2208.1362589999999</v>
      </c>
      <c r="B170">
        <v>20.045672</v>
      </c>
      <c r="C170">
        <v>6.8965379999999996</v>
      </c>
      <c r="D170">
        <f t="shared" si="9"/>
        <v>0.84080699999999986</v>
      </c>
      <c r="E170">
        <f t="shared" si="10"/>
        <v>80.325665999999728</v>
      </c>
      <c r="F170">
        <f t="shared" si="8"/>
        <v>4.3264545644632786E-2</v>
      </c>
    </row>
    <row r="171" spans="1:6" x14ac:dyDescent="0.2">
      <c r="A171">
        <v>2207.5156000000002</v>
      </c>
      <c r="B171">
        <v>19.994592000000001</v>
      </c>
      <c r="C171">
        <v>6.9015420000000001</v>
      </c>
      <c r="D171">
        <f t="shared" si="9"/>
        <v>0.84581100000000031</v>
      </c>
      <c r="E171">
        <f t="shared" si="10"/>
        <v>79.705007000000023</v>
      </c>
      <c r="F171">
        <f t="shared" si="8"/>
        <v>4.2688264022566327E-2</v>
      </c>
    </row>
    <row r="172" spans="1:6" x14ac:dyDescent="0.2">
      <c r="A172">
        <v>2207.0224739999999</v>
      </c>
      <c r="B172">
        <v>20.045082000000001</v>
      </c>
      <c r="C172">
        <v>6.9065469999999998</v>
      </c>
      <c r="D172">
        <f t="shared" si="9"/>
        <v>0.85081600000000002</v>
      </c>
      <c r="E172">
        <f t="shared" si="10"/>
        <v>79.211880999999721</v>
      </c>
      <c r="F172">
        <f t="shared" si="8"/>
        <v>4.2184015932651135E-2</v>
      </c>
    </row>
    <row r="173" spans="1:6" x14ac:dyDescent="0.2">
      <c r="A173">
        <v>2205.985913</v>
      </c>
      <c r="B173">
        <v>20.015996000000001</v>
      </c>
      <c r="C173">
        <v>6.9115520000000004</v>
      </c>
      <c r="D173">
        <f t="shared" si="9"/>
        <v>0.85582100000000061</v>
      </c>
      <c r="E173">
        <f t="shared" si="10"/>
        <v>78.175319999999829</v>
      </c>
      <c r="F173">
        <f t="shared" si="8"/>
        <v>4.1407975140690563E-2</v>
      </c>
    </row>
    <row r="174" spans="1:6" x14ac:dyDescent="0.2">
      <c r="A174">
        <v>2204.592443</v>
      </c>
      <c r="B174">
        <v>20.039269000000001</v>
      </c>
      <c r="C174">
        <v>6.9165570000000001</v>
      </c>
      <c r="D174">
        <f t="shared" si="9"/>
        <v>0.86082600000000031</v>
      </c>
      <c r="E174">
        <f t="shared" si="10"/>
        <v>76.781849999999849</v>
      </c>
      <c r="F174">
        <f t="shared" si="8"/>
        <v>4.0458975534229169E-2</v>
      </c>
    </row>
    <row r="175" spans="1:6" x14ac:dyDescent="0.2">
      <c r="A175">
        <v>2203.9642650000001</v>
      </c>
      <c r="B175">
        <v>20.002772</v>
      </c>
      <c r="C175">
        <v>6.9215619999999998</v>
      </c>
      <c r="D175">
        <f t="shared" si="9"/>
        <v>0.86583100000000002</v>
      </c>
      <c r="E175">
        <f t="shared" si="10"/>
        <v>76.153671999999915</v>
      </c>
      <c r="F175">
        <f t="shared" si="8"/>
        <v>3.9907375678827996E-2</v>
      </c>
    </row>
    <row r="176" spans="1:6" x14ac:dyDescent="0.2">
      <c r="A176">
        <v>2203.716371</v>
      </c>
      <c r="B176">
        <v>20.015263999999998</v>
      </c>
      <c r="C176">
        <v>6.9265660000000002</v>
      </c>
      <c r="D176">
        <f t="shared" si="9"/>
        <v>0.87083500000000047</v>
      </c>
      <c r="E176">
        <f t="shared" si="10"/>
        <v>75.905777999999827</v>
      </c>
      <c r="F176">
        <f t="shared" si="8"/>
        <v>3.9553349099759466E-2</v>
      </c>
    </row>
    <row r="177" spans="1:6" x14ac:dyDescent="0.2">
      <c r="A177">
        <v>2203.241082</v>
      </c>
      <c r="B177">
        <v>20.019034000000001</v>
      </c>
      <c r="C177">
        <v>6.9315709999999999</v>
      </c>
      <c r="D177">
        <f t="shared" si="9"/>
        <v>0.87584000000000017</v>
      </c>
      <c r="E177">
        <f t="shared" si="10"/>
        <v>75.430488999999852</v>
      </c>
      <c r="F177">
        <f t="shared" si="8"/>
        <v>3.9089501006383504E-2</v>
      </c>
    </row>
    <row r="178" spans="1:6" x14ac:dyDescent="0.2">
      <c r="A178">
        <v>2202.5777910000002</v>
      </c>
      <c r="B178">
        <v>20.008714999999999</v>
      </c>
      <c r="C178">
        <v>6.9365759999999996</v>
      </c>
      <c r="D178">
        <f t="shared" si="9"/>
        <v>0.88084499999999988</v>
      </c>
      <c r="E178">
        <f t="shared" si="10"/>
        <v>74.767198000000008</v>
      </c>
      <c r="F178">
        <f t="shared" si="8"/>
        <v>3.853721765682934E-2</v>
      </c>
    </row>
    <row r="179" spans="1:6" x14ac:dyDescent="0.2">
      <c r="A179">
        <v>2202.7773820000002</v>
      </c>
      <c r="B179">
        <v>19.967414000000002</v>
      </c>
      <c r="C179">
        <v>6.9415810000000002</v>
      </c>
      <c r="D179">
        <f t="shared" si="9"/>
        <v>0.88585000000000047</v>
      </c>
      <c r="E179">
        <f t="shared" si="10"/>
        <v>74.966789000000063</v>
      </c>
      <c r="F179">
        <f t="shared" si="8"/>
        <v>3.8418297156335497E-2</v>
      </c>
    </row>
    <row r="180" spans="1:6" x14ac:dyDescent="0.2">
      <c r="A180">
        <v>2204.8302140000001</v>
      </c>
      <c r="B180">
        <v>19.908204999999999</v>
      </c>
      <c r="C180">
        <v>6.9465859999999999</v>
      </c>
      <c r="D180">
        <f t="shared" si="9"/>
        <v>0.89085500000000017</v>
      </c>
      <c r="E180">
        <f t="shared" si="10"/>
        <v>77.019620999999916</v>
      </c>
      <c r="F180">
        <f t="shared" si="8"/>
        <v>3.9212018937264316E-2</v>
      </c>
    </row>
    <row r="181" spans="1:6" x14ac:dyDescent="0.2">
      <c r="A181">
        <v>2206.6888220000001</v>
      </c>
      <c r="B181">
        <v>19.961289000000001</v>
      </c>
      <c r="C181">
        <v>6.9515900000000004</v>
      </c>
      <c r="D181">
        <f t="shared" si="9"/>
        <v>0.89585900000000063</v>
      </c>
      <c r="E181">
        <f t="shared" si="10"/>
        <v>78.878228999999919</v>
      </c>
      <c r="F181">
        <f t="shared" si="8"/>
        <v>3.9900321490408348E-2</v>
      </c>
    </row>
    <row r="182" spans="1:6" x14ac:dyDescent="0.2">
      <c r="A182">
        <v>2207.8938629999998</v>
      </c>
      <c r="B182">
        <v>19.961511999999999</v>
      </c>
      <c r="C182">
        <v>6.9565950000000001</v>
      </c>
      <c r="D182">
        <f t="shared" si="9"/>
        <v>0.90086400000000033</v>
      </c>
      <c r="E182">
        <f t="shared" si="10"/>
        <v>80.083269999999629</v>
      </c>
      <c r="F182">
        <f t="shared" si="8"/>
        <v>4.0262837074185459E-2</v>
      </c>
    </row>
    <row r="183" spans="1:6" x14ac:dyDescent="0.2">
      <c r="A183">
        <v>2209.6997179999998</v>
      </c>
      <c r="B183">
        <v>19.929272999999998</v>
      </c>
      <c r="C183">
        <v>6.9615999999999998</v>
      </c>
      <c r="D183">
        <f t="shared" si="9"/>
        <v>0.90586900000000004</v>
      </c>
      <c r="E183">
        <f t="shared" si="10"/>
        <v>81.889124999999694</v>
      </c>
      <c r="F183">
        <f t="shared" si="8"/>
        <v>4.0909820370049949E-2</v>
      </c>
    </row>
    <row r="184" spans="1:6" x14ac:dyDescent="0.2">
      <c r="A184">
        <v>2211.634638</v>
      </c>
      <c r="B184">
        <v>19.937263999999999</v>
      </c>
      <c r="C184">
        <v>6.9666050000000004</v>
      </c>
      <c r="D184">
        <f t="shared" si="9"/>
        <v>0.91087400000000063</v>
      </c>
      <c r="E184">
        <f t="shared" si="10"/>
        <v>83.824044999999842</v>
      </c>
      <c r="F184">
        <f t="shared" si="8"/>
        <v>4.1609924270890358E-2</v>
      </c>
    </row>
    <row r="185" spans="1:6" x14ac:dyDescent="0.2">
      <c r="A185">
        <v>2213.6422339999999</v>
      </c>
      <c r="B185">
        <v>19.936831000000002</v>
      </c>
      <c r="C185">
        <v>6.9716100000000001</v>
      </c>
      <c r="D185">
        <f t="shared" si="9"/>
        <v>0.91587900000000033</v>
      </c>
      <c r="E185">
        <f t="shared" si="10"/>
        <v>85.831640999999763</v>
      </c>
      <c r="F185">
        <f t="shared" si="8"/>
        <v>4.2335225989455202E-2</v>
      </c>
    </row>
    <row r="186" spans="1:6" x14ac:dyDescent="0.2">
      <c r="A186">
        <v>2215.398952</v>
      </c>
      <c r="B186">
        <v>19.948867</v>
      </c>
      <c r="C186">
        <v>6.9766139999999996</v>
      </c>
      <c r="D186">
        <f t="shared" si="9"/>
        <v>0.9208829999999999</v>
      </c>
      <c r="E186">
        <f t="shared" si="10"/>
        <v>87.588358999999855</v>
      </c>
      <c r="F186">
        <f t="shared" si="8"/>
        <v>4.2932876592106865E-2</v>
      </c>
    </row>
    <row r="187" spans="1:6" x14ac:dyDescent="0.2">
      <c r="A187">
        <v>2216.5279249999999</v>
      </c>
      <c r="B187">
        <v>19.975290999999999</v>
      </c>
      <c r="C187">
        <v>6.9816190000000002</v>
      </c>
      <c r="D187">
        <f t="shared" si="9"/>
        <v>0.92588800000000049</v>
      </c>
      <c r="E187">
        <f t="shared" si="10"/>
        <v>88.717331999999715</v>
      </c>
      <c r="F187">
        <f t="shared" si="8"/>
        <v>4.322916134324311E-2</v>
      </c>
    </row>
    <row r="188" spans="1:6" x14ac:dyDescent="0.2">
      <c r="A188">
        <v>2217.5539950000002</v>
      </c>
      <c r="B188">
        <v>19.971962000000001</v>
      </c>
      <c r="C188">
        <v>6.9866239999999999</v>
      </c>
      <c r="D188">
        <f t="shared" si="9"/>
        <v>0.93089300000000019</v>
      </c>
      <c r="E188">
        <f t="shared" si="10"/>
        <v>89.74340200000006</v>
      </c>
      <c r="F188">
        <f t="shared" si="8"/>
        <v>4.347389588814693E-2</v>
      </c>
    </row>
    <row r="189" spans="1:6" x14ac:dyDescent="0.2">
      <c r="A189">
        <v>2217.7603220000001</v>
      </c>
      <c r="B189">
        <v>19.992557000000001</v>
      </c>
      <c r="C189">
        <v>6.9916289999999996</v>
      </c>
      <c r="D189">
        <f t="shared" si="9"/>
        <v>0.9358979999999999</v>
      </c>
      <c r="E189">
        <f t="shared" si="10"/>
        <v>89.949728999999934</v>
      </c>
      <c r="F189">
        <f t="shared" si="8"/>
        <v>4.3336789128821877E-2</v>
      </c>
    </row>
    <row r="190" spans="1:6" x14ac:dyDescent="0.2">
      <c r="A190">
        <v>2218.0667210000001</v>
      </c>
      <c r="B190">
        <v>19.994091000000001</v>
      </c>
      <c r="C190">
        <v>6.9966340000000002</v>
      </c>
      <c r="D190">
        <f t="shared" si="9"/>
        <v>0.94090300000000049</v>
      </c>
      <c r="E190">
        <f t="shared" si="10"/>
        <v>90.25612799999999</v>
      </c>
      <c r="F190">
        <f t="shared" si="8"/>
        <v>4.3247124760499037E-2</v>
      </c>
    </row>
    <row r="191" spans="1:6" x14ac:dyDescent="0.2">
      <c r="A191">
        <v>2218.3543930000001</v>
      </c>
      <c r="B191">
        <v>20.004297000000001</v>
      </c>
      <c r="C191">
        <v>7.0016379999999998</v>
      </c>
      <c r="D191">
        <f t="shared" si="9"/>
        <v>0.94590700000000005</v>
      </c>
      <c r="E191">
        <f t="shared" si="10"/>
        <v>90.543799999999919</v>
      </c>
      <c r="F191">
        <f t="shared" si="8"/>
        <v>4.3149855915096062E-2</v>
      </c>
    </row>
    <row r="192" spans="1:6" x14ac:dyDescent="0.2">
      <c r="A192">
        <v>2218.302655</v>
      </c>
      <c r="B192">
        <v>19.997895</v>
      </c>
      <c r="C192">
        <v>7.0066430000000004</v>
      </c>
      <c r="D192">
        <f t="shared" si="9"/>
        <v>0.95091200000000065</v>
      </c>
      <c r="E192">
        <f t="shared" si="10"/>
        <v>90.492061999999805</v>
      </c>
      <c r="F192">
        <f t="shared" si="8"/>
        <v>4.2899216201800441E-2</v>
      </c>
    </row>
    <row r="193" spans="1:6" x14ac:dyDescent="0.2">
      <c r="A193">
        <v>2218.1691540000002</v>
      </c>
      <c r="B193">
        <v>20.011754</v>
      </c>
      <c r="C193">
        <v>7.0116480000000001</v>
      </c>
      <c r="D193">
        <f t="shared" si="9"/>
        <v>0.95591700000000035</v>
      </c>
      <c r="E193">
        <f t="shared" si="10"/>
        <v>90.358561000000009</v>
      </c>
      <c r="F193">
        <f t="shared" si="8"/>
        <v>4.2614211709562179E-2</v>
      </c>
    </row>
    <row r="194" spans="1:6" x14ac:dyDescent="0.2">
      <c r="A194">
        <v>2217.2720920000002</v>
      </c>
      <c r="B194">
        <v>20.023468000000001</v>
      </c>
      <c r="C194">
        <v>7.0166529999999998</v>
      </c>
      <c r="D194">
        <f t="shared" si="9"/>
        <v>0.96092200000000005</v>
      </c>
      <c r="E194">
        <f t="shared" si="10"/>
        <v>89.461499000000003</v>
      </c>
      <c r="F194">
        <f t="shared" si="8"/>
        <v>4.198837271329723E-2</v>
      </c>
    </row>
    <row r="195" spans="1:6" x14ac:dyDescent="0.2">
      <c r="A195">
        <v>2215.6960859999999</v>
      </c>
      <c r="B195">
        <v>20.051372000000001</v>
      </c>
      <c r="C195">
        <v>7.0216580000000004</v>
      </c>
      <c r="D195">
        <f t="shared" si="9"/>
        <v>0.96592700000000065</v>
      </c>
      <c r="E195">
        <f t="shared" si="10"/>
        <v>87.885492999999769</v>
      </c>
      <c r="F195">
        <f t="shared" ref="F195:F258" si="11">(1/A195)*(E195/D195)</f>
        <v>4.1064136694275458E-2</v>
      </c>
    </row>
    <row r="196" spans="1:6" x14ac:dyDescent="0.2">
      <c r="A196">
        <v>2214.0760850000001</v>
      </c>
      <c r="B196">
        <v>20.035765999999999</v>
      </c>
      <c r="C196">
        <v>7.026662</v>
      </c>
      <c r="D196">
        <f t="shared" si="9"/>
        <v>0.97093100000000021</v>
      </c>
      <c r="E196">
        <f t="shared" si="10"/>
        <v>86.265491999999995</v>
      </c>
      <c r="F196">
        <f t="shared" si="11"/>
        <v>4.0128802048074293E-2</v>
      </c>
    </row>
    <row r="197" spans="1:6" x14ac:dyDescent="0.2">
      <c r="A197">
        <v>2212.6542789999999</v>
      </c>
      <c r="B197">
        <v>20.052461000000001</v>
      </c>
      <c r="C197">
        <v>7.0316669999999997</v>
      </c>
      <c r="D197">
        <f t="shared" si="9"/>
        <v>0.97593599999999991</v>
      </c>
      <c r="E197">
        <f t="shared" si="10"/>
        <v>84.843685999999707</v>
      </c>
      <c r="F197">
        <f t="shared" si="11"/>
        <v>3.9290235114777812E-2</v>
      </c>
    </row>
    <row r="198" spans="1:6" x14ac:dyDescent="0.2">
      <c r="A198">
        <v>2211.6488770000001</v>
      </c>
      <c r="B198">
        <v>20.003596000000002</v>
      </c>
      <c r="C198">
        <v>7.0366720000000003</v>
      </c>
      <c r="D198">
        <f t="shared" si="9"/>
        <v>0.98094100000000051</v>
      </c>
      <c r="E198">
        <f t="shared" si="10"/>
        <v>83.838283999999931</v>
      </c>
      <c r="F198">
        <f t="shared" si="11"/>
        <v>3.86441104277402E-2</v>
      </c>
    </row>
    <row r="199" spans="1:6" x14ac:dyDescent="0.2">
      <c r="A199">
        <v>2210.7108170000001</v>
      </c>
      <c r="B199">
        <v>20.03228</v>
      </c>
      <c r="C199">
        <v>7.041677</v>
      </c>
      <c r="D199">
        <f t="shared" ref="D199:D262" si="12">C199-$C$2</f>
        <v>0.98594600000000021</v>
      </c>
      <c r="E199">
        <f t="shared" ref="E199:E262" si="13">A199-$A$2</f>
        <v>82.90022399999998</v>
      </c>
      <c r="F199">
        <f t="shared" si="11"/>
        <v>3.8033880565989803E-2</v>
      </c>
    </row>
    <row r="200" spans="1:6" x14ac:dyDescent="0.2">
      <c r="A200">
        <v>2210.155483</v>
      </c>
      <c r="B200">
        <v>19.999307000000002</v>
      </c>
      <c r="C200">
        <v>7.0466819999999997</v>
      </c>
      <c r="D200">
        <f t="shared" si="12"/>
        <v>0.99095099999999992</v>
      </c>
      <c r="E200">
        <f t="shared" si="13"/>
        <v>82.34488999999985</v>
      </c>
      <c r="F200">
        <f t="shared" si="11"/>
        <v>3.7597731871439125E-2</v>
      </c>
    </row>
    <row r="201" spans="1:6" x14ac:dyDescent="0.2">
      <c r="A201">
        <v>2209.646088</v>
      </c>
      <c r="B201">
        <v>20.020175999999999</v>
      </c>
      <c r="C201">
        <v>7.0516860000000001</v>
      </c>
      <c r="D201">
        <f t="shared" si="12"/>
        <v>0.99595500000000037</v>
      </c>
      <c r="E201">
        <f t="shared" si="13"/>
        <v>81.83549499999981</v>
      </c>
      <c r="F201">
        <f t="shared" si="11"/>
        <v>3.7185983970985992E-2</v>
      </c>
    </row>
    <row r="202" spans="1:6" x14ac:dyDescent="0.2">
      <c r="A202">
        <v>2209.2058790000001</v>
      </c>
      <c r="B202">
        <v>20.010764000000002</v>
      </c>
      <c r="C202">
        <v>7.0566909999999998</v>
      </c>
      <c r="D202">
        <f t="shared" si="12"/>
        <v>1.0009600000000001</v>
      </c>
      <c r="E202">
        <f t="shared" si="13"/>
        <v>81.395285999999942</v>
      </c>
      <c r="F202">
        <f t="shared" si="11"/>
        <v>3.6808349208358786E-2</v>
      </c>
    </row>
    <row r="203" spans="1:6" x14ac:dyDescent="0.2">
      <c r="A203">
        <v>2209.2083699999998</v>
      </c>
      <c r="B203">
        <v>19.971883999999999</v>
      </c>
      <c r="C203">
        <v>7.0616960000000004</v>
      </c>
      <c r="D203">
        <f t="shared" si="12"/>
        <v>1.0059650000000007</v>
      </c>
      <c r="E203">
        <f t="shared" si="13"/>
        <v>81.397776999999678</v>
      </c>
      <c r="F203">
        <f t="shared" si="11"/>
        <v>3.6626295381646343E-2</v>
      </c>
    </row>
    <row r="204" spans="1:6" x14ac:dyDescent="0.2">
      <c r="A204">
        <v>2209.4395009999998</v>
      </c>
      <c r="B204">
        <v>19.994323999999999</v>
      </c>
      <c r="C204">
        <v>7.0667010000000001</v>
      </c>
      <c r="D204">
        <f t="shared" si="12"/>
        <v>1.0109700000000004</v>
      </c>
      <c r="E204">
        <f t="shared" si="13"/>
        <v>81.628907999999683</v>
      </c>
      <c r="F204">
        <f t="shared" si="11"/>
        <v>3.654463294727317E-2</v>
      </c>
    </row>
    <row r="205" spans="1:6" x14ac:dyDescent="0.2">
      <c r="A205">
        <v>2209.8410309999999</v>
      </c>
      <c r="B205">
        <v>19.98386</v>
      </c>
      <c r="C205">
        <v>7.0717059999999998</v>
      </c>
      <c r="D205">
        <f t="shared" si="12"/>
        <v>1.0159750000000001</v>
      </c>
      <c r="E205">
        <f t="shared" si="13"/>
        <v>82.030437999999776</v>
      </c>
      <c r="F205">
        <f t="shared" si="11"/>
        <v>3.6536839380583302E-2</v>
      </c>
    </row>
    <row r="206" spans="1:6" x14ac:dyDescent="0.2">
      <c r="A206">
        <v>2210.621596</v>
      </c>
      <c r="B206">
        <v>19.970486999999999</v>
      </c>
      <c r="C206">
        <v>7.0767100000000003</v>
      </c>
      <c r="D206">
        <f t="shared" si="12"/>
        <v>1.0209790000000005</v>
      </c>
      <c r="E206">
        <f t="shared" si="13"/>
        <v>82.811002999999801</v>
      </c>
      <c r="F206">
        <f t="shared" si="11"/>
        <v>3.6690770080840492E-2</v>
      </c>
    </row>
    <row r="207" spans="1:6" x14ac:dyDescent="0.2">
      <c r="A207">
        <v>2210.8627719999999</v>
      </c>
      <c r="B207">
        <v>19.991744000000001</v>
      </c>
      <c r="C207">
        <v>7.081715</v>
      </c>
      <c r="D207">
        <f t="shared" si="12"/>
        <v>1.0259840000000002</v>
      </c>
      <c r="E207">
        <f t="shared" si="13"/>
        <v>83.052178999999796</v>
      </c>
      <c r="F207">
        <f t="shared" si="11"/>
        <v>3.6614124707205487E-2</v>
      </c>
    </row>
    <row r="208" spans="1:6" x14ac:dyDescent="0.2">
      <c r="A208">
        <v>2211.5872169999998</v>
      </c>
      <c r="B208">
        <v>19.980046999999999</v>
      </c>
      <c r="C208">
        <v>7.0867199999999997</v>
      </c>
      <c r="D208">
        <f t="shared" si="12"/>
        <v>1.0309889999999999</v>
      </c>
      <c r="E208">
        <f t="shared" si="13"/>
        <v>83.776623999999629</v>
      </c>
      <c r="F208">
        <f t="shared" si="11"/>
        <v>3.6742165802156876E-2</v>
      </c>
    </row>
    <row r="209" spans="1:6" x14ac:dyDescent="0.2">
      <c r="A209">
        <v>2212.7262089999999</v>
      </c>
      <c r="B209">
        <v>19.936745999999999</v>
      </c>
      <c r="C209">
        <v>7.0917250000000003</v>
      </c>
      <c r="D209">
        <f t="shared" si="12"/>
        <v>1.0359940000000005</v>
      </c>
      <c r="E209">
        <f t="shared" si="13"/>
        <v>84.915615999999773</v>
      </c>
      <c r="F209">
        <f t="shared" si="11"/>
        <v>3.7042700844923331E-2</v>
      </c>
    </row>
    <row r="210" spans="1:6" x14ac:dyDescent="0.2">
      <c r="A210">
        <v>2214.501839</v>
      </c>
      <c r="B210">
        <v>19.944951</v>
      </c>
      <c r="C210">
        <v>7.09673</v>
      </c>
      <c r="D210">
        <f t="shared" si="12"/>
        <v>1.0409990000000002</v>
      </c>
      <c r="E210">
        <f t="shared" si="13"/>
        <v>86.691245999999865</v>
      </c>
      <c r="F210">
        <f t="shared" si="11"/>
        <v>3.7605285262014343E-2</v>
      </c>
    </row>
    <row r="211" spans="1:6" x14ac:dyDescent="0.2">
      <c r="A211">
        <v>2216.1601049999999</v>
      </c>
      <c r="B211">
        <v>19.957968999999999</v>
      </c>
      <c r="C211">
        <v>7.1017340000000004</v>
      </c>
      <c r="D211">
        <f t="shared" si="12"/>
        <v>1.0460030000000007</v>
      </c>
      <c r="E211">
        <f t="shared" si="13"/>
        <v>88.349511999999777</v>
      </c>
      <c r="F211">
        <f t="shared" si="11"/>
        <v>3.8112732998378113E-2</v>
      </c>
    </row>
    <row r="212" spans="1:6" x14ac:dyDescent="0.2">
      <c r="A212">
        <v>2217.7189790000002</v>
      </c>
      <c r="B212">
        <v>19.954692999999999</v>
      </c>
      <c r="C212">
        <v>7.1067390000000001</v>
      </c>
      <c r="D212">
        <f t="shared" si="12"/>
        <v>1.0510080000000004</v>
      </c>
      <c r="E212">
        <f t="shared" si="13"/>
        <v>89.908386000000064</v>
      </c>
      <c r="F212">
        <f t="shared" si="11"/>
        <v>3.8573377412120781E-2</v>
      </c>
    </row>
    <row r="213" spans="1:6" x14ac:dyDescent="0.2">
      <c r="A213">
        <v>2218.4336619999999</v>
      </c>
      <c r="B213">
        <v>19.988551000000001</v>
      </c>
      <c r="C213">
        <v>7.1117439999999998</v>
      </c>
      <c r="D213">
        <f t="shared" si="12"/>
        <v>1.0560130000000001</v>
      </c>
      <c r="E213">
        <f t="shared" si="13"/>
        <v>90.623068999999759</v>
      </c>
      <c r="F213">
        <f t="shared" si="11"/>
        <v>3.8683258917941638E-2</v>
      </c>
    </row>
    <row r="214" spans="1:6" x14ac:dyDescent="0.2">
      <c r="A214">
        <v>2218.5325130000001</v>
      </c>
      <c r="B214">
        <v>19.997178999999999</v>
      </c>
      <c r="C214">
        <v>7.1167490000000004</v>
      </c>
      <c r="D214">
        <f t="shared" si="12"/>
        <v>1.0610180000000007</v>
      </c>
      <c r="E214">
        <f t="shared" si="13"/>
        <v>90.721919999999955</v>
      </c>
      <c r="F214">
        <f t="shared" si="11"/>
        <v>3.8541062525757112E-2</v>
      </c>
    </row>
    <row r="215" spans="1:6" x14ac:dyDescent="0.2">
      <c r="A215">
        <v>2218.6268570000002</v>
      </c>
      <c r="B215">
        <v>19.997520999999999</v>
      </c>
      <c r="C215">
        <v>7.1217540000000001</v>
      </c>
      <c r="D215">
        <f t="shared" si="12"/>
        <v>1.0660230000000004</v>
      </c>
      <c r="E215">
        <f t="shared" si="13"/>
        <v>90.816264000000047</v>
      </c>
      <c r="F215">
        <f t="shared" si="11"/>
        <v>3.8398370176909363E-2</v>
      </c>
    </row>
    <row r="216" spans="1:6" x14ac:dyDescent="0.2">
      <c r="A216">
        <v>2218.9208979999999</v>
      </c>
      <c r="B216">
        <v>19.980073999999998</v>
      </c>
      <c r="C216">
        <v>7.1267579999999997</v>
      </c>
      <c r="D216">
        <f t="shared" si="12"/>
        <v>1.071027</v>
      </c>
      <c r="E216">
        <f t="shared" si="13"/>
        <v>91.110304999999698</v>
      </c>
      <c r="F216">
        <f t="shared" si="11"/>
        <v>3.8337629923080652E-2</v>
      </c>
    </row>
    <row r="217" spans="1:6" x14ac:dyDescent="0.2">
      <c r="A217">
        <v>2218.9626170000001</v>
      </c>
      <c r="B217">
        <v>20.001608000000001</v>
      </c>
      <c r="C217">
        <v>7.1317630000000003</v>
      </c>
      <c r="D217">
        <f t="shared" si="12"/>
        <v>1.0760320000000005</v>
      </c>
      <c r="E217">
        <f t="shared" si="13"/>
        <v>91.152023999999983</v>
      </c>
      <c r="F217">
        <f t="shared" si="11"/>
        <v>3.8176063449096291E-2</v>
      </c>
    </row>
    <row r="218" spans="1:6" x14ac:dyDescent="0.2">
      <c r="A218">
        <v>2218.77162</v>
      </c>
      <c r="B218">
        <v>20.016303000000001</v>
      </c>
      <c r="C218">
        <v>7.136768</v>
      </c>
      <c r="D218">
        <f t="shared" si="12"/>
        <v>1.0810370000000002</v>
      </c>
      <c r="E218">
        <f t="shared" si="13"/>
        <v>90.961026999999831</v>
      </c>
      <c r="F218">
        <f t="shared" si="11"/>
        <v>3.7922957064224674E-2</v>
      </c>
    </row>
    <row r="219" spans="1:6" x14ac:dyDescent="0.2">
      <c r="A219">
        <v>2218.4058340000001</v>
      </c>
      <c r="B219">
        <v>20.008731000000001</v>
      </c>
      <c r="C219">
        <v>7.1417729999999997</v>
      </c>
      <c r="D219">
        <f t="shared" si="12"/>
        <v>1.086042</v>
      </c>
      <c r="E219">
        <f t="shared" si="13"/>
        <v>90.595240999999987</v>
      </c>
      <c r="F219">
        <f t="shared" si="11"/>
        <v>3.7602590493981555E-2</v>
      </c>
    </row>
    <row r="220" spans="1:6" x14ac:dyDescent="0.2">
      <c r="A220">
        <v>2218.361973</v>
      </c>
      <c r="B220">
        <v>20.002161000000001</v>
      </c>
      <c r="C220">
        <v>7.1467780000000003</v>
      </c>
      <c r="D220">
        <f t="shared" si="12"/>
        <v>1.0910470000000005</v>
      </c>
      <c r="E220">
        <f t="shared" si="13"/>
        <v>90.551379999999881</v>
      </c>
      <c r="F220">
        <f t="shared" si="11"/>
        <v>3.74127129536026E-2</v>
      </c>
    </row>
    <row r="221" spans="1:6" x14ac:dyDescent="0.2">
      <c r="A221">
        <v>2218.398314</v>
      </c>
      <c r="B221">
        <v>19.969443999999999</v>
      </c>
      <c r="C221">
        <v>7.1517819999999999</v>
      </c>
      <c r="D221">
        <f t="shared" si="12"/>
        <v>1.0960510000000001</v>
      </c>
      <c r="E221">
        <f t="shared" si="13"/>
        <v>90.587720999999874</v>
      </c>
      <c r="F221">
        <f t="shared" si="11"/>
        <v>3.7256241895822613E-2</v>
      </c>
    </row>
    <row r="222" spans="1:6" x14ac:dyDescent="0.2">
      <c r="A222">
        <v>2219.1172280000001</v>
      </c>
      <c r="B222">
        <v>19.964753000000002</v>
      </c>
      <c r="C222">
        <v>7.1567869999999996</v>
      </c>
      <c r="D222">
        <f t="shared" si="12"/>
        <v>1.1010559999999998</v>
      </c>
      <c r="E222">
        <f t="shared" si="13"/>
        <v>91.306634999999915</v>
      </c>
      <c r="F222">
        <f t="shared" si="11"/>
        <v>3.7369103987068518E-2</v>
      </c>
    </row>
    <row r="223" spans="1:6" x14ac:dyDescent="0.2">
      <c r="A223">
        <v>2220.3041389999999</v>
      </c>
      <c r="B223">
        <v>19.971153999999999</v>
      </c>
      <c r="C223">
        <v>7.1617920000000002</v>
      </c>
      <c r="D223">
        <f t="shared" si="12"/>
        <v>1.1060610000000004</v>
      </c>
      <c r="E223">
        <f t="shared" si="13"/>
        <v>92.493545999999697</v>
      </c>
      <c r="F223">
        <f t="shared" si="11"/>
        <v>3.7663431153485812E-2</v>
      </c>
    </row>
    <row r="224" spans="1:6" x14ac:dyDescent="0.2">
      <c r="A224">
        <v>2221.8823659999998</v>
      </c>
      <c r="B224">
        <v>19.945399999999999</v>
      </c>
      <c r="C224">
        <v>7.1667969999999999</v>
      </c>
      <c r="D224">
        <f t="shared" si="12"/>
        <v>1.1110660000000001</v>
      </c>
      <c r="E224">
        <f t="shared" si="13"/>
        <v>94.071772999999666</v>
      </c>
      <c r="F224">
        <f t="shared" si="11"/>
        <v>3.8106442770223826E-2</v>
      </c>
    </row>
    <row r="225" spans="1:6" x14ac:dyDescent="0.2">
      <c r="A225">
        <v>2222.7153819999999</v>
      </c>
      <c r="B225">
        <v>19.979693999999999</v>
      </c>
      <c r="C225">
        <v>7.1718019999999996</v>
      </c>
      <c r="D225">
        <f t="shared" si="12"/>
        <v>1.1160709999999998</v>
      </c>
      <c r="E225">
        <f t="shared" si="13"/>
        <v>94.90478899999971</v>
      </c>
      <c r="F225">
        <f t="shared" si="11"/>
        <v>3.8257135522596394E-2</v>
      </c>
    </row>
    <row r="226" spans="1:6" x14ac:dyDescent="0.2">
      <c r="A226">
        <v>2223.2720260000001</v>
      </c>
      <c r="B226">
        <v>19.985648000000001</v>
      </c>
      <c r="C226">
        <v>7.176806</v>
      </c>
      <c r="D226">
        <f t="shared" si="12"/>
        <v>1.1210750000000003</v>
      </c>
      <c r="E226">
        <f t="shared" si="13"/>
        <v>95.461432999999943</v>
      </c>
      <c r="F226">
        <f t="shared" si="11"/>
        <v>3.8300167908855348E-2</v>
      </c>
    </row>
    <row r="227" spans="1:6" x14ac:dyDescent="0.2">
      <c r="A227">
        <v>2223.4061449999999</v>
      </c>
      <c r="B227">
        <v>19.985320999999999</v>
      </c>
      <c r="C227">
        <v>7.1818109999999997</v>
      </c>
      <c r="D227">
        <f t="shared" si="12"/>
        <v>1.12608</v>
      </c>
      <c r="E227">
        <f t="shared" si="13"/>
        <v>95.59555199999977</v>
      </c>
      <c r="F227">
        <f t="shared" si="11"/>
        <v>3.8181205694980527E-2</v>
      </c>
    </row>
    <row r="228" spans="1:6" x14ac:dyDescent="0.2">
      <c r="A228">
        <v>2223.4616740000001</v>
      </c>
      <c r="B228">
        <v>19.995597</v>
      </c>
      <c r="C228">
        <v>7.1868160000000003</v>
      </c>
      <c r="D228">
        <f t="shared" si="12"/>
        <v>1.1310850000000006</v>
      </c>
      <c r="E228">
        <f t="shared" si="13"/>
        <v>95.651080999999976</v>
      </c>
      <c r="F228">
        <f t="shared" si="11"/>
        <v>3.803338605408961E-2</v>
      </c>
    </row>
    <row r="229" spans="1:6" x14ac:dyDescent="0.2">
      <c r="A229">
        <v>2223.2308579999999</v>
      </c>
      <c r="B229">
        <v>20.028711000000001</v>
      </c>
      <c r="C229">
        <v>7.191821</v>
      </c>
      <c r="D229">
        <f t="shared" si="12"/>
        <v>1.1360900000000003</v>
      </c>
      <c r="E229">
        <f t="shared" si="13"/>
        <v>95.420264999999745</v>
      </c>
      <c r="F229">
        <f t="shared" si="11"/>
        <v>3.7778379021566999E-2</v>
      </c>
    </row>
    <row r="230" spans="1:6" x14ac:dyDescent="0.2">
      <c r="A230">
        <v>2222.175303</v>
      </c>
      <c r="B230">
        <v>20.036508999999999</v>
      </c>
      <c r="C230">
        <v>7.1968259999999997</v>
      </c>
      <c r="D230">
        <f t="shared" si="12"/>
        <v>1.141095</v>
      </c>
      <c r="E230">
        <f t="shared" si="13"/>
        <v>94.364709999999832</v>
      </c>
      <c r="F230">
        <f t="shared" si="11"/>
        <v>3.7214268830804559E-2</v>
      </c>
    </row>
    <row r="231" spans="1:6" x14ac:dyDescent="0.2">
      <c r="A231">
        <v>2220.7807400000002</v>
      </c>
      <c r="B231">
        <v>20.024699999999999</v>
      </c>
      <c r="C231">
        <v>7.2018300000000002</v>
      </c>
      <c r="D231">
        <f t="shared" si="12"/>
        <v>1.1460990000000004</v>
      </c>
      <c r="E231">
        <f t="shared" si="13"/>
        <v>92.970146999999997</v>
      </c>
      <c r="F231">
        <f t="shared" si="11"/>
        <v>3.6527142737936245E-2</v>
      </c>
    </row>
    <row r="232" spans="1:6" x14ac:dyDescent="0.2">
      <c r="A232">
        <v>2219.6818429999998</v>
      </c>
      <c r="B232">
        <v>20.042186000000001</v>
      </c>
      <c r="C232">
        <v>7.2068349999999999</v>
      </c>
      <c r="D232">
        <f t="shared" si="12"/>
        <v>1.1511040000000001</v>
      </c>
      <c r="E232">
        <f t="shared" si="13"/>
        <v>91.871249999999691</v>
      </c>
      <c r="F232">
        <f t="shared" si="11"/>
        <v>3.595624515397286E-2</v>
      </c>
    </row>
    <row r="233" spans="1:6" x14ac:dyDescent="0.2">
      <c r="A233">
        <v>2218.419191</v>
      </c>
      <c r="B233">
        <v>20.034368000000001</v>
      </c>
      <c r="C233">
        <v>7.2118399999999996</v>
      </c>
      <c r="D233">
        <f t="shared" si="12"/>
        <v>1.1561089999999998</v>
      </c>
      <c r="E233">
        <f t="shared" si="13"/>
        <v>90.608597999999802</v>
      </c>
      <c r="F233">
        <f t="shared" si="11"/>
        <v>3.5328647779432835E-2</v>
      </c>
    </row>
    <row r="234" spans="1:6" x14ac:dyDescent="0.2">
      <c r="A234">
        <v>2217.5007479999999</v>
      </c>
      <c r="B234">
        <v>20.013449999999999</v>
      </c>
      <c r="C234">
        <v>7.2168450000000002</v>
      </c>
      <c r="D234">
        <f t="shared" si="12"/>
        <v>1.1611140000000004</v>
      </c>
      <c r="E234">
        <f t="shared" si="13"/>
        <v>89.690154999999777</v>
      </c>
      <c r="F234">
        <f t="shared" si="11"/>
        <v>3.4834223821901766E-2</v>
      </c>
    </row>
    <row r="235" spans="1:6" x14ac:dyDescent="0.2">
      <c r="A235">
        <v>2216.8281950000001</v>
      </c>
      <c r="B235">
        <v>20.006242</v>
      </c>
      <c r="C235">
        <v>7.2218499999999999</v>
      </c>
      <c r="D235">
        <f t="shared" si="12"/>
        <v>1.1661190000000001</v>
      </c>
      <c r="E235">
        <f t="shared" si="13"/>
        <v>89.017601999999897</v>
      </c>
      <c r="F235">
        <f t="shared" si="11"/>
        <v>3.4435071010280711E-2</v>
      </c>
    </row>
    <row r="236" spans="1:6" x14ac:dyDescent="0.2">
      <c r="A236">
        <v>2216.5334680000001</v>
      </c>
      <c r="B236">
        <v>20.007010000000001</v>
      </c>
      <c r="C236">
        <v>7.2268540000000003</v>
      </c>
      <c r="D236">
        <f t="shared" si="12"/>
        <v>1.1711230000000006</v>
      </c>
      <c r="E236">
        <f t="shared" si="13"/>
        <v>88.722874999999931</v>
      </c>
      <c r="F236">
        <f t="shared" si="11"/>
        <v>3.4178956775719915E-2</v>
      </c>
    </row>
    <row r="237" spans="1:6" x14ac:dyDescent="0.2">
      <c r="A237">
        <v>2216.297403</v>
      </c>
      <c r="B237">
        <v>20.013228000000002</v>
      </c>
      <c r="C237">
        <v>7.231859</v>
      </c>
      <c r="D237">
        <f t="shared" si="12"/>
        <v>1.1761280000000003</v>
      </c>
      <c r="E237">
        <f t="shared" si="13"/>
        <v>88.486809999999878</v>
      </c>
      <c r="F237">
        <f t="shared" si="11"/>
        <v>3.3946570994112017E-2</v>
      </c>
    </row>
    <row r="238" spans="1:6" x14ac:dyDescent="0.2">
      <c r="A238">
        <v>2216.5107480000001</v>
      </c>
      <c r="B238">
        <v>19.983288999999999</v>
      </c>
      <c r="C238">
        <v>7.2368639999999997</v>
      </c>
      <c r="D238">
        <f t="shared" si="12"/>
        <v>1.181133</v>
      </c>
      <c r="E238">
        <f t="shared" si="13"/>
        <v>88.700154999999995</v>
      </c>
      <c r="F238">
        <f t="shared" si="11"/>
        <v>3.3880962050307946E-2</v>
      </c>
    </row>
    <row r="239" spans="1:6" x14ac:dyDescent="0.2">
      <c r="A239">
        <v>2216.6085880000001</v>
      </c>
      <c r="B239">
        <v>20.002746999999999</v>
      </c>
      <c r="C239">
        <v>7.2418690000000003</v>
      </c>
      <c r="D239">
        <f t="shared" si="12"/>
        <v>1.1861380000000006</v>
      </c>
      <c r="E239">
        <f t="shared" si="13"/>
        <v>88.797994999999901</v>
      </c>
      <c r="F239">
        <f t="shared" si="11"/>
        <v>3.3773722349800618E-2</v>
      </c>
    </row>
    <row r="240" spans="1:6" x14ac:dyDescent="0.2">
      <c r="A240">
        <v>2216.5676939999998</v>
      </c>
      <c r="B240">
        <v>19.990352000000001</v>
      </c>
      <c r="C240">
        <v>7.246874</v>
      </c>
      <c r="D240">
        <f t="shared" si="12"/>
        <v>1.1911430000000003</v>
      </c>
      <c r="E240">
        <f t="shared" si="13"/>
        <v>88.757100999999693</v>
      </c>
      <c r="F240">
        <f t="shared" si="11"/>
        <v>3.3616942145440837E-2</v>
      </c>
    </row>
    <row r="241" spans="1:6" x14ac:dyDescent="0.2">
      <c r="A241">
        <v>2216.4024730000001</v>
      </c>
      <c r="B241">
        <v>20.012445</v>
      </c>
      <c r="C241">
        <v>7.2518779999999996</v>
      </c>
      <c r="D241">
        <f t="shared" si="12"/>
        <v>1.1961469999999998</v>
      </c>
      <c r="E241">
        <f t="shared" si="13"/>
        <v>88.591879999999946</v>
      </c>
      <c r="F241">
        <f t="shared" si="11"/>
        <v>3.3416482761174086E-2</v>
      </c>
    </row>
    <row r="242" spans="1:6" x14ac:dyDescent="0.2">
      <c r="A242">
        <v>2216.6223319999999</v>
      </c>
      <c r="B242">
        <v>19.975878000000002</v>
      </c>
      <c r="C242">
        <v>7.2568830000000002</v>
      </c>
      <c r="D242">
        <f t="shared" si="12"/>
        <v>1.2011520000000004</v>
      </c>
      <c r="E242">
        <f t="shared" si="13"/>
        <v>88.811738999999761</v>
      </c>
      <c r="F242">
        <f t="shared" si="11"/>
        <v>3.3356517338741225E-2</v>
      </c>
    </row>
    <row r="243" spans="1:6" x14ac:dyDescent="0.2">
      <c r="A243">
        <v>2217.2041829999998</v>
      </c>
      <c r="B243">
        <v>19.980025000000001</v>
      </c>
      <c r="C243">
        <v>7.2618879999999999</v>
      </c>
      <c r="D243">
        <f t="shared" si="12"/>
        <v>1.2061570000000001</v>
      </c>
      <c r="E243">
        <f t="shared" si="13"/>
        <v>89.393589999999676</v>
      </c>
      <c r="F243">
        <f t="shared" si="11"/>
        <v>3.3426957390831458E-2</v>
      </c>
    </row>
    <row r="244" spans="1:6" x14ac:dyDescent="0.2">
      <c r="A244">
        <v>2218.046362</v>
      </c>
      <c r="B244">
        <v>19.972657000000002</v>
      </c>
      <c r="C244">
        <v>7.2668929999999996</v>
      </c>
      <c r="D244">
        <f t="shared" si="12"/>
        <v>1.2111619999999998</v>
      </c>
      <c r="E244">
        <f t="shared" si="13"/>
        <v>90.235768999999891</v>
      </c>
      <c r="F244">
        <f t="shared" si="11"/>
        <v>3.3589680098940734E-2</v>
      </c>
    </row>
    <row r="245" spans="1:6" x14ac:dyDescent="0.2">
      <c r="A245">
        <v>2218.100297</v>
      </c>
      <c r="B245">
        <v>19.990694999999999</v>
      </c>
      <c r="C245">
        <v>7.2718980000000002</v>
      </c>
      <c r="D245">
        <f t="shared" si="12"/>
        <v>1.2161670000000004</v>
      </c>
      <c r="E245">
        <f t="shared" si="13"/>
        <v>90.289703999999801</v>
      </c>
      <c r="F245">
        <f t="shared" si="11"/>
        <v>3.3470625950137882E-2</v>
      </c>
    </row>
    <row r="246" spans="1:6" x14ac:dyDescent="0.2">
      <c r="A246">
        <v>2217.9683770000001</v>
      </c>
      <c r="B246">
        <v>20.002224999999999</v>
      </c>
      <c r="C246">
        <v>7.2769019999999998</v>
      </c>
      <c r="D246">
        <f t="shared" si="12"/>
        <v>1.221171</v>
      </c>
      <c r="E246">
        <f t="shared" si="13"/>
        <v>90.157783999999992</v>
      </c>
      <c r="F246">
        <f t="shared" si="11"/>
        <v>3.3286750171300936E-2</v>
      </c>
    </row>
    <row r="247" spans="1:6" x14ac:dyDescent="0.2">
      <c r="A247">
        <v>2218.1759390000002</v>
      </c>
      <c r="B247">
        <v>20.001595999999999</v>
      </c>
      <c r="C247">
        <v>7.2819070000000004</v>
      </c>
      <c r="D247">
        <f t="shared" si="12"/>
        <v>1.2261760000000006</v>
      </c>
      <c r="E247">
        <f t="shared" si="13"/>
        <v>90.365346000000045</v>
      </c>
      <c r="F247">
        <f t="shared" si="11"/>
        <v>3.3224091509987209E-2</v>
      </c>
    </row>
    <row r="248" spans="1:6" x14ac:dyDescent="0.2">
      <c r="A248">
        <v>2218.5154710000002</v>
      </c>
      <c r="B248">
        <v>19.981345999999998</v>
      </c>
      <c r="C248">
        <v>7.2869120000000001</v>
      </c>
      <c r="D248">
        <f t="shared" si="12"/>
        <v>1.2311810000000003</v>
      </c>
      <c r="E248">
        <f t="shared" si="13"/>
        <v>90.704878000000008</v>
      </c>
      <c r="F248">
        <f t="shared" si="11"/>
        <v>3.3208271969786672E-2</v>
      </c>
    </row>
    <row r="249" spans="1:6" x14ac:dyDescent="0.2">
      <c r="A249">
        <v>2218.9307530000001</v>
      </c>
      <c r="B249">
        <v>19.982911999999999</v>
      </c>
      <c r="C249">
        <v>7.2919169999999998</v>
      </c>
      <c r="D249">
        <f t="shared" si="12"/>
        <v>1.236186</v>
      </c>
      <c r="E249">
        <f t="shared" si="13"/>
        <v>91.120159999999942</v>
      </c>
      <c r="F249">
        <f t="shared" si="11"/>
        <v>3.3219026690304979E-2</v>
      </c>
    </row>
    <row r="250" spans="1:6" x14ac:dyDescent="0.2">
      <c r="A250">
        <v>2219.707797</v>
      </c>
      <c r="B250">
        <v>19.960412000000002</v>
      </c>
      <c r="C250">
        <v>7.2969220000000004</v>
      </c>
      <c r="D250">
        <f t="shared" si="12"/>
        <v>1.2411910000000006</v>
      </c>
      <c r="E250">
        <f t="shared" si="13"/>
        <v>91.897203999999874</v>
      </c>
      <c r="F250">
        <f t="shared" si="11"/>
        <v>3.3355532069742698E-2</v>
      </c>
    </row>
    <row r="251" spans="1:6" x14ac:dyDescent="0.2">
      <c r="A251">
        <v>2220.88366</v>
      </c>
      <c r="B251">
        <v>19.975414000000001</v>
      </c>
      <c r="C251">
        <v>7.3019259999999999</v>
      </c>
      <c r="D251">
        <f t="shared" si="12"/>
        <v>1.2461950000000002</v>
      </c>
      <c r="E251">
        <f t="shared" si="13"/>
        <v>93.07306699999981</v>
      </c>
      <c r="F251">
        <f t="shared" si="11"/>
        <v>3.3628865172782123E-2</v>
      </c>
    </row>
    <row r="252" spans="1:6" x14ac:dyDescent="0.2">
      <c r="A252">
        <v>2222.1184760000001</v>
      </c>
      <c r="B252">
        <v>19.958047000000001</v>
      </c>
      <c r="C252">
        <v>7.3069309999999996</v>
      </c>
      <c r="D252">
        <f t="shared" si="12"/>
        <v>1.2511999999999999</v>
      </c>
      <c r="E252">
        <f t="shared" si="13"/>
        <v>94.307882999999947</v>
      </c>
      <c r="F252">
        <f t="shared" si="11"/>
        <v>3.3919859910514466E-2</v>
      </c>
    </row>
    <row r="253" spans="1:6" x14ac:dyDescent="0.2">
      <c r="A253">
        <v>2222.9030790000002</v>
      </c>
      <c r="B253">
        <v>19.983519000000001</v>
      </c>
      <c r="C253">
        <v>7.3119360000000002</v>
      </c>
      <c r="D253">
        <f t="shared" si="12"/>
        <v>1.2562050000000005</v>
      </c>
      <c r="E253">
        <f t="shared" si="13"/>
        <v>95.092486000000008</v>
      </c>
      <c r="F253">
        <f t="shared" si="11"/>
        <v>3.4053766687824179E-2</v>
      </c>
    </row>
    <row r="254" spans="1:6" x14ac:dyDescent="0.2">
      <c r="A254">
        <v>2224.0865669999998</v>
      </c>
      <c r="B254">
        <v>19.941457</v>
      </c>
      <c r="C254">
        <v>7.3169409999999999</v>
      </c>
      <c r="D254">
        <f t="shared" si="12"/>
        <v>1.2612100000000002</v>
      </c>
      <c r="E254">
        <f t="shared" si="13"/>
        <v>96.275973999999678</v>
      </c>
      <c r="F254">
        <f t="shared" si="11"/>
        <v>3.432249325416882E-2</v>
      </c>
    </row>
    <row r="255" spans="1:6" x14ac:dyDescent="0.2">
      <c r="A255">
        <v>2225.3984949999999</v>
      </c>
      <c r="B255">
        <v>19.952985999999999</v>
      </c>
      <c r="C255">
        <v>7.3219459999999996</v>
      </c>
      <c r="D255">
        <f t="shared" si="12"/>
        <v>1.2662149999999999</v>
      </c>
      <c r="E255">
        <f t="shared" si="13"/>
        <v>97.587901999999758</v>
      </c>
      <c r="F255">
        <f t="shared" si="11"/>
        <v>3.4632252353653907E-2</v>
      </c>
    </row>
    <row r="256" spans="1:6" x14ac:dyDescent="0.2">
      <c r="A256">
        <v>2226.3937999999998</v>
      </c>
      <c r="B256">
        <v>19.969418999999998</v>
      </c>
      <c r="C256">
        <v>7.3269500000000001</v>
      </c>
      <c r="D256">
        <f t="shared" si="12"/>
        <v>1.2712190000000003</v>
      </c>
      <c r="E256">
        <f t="shared" si="13"/>
        <v>98.583206999999675</v>
      </c>
      <c r="F256">
        <f t="shared" si="11"/>
        <v>3.4832174129528624E-2</v>
      </c>
    </row>
    <row r="257" spans="1:6" x14ac:dyDescent="0.2">
      <c r="A257">
        <v>2226.6120930000002</v>
      </c>
      <c r="B257">
        <v>20.007895000000001</v>
      </c>
      <c r="C257">
        <v>7.3319549999999998</v>
      </c>
      <c r="D257">
        <f t="shared" si="12"/>
        <v>1.276224</v>
      </c>
      <c r="E257">
        <f t="shared" si="13"/>
        <v>98.801500000000033</v>
      </c>
      <c r="F257">
        <f t="shared" si="11"/>
        <v>3.4768989363845988E-2</v>
      </c>
    </row>
    <row r="258" spans="1:6" x14ac:dyDescent="0.2">
      <c r="A258">
        <v>2226.3502859999999</v>
      </c>
      <c r="B258">
        <v>19.993600000000001</v>
      </c>
      <c r="C258">
        <v>7.3369600000000004</v>
      </c>
      <c r="D258">
        <f t="shared" si="12"/>
        <v>1.2812290000000006</v>
      </c>
      <c r="E258">
        <f t="shared" si="13"/>
        <v>98.539692999999716</v>
      </c>
      <c r="F258">
        <f t="shared" si="11"/>
        <v>3.4545457534226567E-2</v>
      </c>
    </row>
    <row r="259" spans="1:6" x14ac:dyDescent="0.2">
      <c r="A259">
        <v>2226.1360420000001</v>
      </c>
      <c r="B259">
        <v>20.013338999999998</v>
      </c>
      <c r="C259">
        <v>7.3419650000000001</v>
      </c>
      <c r="D259">
        <f t="shared" si="12"/>
        <v>1.2862340000000003</v>
      </c>
      <c r="E259">
        <f t="shared" si="13"/>
        <v>98.325448999999935</v>
      </c>
      <c r="F259">
        <f t="shared" ref="F259:F322" si="14">(1/A259)*(E259/D259)</f>
        <v>3.433952248876139E-2</v>
      </c>
    </row>
    <row r="260" spans="1:6" x14ac:dyDescent="0.2">
      <c r="A260">
        <v>2226.009294</v>
      </c>
      <c r="B260">
        <v>20.004006</v>
      </c>
      <c r="C260">
        <v>7.3469699999999998</v>
      </c>
      <c r="D260">
        <f t="shared" si="12"/>
        <v>1.291239</v>
      </c>
      <c r="E260">
        <f t="shared" si="13"/>
        <v>98.198700999999801</v>
      </c>
      <c r="F260">
        <f t="shared" si="14"/>
        <v>3.4164269162064512E-2</v>
      </c>
    </row>
    <row r="261" spans="1:6" x14ac:dyDescent="0.2">
      <c r="A261">
        <v>2225.0627469999999</v>
      </c>
      <c r="B261">
        <v>20.040960999999999</v>
      </c>
      <c r="C261">
        <v>7.3519740000000002</v>
      </c>
      <c r="D261">
        <f t="shared" si="12"/>
        <v>1.2962430000000005</v>
      </c>
      <c r="E261">
        <f t="shared" si="13"/>
        <v>97.252153999999791</v>
      </c>
      <c r="F261">
        <f t="shared" si="14"/>
        <v>3.3718678260789357E-2</v>
      </c>
    </row>
    <row r="262" spans="1:6" x14ac:dyDescent="0.2">
      <c r="A262">
        <v>2224.0352079999998</v>
      </c>
      <c r="B262">
        <v>20.026132</v>
      </c>
      <c r="C262">
        <v>7.3569789999999999</v>
      </c>
      <c r="D262">
        <f t="shared" si="12"/>
        <v>1.3012480000000002</v>
      </c>
      <c r="E262">
        <f t="shared" si="13"/>
        <v>96.224614999999631</v>
      </c>
      <c r="F262">
        <f t="shared" si="14"/>
        <v>3.3249448714923087E-2</v>
      </c>
    </row>
    <row r="263" spans="1:6" x14ac:dyDescent="0.2">
      <c r="A263">
        <v>2223.4162299999998</v>
      </c>
      <c r="B263">
        <v>20.011216000000001</v>
      </c>
      <c r="C263">
        <v>7.3619839999999996</v>
      </c>
      <c r="D263">
        <f t="shared" ref="D263:D326" si="15">C263-$C$2</f>
        <v>1.3062529999999999</v>
      </c>
      <c r="E263">
        <f t="shared" ref="E263:E326" si="16">A263-$A$2</f>
        <v>95.60563699999966</v>
      </c>
      <c r="F263">
        <f t="shared" si="14"/>
        <v>3.2918150545263758E-2</v>
      </c>
    </row>
    <row r="264" spans="1:6" x14ac:dyDescent="0.2">
      <c r="A264">
        <v>2222.7152190000002</v>
      </c>
      <c r="B264">
        <v>20.046303999999999</v>
      </c>
      <c r="C264">
        <v>7.3669890000000002</v>
      </c>
      <c r="D264">
        <f t="shared" si="15"/>
        <v>1.3112580000000005</v>
      </c>
      <c r="E264">
        <f t="shared" si="16"/>
        <v>94.904626000000007</v>
      </c>
      <c r="F264">
        <f t="shared" si="14"/>
        <v>3.2562325108627679E-2</v>
      </c>
    </row>
    <row r="265" spans="1:6" x14ac:dyDescent="0.2">
      <c r="A265">
        <v>2222.3840260000002</v>
      </c>
      <c r="B265">
        <v>19.984182000000001</v>
      </c>
      <c r="C265">
        <v>7.3719939999999999</v>
      </c>
      <c r="D265">
        <f t="shared" si="15"/>
        <v>1.3162630000000002</v>
      </c>
      <c r="E265">
        <f t="shared" si="16"/>
        <v>94.573433000000023</v>
      </c>
      <c r="F265">
        <f t="shared" si="14"/>
        <v>3.2330124262410102E-2</v>
      </c>
    </row>
    <row r="266" spans="1:6" x14ac:dyDescent="0.2">
      <c r="A266">
        <v>2222.3844049999998</v>
      </c>
      <c r="B266">
        <v>20.002400999999999</v>
      </c>
      <c r="C266">
        <v>7.3769980000000004</v>
      </c>
      <c r="D266">
        <f t="shared" si="15"/>
        <v>1.3212670000000006</v>
      </c>
      <c r="E266">
        <f t="shared" si="16"/>
        <v>94.573811999999634</v>
      </c>
      <c r="F266">
        <f t="shared" si="14"/>
        <v>3.2207804805803708E-2</v>
      </c>
    </row>
    <row r="267" spans="1:6" x14ac:dyDescent="0.2">
      <c r="A267">
        <v>2222.3927570000001</v>
      </c>
      <c r="B267">
        <v>19.981798999999999</v>
      </c>
      <c r="C267">
        <v>7.3820030000000001</v>
      </c>
      <c r="D267">
        <f t="shared" si="15"/>
        <v>1.3262720000000003</v>
      </c>
      <c r="E267">
        <f t="shared" si="16"/>
        <v>94.582163999999921</v>
      </c>
      <c r="F267">
        <f t="shared" si="14"/>
        <v>3.2088974069496234E-2</v>
      </c>
    </row>
    <row r="268" spans="1:6" x14ac:dyDescent="0.2">
      <c r="A268">
        <v>2222.4443590000001</v>
      </c>
      <c r="B268">
        <v>19.987826999999999</v>
      </c>
      <c r="C268">
        <v>7.3870079999999998</v>
      </c>
      <c r="D268">
        <f t="shared" si="15"/>
        <v>1.331277</v>
      </c>
      <c r="E268">
        <f t="shared" si="16"/>
        <v>94.633765999999923</v>
      </c>
      <c r="F268">
        <f t="shared" si="14"/>
        <v>3.1985032599085465E-2</v>
      </c>
    </row>
    <row r="269" spans="1:6" x14ac:dyDescent="0.2">
      <c r="A269">
        <v>2222.2765690000001</v>
      </c>
      <c r="B269">
        <v>20.013347</v>
      </c>
      <c r="C269">
        <v>7.3920130000000004</v>
      </c>
      <c r="D269">
        <f t="shared" si="15"/>
        <v>1.3362820000000006</v>
      </c>
      <c r="E269">
        <f t="shared" si="16"/>
        <v>94.465975999999955</v>
      </c>
      <c r="F269">
        <f t="shared" si="14"/>
        <v>3.1811136875554528E-2</v>
      </c>
    </row>
    <row r="270" spans="1:6" x14ac:dyDescent="0.2">
      <c r="A270">
        <v>2222.1200680000002</v>
      </c>
      <c r="B270">
        <v>20.012522000000001</v>
      </c>
      <c r="C270">
        <v>7.3970180000000001</v>
      </c>
      <c r="D270">
        <f t="shared" si="15"/>
        <v>1.3412870000000003</v>
      </c>
      <c r="E270">
        <f t="shared" si="16"/>
        <v>94.30947500000002</v>
      </c>
      <c r="F270">
        <f t="shared" si="14"/>
        <v>3.1642157679286527E-2</v>
      </c>
    </row>
    <row r="271" spans="1:6" x14ac:dyDescent="0.2">
      <c r="A271">
        <v>2221.435477</v>
      </c>
      <c r="B271">
        <v>20.016407000000001</v>
      </c>
      <c r="C271">
        <v>7.4020219999999997</v>
      </c>
      <c r="D271">
        <f t="shared" si="15"/>
        <v>1.3462909999999999</v>
      </c>
      <c r="E271">
        <f t="shared" si="16"/>
        <v>93.624883999999838</v>
      </c>
      <c r="F271">
        <f t="shared" si="14"/>
        <v>3.1305355986184939E-2</v>
      </c>
    </row>
    <row r="272" spans="1:6" x14ac:dyDescent="0.2">
      <c r="A272">
        <v>2220.472428</v>
      </c>
      <c r="B272">
        <v>20.038471999999999</v>
      </c>
      <c r="C272">
        <v>7.4070270000000002</v>
      </c>
      <c r="D272">
        <f t="shared" si="15"/>
        <v>1.3512960000000005</v>
      </c>
      <c r="E272">
        <f t="shared" si="16"/>
        <v>92.661834999999883</v>
      </c>
      <c r="F272">
        <f t="shared" si="14"/>
        <v>3.0881971677573627E-2</v>
      </c>
    </row>
    <row r="273" spans="1:6" x14ac:dyDescent="0.2">
      <c r="A273">
        <v>2219.375008</v>
      </c>
      <c r="B273">
        <v>20.016570000000002</v>
      </c>
      <c r="C273">
        <v>7.412032</v>
      </c>
      <c r="D273">
        <f t="shared" si="15"/>
        <v>1.3563010000000002</v>
      </c>
      <c r="E273">
        <f t="shared" si="16"/>
        <v>91.564414999999826</v>
      </c>
      <c r="F273">
        <f t="shared" si="14"/>
        <v>3.0418651122879656E-2</v>
      </c>
    </row>
    <row r="274" spans="1:6" x14ac:dyDescent="0.2">
      <c r="A274">
        <v>2218.9740430000002</v>
      </c>
      <c r="B274">
        <v>19.982529</v>
      </c>
      <c r="C274">
        <v>7.4170369999999997</v>
      </c>
      <c r="D274">
        <f t="shared" si="15"/>
        <v>1.3613059999999999</v>
      </c>
      <c r="E274">
        <f t="shared" si="16"/>
        <v>91.163450000000012</v>
      </c>
      <c r="F274">
        <f t="shared" si="14"/>
        <v>3.0179550819894069E-2</v>
      </c>
    </row>
    <row r="275" spans="1:6" x14ac:dyDescent="0.2">
      <c r="A275">
        <v>2219.4412590000002</v>
      </c>
      <c r="B275">
        <v>20.003122000000001</v>
      </c>
      <c r="C275">
        <v>7.4220420000000003</v>
      </c>
      <c r="D275">
        <f t="shared" si="15"/>
        <v>1.3663110000000005</v>
      </c>
      <c r="E275">
        <f t="shared" si="16"/>
        <v>91.630666000000019</v>
      </c>
      <c r="F275">
        <f t="shared" si="14"/>
        <v>3.0216741073439215E-2</v>
      </c>
    </row>
    <row r="276" spans="1:6" x14ac:dyDescent="0.2">
      <c r="A276">
        <v>2219.953544</v>
      </c>
      <c r="B276">
        <v>19.95354</v>
      </c>
      <c r="C276">
        <v>7.4270459999999998</v>
      </c>
      <c r="D276">
        <f t="shared" si="15"/>
        <v>1.3713150000000001</v>
      </c>
      <c r="E276">
        <f t="shared" si="16"/>
        <v>92.142950999999812</v>
      </c>
      <c r="F276">
        <f t="shared" si="14"/>
        <v>3.0267810355952003E-2</v>
      </c>
    </row>
    <row r="277" spans="1:6" x14ac:dyDescent="0.2">
      <c r="A277">
        <v>2220.7237249999998</v>
      </c>
      <c r="B277">
        <v>19.998045000000001</v>
      </c>
      <c r="C277">
        <v>7.4320510000000004</v>
      </c>
      <c r="D277">
        <f t="shared" si="15"/>
        <v>1.3763200000000007</v>
      </c>
      <c r="E277">
        <f t="shared" si="16"/>
        <v>92.913131999999678</v>
      </c>
      <c r="F277">
        <f t="shared" si="14"/>
        <v>3.0399269438786174E-2</v>
      </c>
    </row>
    <row r="278" spans="1:6" x14ac:dyDescent="0.2">
      <c r="A278">
        <v>2222.0486780000001</v>
      </c>
      <c r="B278">
        <v>19.918939999999999</v>
      </c>
      <c r="C278">
        <v>7.4370560000000001</v>
      </c>
      <c r="D278">
        <f t="shared" si="15"/>
        <v>1.3813250000000004</v>
      </c>
      <c r="E278">
        <f t="shared" si="16"/>
        <v>94.238084999999955</v>
      </c>
      <c r="F278">
        <f t="shared" si="14"/>
        <v>3.0702731283278238E-2</v>
      </c>
    </row>
    <row r="279" spans="1:6" x14ac:dyDescent="0.2">
      <c r="A279">
        <v>2223.494858</v>
      </c>
      <c r="B279">
        <v>19.942959999999999</v>
      </c>
      <c r="C279">
        <v>7.4420609999999998</v>
      </c>
      <c r="D279">
        <f t="shared" si="15"/>
        <v>1.3863300000000001</v>
      </c>
      <c r="E279">
        <f t="shared" si="16"/>
        <v>95.684264999999868</v>
      </c>
      <c r="F279">
        <f t="shared" si="14"/>
        <v>3.1041147989112616E-2</v>
      </c>
    </row>
    <row r="280" spans="1:6" x14ac:dyDescent="0.2">
      <c r="A280">
        <v>2225.078274</v>
      </c>
      <c r="B280">
        <v>19.968077999999998</v>
      </c>
      <c r="C280">
        <v>7.4470660000000004</v>
      </c>
      <c r="D280">
        <f t="shared" si="15"/>
        <v>1.3913350000000007</v>
      </c>
      <c r="E280">
        <f t="shared" si="16"/>
        <v>97.267680999999811</v>
      </c>
      <c r="F280">
        <f t="shared" si="14"/>
        <v>3.1418942128753694E-2</v>
      </c>
    </row>
    <row r="281" spans="1:6" x14ac:dyDescent="0.2">
      <c r="A281">
        <v>2226.237658</v>
      </c>
      <c r="B281">
        <v>19.958987</v>
      </c>
      <c r="C281">
        <v>7.45207</v>
      </c>
      <c r="D281">
        <f t="shared" si="15"/>
        <v>1.3963390000000002</v>
      </c>
      <c r="E281">
        <f t="shared" si="16"/>
        <v>98.427064999999857</v>
      </c>
      <c r="F281">
        <f t="shared" si="14"/>
        <v>3.1663005921174762E-2</v>
      </c>
    </row>
    <row r="282" spans="1:6" x14ac:dyDescent="0.2">
      <c r="A282">
        <v>2227.5214759999999</v>
      </c>
      <c r="B282">
        <v>19.951934999999999</v>
      </c>
      <c r="C282">
        <v>7.4570749999999997</v>
      </c>
      <c r="D282">
        <f t="shared" si="15"/>
        <v>1.4013439999999999</v>
      </c>
      <c r="E282">
        <f t="shared" si="16"/>
        <v>99.71088299999974</v>
      </c>
      <c r="F282">
        <f t="shared" si="14"/>
        <v>3.1943014893786537E-2</v>
      </c>
    </row>
    <row r="283" spans="1:6" x14ac:dyDescent="0.2">
      <c r="A283">
        <v>2228.7583410000002</v>
      </c>
      <c r="B283">
        <v>19.981556000000001</v>
      </c>
      <c r="C283">
        <v>7.4620800000000003</v>
      </c>
      <c r="D283">
        <f t="shared" si="15"/>
        <v>1.4063490000000005</v>
      </c>
      <c r="E283">
        <f t="shared" si="16"/>
        <v>100.94774800000005</v>
      </c>
      <c r="F283">
        <f t="shared" si="14"/>
        <v>3.2206278541350594E-2</v>
      </c>
    </row>
    <row r="284" spans="1:6" x14ac:dyDescent="0.2">
      <c r="A284">
        <v>2229.1450559999998</v>
      </c>
      <c r="B284">
        <v>19.989909000000001</v>
      </c>
      <c r="C284">
        <v>7.467085</v>
      </c>
      <c r="D284">
        <f t="shared" si="15"/>
        <v>1.4113540000000002</v>
      </c>
      <c r="E284">
        <f t="shared" si="16"/>
        <v>101.33446299999969</v>
      </c>
      <c r="F284">
        <f t="shared" si="14"/>
        <v>3.220941832667331E-2</v>
      </c>
    </row>
    <row r="285" spans="1:6" x14ac:dyDescent="0.2">
      <c r="A285">
        <v>2228.7413499999998</v>
      </c>
      <c r="B285">
        <v>20.028938</v>
      </c>
      <c r="C285">
        <v>7.4720899999999997</v>
      </c>
      <c r="D285">
        <f t="shared" si="15"/>
        <v>1.4163589999999999</v>
      </c>
      <c r="E285">
        <f t="shared" si="16"/>
        <v>100.93075699999963</v>
      </c>
      <c r="F285">
        <f t="shared" si="14"/>
        <v>3.1973524602202139E-2</v>
      </c>
    </row>
    <row r="286" spans="1:6" x14ac:dyDescent="0.2">
      <c r="A286">
        <v>2227.8843219999999</v>
      </c>
      <c r="B286">
        <v>20.014855000000001</v>
      </c>
      <c r="C286">
        <v>7.4770940000000001</v>
      </c>
      <c r="D286">
        <f t="shared" si="15"/>
        <v>1.4213630000000004</v>
      </c>
      <c r="E286">
        <f t="shared" si="16"/>
        <v>100.07372899999973</v>
      </c>
      <c r="F286">
        <f t="shared" si="14"/>
        <v>3.1602572746778218E-2</v>
      </c>
    </row>
    <row r="287" spans="1:6" x14ac:dyDescent="0.2">
      <c r="A287">
        <v>2226.8296959999998</v>
      </c>
      <c r="B287">
        <v>20.044352</v>
      </c>
      <c r="C287">
        <v>7.4820989999999998</v>
      </c>
      <c r="D287">
        <f t="shared" si="15"/>
        <v>1.4263680000000001</v>
      </c>
      <c r="E287">
        <f t="shared" si="16"/>
        <v>99.019102999999632</v>
      </c>
      <c r="F287">
        <f t="shared" si="14"/>
        <v>3.1174564593292001E-2</v>
      </c>
    </row>
    <row r="288" spans="1:6" x14ac:dyDescent="0.2">
      <c r="A288">
        <v>2225.4100680000001</v>
      </c>
      <c r="B288">
        <v>20.056339000000001</v>
      </c>
      <c r="C288">
        <v>7.4871040000000004</v>
      </c>
      <c r="D288">
        <f t="shared" si="15"/>
        <v>1.4313730000000007</v>
      </c>
      <c r="E288">
        <f t="shared" si="16"/>
        <v>97.599474999999984</v>
      </c>
      <c r="F288">
        <f t="shared" si="14"/>
        <v>3.0639707299916896E-2</v>
      </c>
    </row>
    <row r="289" spans="1:6" x14ac:dyDescent="0.2">
      <c r="A289">
        <v>2223.137894</v>
      </c>
      <c r="B289">
        <v>20.060227000000001</v>
      </c>
      <c r="C289">
        <v>7.4921090000000001</v>
      </c>
      <c r="D289">
        <f t="shared" si="15"/>
        <v>1.4363780000000004</v>
      </c>
      <c r="E289">
        <f t="shared" si="16"/>
        <v>95.327300999999807</v>
      </c>
      <c r="F289">
        <f t="shared" si="14"/>
        <v>2.98525992498299E-2</v>
      </c>
    </row>
    <row r="290" spans="1:6" x14ac:dyDescent="0.2">
      <c r="A290">
        <v>2221.2020400000001</v>
      </c>
      <c r="B290">
        <v>20.056595000000002</v>
      </c>
      <c r="C290">
        <v>7.4971139999999998</v>
      </c>
      <c r="D290">
        <f t="shared" si="15"/>
        <v>1.4413830000000001</v>
      </c>
      <c r="E290">
        <f t="shared" si="16"/>
        <v>93.391446999999971</v>
      </c>
      <c r="F290">
        <f t="shared" si="14"/>
        <v>2.9170216008420874E-2</v>
      </c>
    </row>
    <row r="291" spans="1:6" x14ac:dyDescent="0.2">
      <c r="A291">
        <v>2219.4593829999999</v>
      </c>
      <c r="B291">
        <v>20.036151</v>
      </c>
      <c r="C291">
        <v>7.5021180000000003</v>
      </c>
      <c r="D291">
        <f t="shared" si="15"/>
        <v>1.4463870000000005</v>
      </c>
      <c r="E291">
        <f t="shared" si="16"/>
        <v>91.648789999999735</v>
      </c>
      <c r="F291">
        <f t="shared" si="14"/>
        <v>2.8549271066584607E-2</v>
      </c>
    </row>
    <row r="292" spans="1:6" x14ac:dyDescent="0.2">
      <c r="A292">
        <v>2218.2532209999999</v>
      </c>
      <c r="B292">
        <v>20.036176999999999</v>
      </c>
      <c r="C292">
        <v>7.507123</v>
      </c>
      <c r="D292">
        <f t="shared" si="15"/>
        <v>1.4513920000000002</v>
      </c>
      <c r="E292">
        <f t="shared" si="16"/>
        <v>90.442627999999786</v>
      </c>
      <c r="F292">
        <f t="shared" si="14"/>
        <v>2.8091655086429312E-2</v>
      </c>
    </row>
    <row r="293" spans="1:6" x14ac:dyDescent="0.2">
      <c r="A293">
        <v>2217.3955839999999</v>
      </c>
      <c r="B293">
        <v>20.029584</v>
      </c>
      <c r="C293">
        <v>7.5121279999999997</v>
      </c>
      <c r="D293">
        <f t="shared" si="15"/>
        <v>1.4563969999999999</v>
      </c>
      <c r="E293">
        <f t="shared" si="16"/>
        <v>89.584990999999718</v>
      </c>
      <c r="F293">
        <f t="shared" si="14"/>
        <v>2.7740373261577373E-2</v>
      </c>
    </row>
    <row r="294" spans="1:6" x14ac:dyDescent="0.2">
      <c r="A294">
        <v>2217.2919980000001</v>
      </c>
      <c r="B294">
        <v>19.969874999999998</v>
      </c>
      <c r="C294">
        <v>7.5171330000000003</v>
      </c>
      <c r="D294">
        <f t="shared" si="15"/>
        <v>1.4614020000000005</v>
      </c>
      <c r="E294">
        <f t="shared" si="16"/>
        <v>89.481404999999995</v>
      </c>
      <c r="F294">
        <f t="shared" si="14"/>
        <v>2.7614692245711309E-2</v>
      </c>
    </row>
    <row r="295" spans="1:6" x14ac:dyDescent="0.2">
      <c r="A295">
        <v>2217.5573979999999</v>
      </c>
      <c r="B295">
        <v>19.989304000000001</v>
      </c>
      <c r="C295">
        <v>7.522138</v>
      </c>
      <c r="D295">
        <f t="shared" si="15"/>
        <v>1.4664070000000002</v>
      </c>
      <c r="E295">
        <f t="shared" si="16"/>
        <v>89.746804999999767</v>
      </c>
      <c r="F295">
        <f t="shared" si="14"/>
        <v>2.7598762030546876E-2</v>
      </c>
    </row>
    <row r="296" spans="1:6" x14ac:dyDescent="0.2">
      <c r="A296">
        <v>2218.0112650000001</v>
      </c>
      <c r="B296">
        <v>19.993679</v>
      </c>
      <c r="C296">
        <v>7.5271420000000004</v>
      </c>
      <c r="D296">
        <f t="shared" si="15"/>
        <v>1.4714110000000007</v>
      </c>
      <c r="E296">
        <f t="shared" si="16"/>
        <v>90.20067199999994</v>
      </c>
      <c r="F296">
        <f t="shared" si="14"/>
        <v>2.7638344581505724E-2</v>
      </c>
    </row>
    <row r="297" spans="1:6" x14ac:dyDescent="0.2">
      <c r="A297">
        <v>2218.089258</v>
      </c>
      <c r="B297">
        <v>19.997164999999999</v>
      </c>
      <c r="C297">
        <v>7.5321470000000001</v>
      </c>
      <c r="D297">
        <f t="shared" si="15"/>
        <v>1.4764160000000004</v>
      </c>
      <c r="E297">
        <f t="shared" si="16"/>
        <v>90.278664999999819</v>
      </c>
      <c r="F297">
        <f t="shared" si="14"/>
        <v>2.7567498949545306E-2</v>
      </c>
    </row>
    <row r="298" spans="1:6" x14ac:dyDescent="0.2">
      <c r="A298">
        <v>2218.3337280000001</v>
      </c>
      <c r="B298">
        <v>19.961333</v>
      </c>
      <c r="C298">
        <v>7.5371519999999999</v>
      </c>
      <c r="D298">
        <f t="shared" si="15"/>
        <v>1.4814210000000001</v>
      </c>
      <c r="E298">
        <f t="shared" si="16"/>
        <v>90.523134999999911</v>
      </c>
      <c r="F298">
        <f t="shared" si="14"/>
        <v>2.7545724969277156E-2</v>
      </c>
    </row>
    <row r="299" spans="1:6" x14ac:dyDescent="0.2">
      <c r="A299">
        <v>2219.4324160000001</v>
      </c>
      <c r="B299">
        <v>19.972731</v>
      </c>
      <c r="C299">
        <v>7.5421570000000004</v>
      </c>
      <c r="D299">
        <f t="shared" si="15"/>
        <v>1.4864260000000007</v>
      </c>
      <c r="E299">
        <f t="shared" si="16"/>
        <v>91.621822999999949</v>
      </c>
      <c r="F299">
        <f t="shared" si="14"/>
        <v>2.7772419115794134E-2</v>
      </c>
    </row>
    <row r="300" spans="1:6" x14ac:dyDescent="0.2">
      <c r="A300">
        <v>2219.9055250000001</v>
      </c>
      <c r="B300">
        <v>19.998988000000001</v>
      </c>
      <c r="C300">
        <v>7.5471620000000001</v>
      </c>
      <c r="D300">
        <f t="shared" si="15"/>
        <v>1.4914310000000004</v>
      </c>
      <c r="E300">
        <f t="shared" si="16"/>
        <v>92.094931999999972</v>
      </c>
      <c r="F300">
        <f t="shared" si="14"/>
        <v>2.7816217507354832E-2</v>
      </c>
    </row>
    <row r="301" spans="1:6" x14ac:dyDescent="0.2">
      <c r="A301">
        <v>2220.0930410000001</v>
      </c>
      <c r="B301">
        <v>19.983232000000001</v>
      </c>
      <c r="C301">
        <v>7.5521659999999997</v>
      </c>
      <c r="D301">
        <f t="shared" si="15"/>
        <v>1.496435</v>
      </c>
      <c r="E301">
        <f t="shared" si="16"/>
        <v>92.282447999999931</v>
      </c>
      <c r="F301">
        <f t="shared" si="14"/>
        <v>2.7777302846652824E-2</v>
      </c>
    </row>
    <row r="302" spans="1:6" x14ac:dyDescent="0.2">
      <c r="A302">
        <v>2220.9504320000001</v>
      </c>
      <c r="B302">
        <v>19.955324000000001</v>
      </c>
      <c r="C302">
        <v>7.5571710000000003</v>
      </c>
      <c r="D302">
        <f t="shared" si="15"/>
        <v>1.5014400000000006</v>
      </c>
      <c r="E302">
        <f t="shared" si="16"/>
        <v>93.139838999999938</v>
      </c>
      <c r="F302">
        <f t="shared" si="14"/>
        <v>2.7931138299836487E-2</v>
      </c>
    </row>
    <row r="303" spans="1:6" x14ac:dyDescent="0.2">
      <c r="A303">
        <v>2222.5607359999999</v>
      </c>
      <c r="B303">
        <v>19.936067000000001</v>
      </c>
      <c r="C303">
        <v>7.562176</v>
      </c>
      <c r="D303">
        <f t="shared" si="15"/>
        <v>1.5064450000000003</v>
      </c>
      <c r="E303">
        <f t="shared" si="16"/>
        <v>94.750142999999753</v>
      </c>
      <c r="F303">
        <f t="shared" si="14"/>
        <v>2.8299121645929719E-2</v>
      </c>
    </row>
    <row r="304" spans="1:6" x14ac:dyDescent="0.2">
      <c r="A304">
        <v>2224.077632</v>
      </c>
      <c r="B304">
        <v>19.948253999999999</v>
      </c>
      <c r="C304">
        <v>7.5671809999999997</v>
      </c>
      <c r="D304">
        <f t="shared" si="15"/>
        <v>1.51145</v>
      </c>
      <c r="E304">
        <f t="shared" si="16"/>
        <v>96.267038999999841</v>
      </c>
      <c r="F304">
        <f t="shared" si="14"/>
        <v>2.8637419845753142E-2</v>
      </c>
    </row>
    <row r="305" spans="1:6" x14ac:dyDescent="0.2">
      <c r="A305">
        <v>2225.1768729999999</v>
      </c>
      <c r="B305">
        <v>19.975190000000001</v>
      </c>
      <c r="C305">
        <v>7.5721860000000003</v>
      </c>
      <c r="D305">
        <f t="shared" si="15"/>
        <v>1.5164550000000006</v>
      </c>
      <c r="E305">
        <f t="shared" si="16"/>
        <v>97.366279999999733</v>
      </c>
      <c r="F305">
        <f t="shared" si="14"/>
        <v>2.88545637518937E-2</v>
      </c>
    </row>
    <row r="306" spans="1:6" x14ac:dyDescent="0.2">
      <c r="A306">
        <v>2226.3758210000001</v>
      </c>
      <c r="B306">
        <v>19.971155</v>
      </c>
      <c r="C306">
        <v>7.5771899999999999</v>
      </c>
      <c r="D306">
        <f t="shared" si="15"/>
        <v>1.5214590000000001</v>
      </c>
      <c r="E306">
        <f t="shared" si="16"/>
        <v>98.565227999999934</v>
      </c>
      <c r="F306">
        <f t="shared" si="14"/>
        <v>2.9098124684576204E-2</v>
      </c>
    </row>
    <row r="307" spans="1:6" x14ac:dyDescent="0.2">
      <c r="A307">
        <v>2227.7396349999999</v>
      </c>
      <c r="B307">
        <v>19.941537</v>
      </c>
      <c r="C307">
        <v>7.5821949999999996</v>
      </c>
      <c r="D307">
        <f t="shared" si="15"/>
        <v>1.5264639999999998</v>
      </c>
      <c r="E307">
        <f t="shared" si="16"/>
        <v>99.929041999999754</v>
      </c>
      <c r="F307">
        <f t="shared" si="14"/>
        <v>2.9386017022897889E-2</v>
      </c>
    </row>
    <row r="308" spans="1:6" x14ac:dyDescent="0.2">
      <c r="A308">
        <v>2228.5395189999999</v>
      </c>
      <c r="B308">
        <v>19.997492999999999</v>
      </c>
      <c r="C308">
        <v>7.5872000000000002</v>
      </c>
      <c r="D308">
        <f t="shared" si="15"/>
        <v>1.5314690000000004</v>
      </c>
      <c r="E308">
        <f t="shared" si="16"/>
        <v>100.72892599999977</v>
      </c>
      <c r="F308">
        <f t="shared" si="14"/>
        <v>2.9513835563131779E-2</v>
      </c>
    </row>
    <row r="309" spans="1:6" x14ac:dyDescent="0.2">
      <c r="A309">
        <v>2229.317591</v>
      </c>
      <c r="B309">
        <v>19.957507</v>
      </c>
      <c r="C309">
        <v>7.5922049999999999</v>
      </c>
      <c r="D309">
        <f t="shared" si="15"/>
        <v>1.5364740000000001</v>
      </c>
      <c r="E309">
        <f t="shared" si="16"/>
        <v>101.50699799999984</v>
      </c>
      <c r="F309">
        <f t="shared" si="14"/>
        <v>2.963458333992517E-2</v>
      </c>
    </row>
    <row r="310" spans="1:6" x14ac:dyDescent="0.2">
      <c r="A310">
        <v>2229.602222</v>
      </c>
      <c r="B310">
        <v>20.002654</v>
      </c>
      <c r="C310">
        <v>7.5972099999999996</v>
      </c>
      <c r="D310">
        <f t="shared" si="15"/>
        <v>1.5414789999999998</v>
      </c>
      <c r="E310">
        <f t="shared" si="16"/>
        <v>101.79162899999983</v>
      </c>
      <c r="F310">
        <f t="shared" si="14"/>
        <v>2.9617409047545715E-2</v>
      </c>
    </row>
    <row r="311" spans="1:6" x14ac:dyDescent="0.2">
      <c r="A311">
        <v>2229.5990809999998</v>
      </c>
      <c r="B311">
        <v>20.010797</v>
      </c>
      <c r="C311">
        <v>7.602214</v>
      </c>
      <c r="D311">
        <f t="shared" si="15"/>
        <v>1.5464830000000003</v>
      </c>
      <c r="E311">
        <f t="shared" si="16"/>
        <v>101.78848799999969</v>
      </c>
      <c r="F311">
        <f t="shared" si="14"/>
        <v>2.9520705772229844E-2</v>
      </c>
    </row>
    <row r="312" spans="1:6" x14ac:dyDescent="0.2">
      <c r="A312">
        <v>2228.7641829999998</v>
      </c>
      <c r="B312">
        <v>20.044764000000001</v>
      </c>
      <c r="C312">
        <v>7.6072189999999997</v>
      </c>
      <c r="D312">
        <f t="shared" si="15"/>
        <v>1.551488</v>
      </c>
      <c r="E312">
        <f t="shared" si="16"/>
        <v>100.95358999999962</v>
      </c>
      <c r="F312">
        <f t="shared" si="14"/>
        <v>2.9195050223995288E-2</v>
      </c>
    </row>
    <row r="313" spans="1:6" x14ac:dyDescent="0.2">
      <c r="A313">
        <v>2227.8038280000001</v>
      </c>
      <c r="B313">
        <v>20.012796999999999</v>
      </c>
      <c r="C313">
        <v>7.6122240000000003</v>
      </c>
      <c r="D313">
        <f t="shared" si="15"/>
        <v>1.5564930000000006</v>
      </c>
      <c r="E313">
        <f t="shared" si="16"/>
        <v>99.993234999999913</v>
      </c>
      <c r="F313">
        <f t="shared" si="14"/>
        <v>2.8836762544159962E-2</v>
      </c>
    </row>
    <row r="314" spans="1:6" x14ac:dyDescent="0.2">
      <c r="A314">
        <v>2226.8435760000002</v>
      </c>
      <c r="B314">
        <v>20.018523999999999</v>
      </c>
      <c r="C314">
        <v>7.617229</v>
      </c>
      <c r="D314">
        <f t="shared" si="15"/>
        <v>1.5614980000000003</v>
      </c>
      <c r="E314">
        <f t="shared" si="16"/>
        <v>99.032983000000058</v>
      </c>
      <c r="F314">
        <f t="shared" si="14"/>
        <v>2.8480572646756862E-2</v>
      </c>
    </row>
    <row r="315" spans="1:6" x14ac:dyDescent="0.2">
      <c r="A315">
        <v>2225.5564420000001</v>
      </c>
      <c r="B315">
        <v>20.037489000000001</v>
      </c>
      <c r="C315">
        <v>7.6222339999999997</v>
      </c>
      <c r="D315">
        <f t="shared" si="15"/>
        <v>1.566503</v>
      </c>
      <c r="E315">
        <f t="shared" si="16"/>
        <v>97.745848999999907</v>
      </c>
      <c r="F315">
        <f t="shared" si="14"/>
        <v>2.8036802309364013E-2</v>
      </c>
    </row>
    <row r="316" spans="1:6" x14ac:dyDescent="0.2">
      <c r="A316">
        <v>2224.2260179999998</v>
      </c>
      <c r="B316">
        <v>20.045347</v>
      </c>
      <c r="C316">
        <v>7.6272380000000002</v>
      </c>
      <c r="D316">
        <f t="shared" si="15"/>
        <v>1.5715070000000004</v>
      </c>
      <c r="E316">
        <f t="shared" si="16"/>
        <v>96.415424999999686</v>
      </c>
      <c r="F316">
        <f t="shared" si="14"/>
        <v>2.7583621414861832E-2</v>
      </c>
    </row>
    <row r="317" spans="1:6" x14ac:dyDescent="0.2">
      <c r="A317">
        <v>2222.8932610000002</v>
      </c>
      <c r="B317">
        <v>20.041202999999999</v>
      </c>
      <c r="C317">
        <v>7.6322429999999999</v>
      </c>
      <c r="D317">
        <f t="shared" si="15"/>
        <v>1.5765120000000001</v>
      </c>
      <c r="E317">
        <f t="shared" si="16"/>
        <v>95.082668000000012</v>
      </c>
      <c r="F317">
        <f t="shared" si="14"/>
        <v>2.7132228716614325E-2</v>
      </c>
    </row>
    <row r="318" spans="1:6" x14ac:dyDescent="0.2">
      <c r="A318">
        <v>2221.4246419999999</v>
      </c>
      <c r="B318">
        <v>20.038228</v>
      </c>
      <c r="C318">
        <v>7.6372479999999996</v>
      </c>
      <c r="D318">
        <f t="shared" si="15"/>
        <v>1.5815169999999998</v>
      </c>
      <c r="E318">
        <f t="shared" si="16"/>
        <v>93.614048999999795</v>
      </c>
      <c r="F318">
        <f t="shared" si="14"/>
        <v>2.6646218208927323E-2</v>
      </c>
    </row>
    <row r="319" spans="1:6" x14ac:dyDescent="0.2">
      <c r="A319">
        <v>2219.7189429999999</v>
      </c>
      <c r="B319">
        <v>20.041691</v>
      </c>
      <c r="C319">
        <v>7.6422530000000002</v>
      </c>
      <c r="D319">
        <f t="shared" si="15"/>
        <v>1.5865220000000004</v>
      </c>
      <c r="E319">
        <f t="shared" si="16"/>
        <v>91.9083499999997</v>
      </c>
      <c r="F319">
        <f t="shared" si="14"/>
        <v>2.6098219674553339E-2</v>
      </c>
    </row>
    <row r="320" spans="1:6" x14ac:dyDescent="0.2">
      <c r="A320">
        <v>2218.5389879999998</v>
      </c>
      <c r="B320">
        <v>20.033808000000001</v>
      </c>
      <c r="C320">
        <v>7.6472579999999999</v>
      </c>
      <c r="D320">
        <f t="shared" si="15"/>
        <v>1.5915270000000001</v>
      </c>
      <c r="E320">
        <f t="shared" si="16"/>
        <v>90.728394999999637</v>
      </c>
      <c r="F320">
        <f t="shared" si="14"/>
        <v>2.5695800521941346E-2</v>
      </c>
    </row>
    <row r="321" spans="1:6" x14ac:dyDescent="0.2">
      <c r="A321">
        <v>2217.6754559999999</v>
      </c>
      <c r="B321">
        <v>20.022010000000002</v>
      </c>
      <c r="C321">
        <v>7.6522620000000003</v>
      </c>
      <c r="D321">
        <f t="shared" si="15"/>
        <v>1.5965310000000006</v>
      </c>
      <c r="E321">
        <f t="shared" si="16"/>
        <v>89.864862999999787</v>
      </c>
      <c r="F321">
        <f t="shared" si="14"/>
        <v>2.5381341407509573E-2</v>
      </c>
    </row>
    <row r="322" spans="1:6" x14ac:dyDescent="0.2">
      <c r="A322">
        <v>2217.2996579999999</v>
      </c>
      <c r="B322">
        <v>20.002517999999998</v>
      </c>
      <c r="C322">
        <v>7.657267</v>
      </c>
      <c r="D322">
        <f t="shared" si="15"/>
        <v>1.6015360000000003</v>
      </c>
      <c r="E322">
        <f t="shared" si="16"/>
        <v>89.489064999999755</v>
      </c>
      <c r="F322">
        <f t="shared" si="14"/>
        <v>2.520048360656215E-2</v>
      </c>
    </row>
    <row r="323" spans="1:6" x14ac:dyDescent="0.2">
      <c r="A323">
        <v>2217.4336400000002</v>
      </c>
      <c r="B323">
        <v>19.978121000000002</v>
      </c>
      <c r="C323">
        <v>7.6622719999999997</v>
      </c>
      <c r="D323">
        <f t="shared" si="15"/>
        <v>1.606541</v>
      </c>
      <c r="E323">
        <f t="shared" si="16"/>
        <v>89.623047000000042</v>
      </c>
      <c r="F323">
        <f t="shared" ref="F323:F386" si="17">(1/A323)*(E323/D323)</f>
        <v>2.5158066435850182E-2</v>
      </c>
    </row>
    <row r="324" spans="1:6" x14ac:dyDescent="0.2">
      <c r="A324">
        <v>2218.0548669999998</v>
      </c>
      <c r="B324">
        <v>19.983822</v>
      </c>
      <c r="C324">
        <v>7.6672770000000003</v>
      </c>
      <c r="D324">
        <f t="shared" si="15"/>
        <v>1.6115460000000006</v>
      </c>
      <c r="E324">
        <f t="shared" si="16"/>
        <v>90.244273999999677</v>
      </c>
      <c r="F324">
        <f t="shared" si="17"/>
        <v>2.524670259114668E-2</v>
      </c>
    </row>
    <row r="325" spans="1:6" x14ac:dyDescent="0.2">
      <c r="A325">
        <v>2218.3937599999999</v>
      </c>
      <c r="B325">
        <v>19.982686999999999</v>
      </c>
      <c r="C325">
        <v>7.672282</v>
      </c>
      <c r="D325">
        <f t="shared" si="15"/>
        <v>1.6165510000000003</v>
      </c>
      <c r="E325">
        <f t="shared" si="16"/>
        <v>90.583166999999776</v>
      </c>
      <c r="F325">
        <f t="shared" si="17"/>
        <v>2.5259192055535434E-2</v>
      </c>
    </row>
    <row r="326" spans="1:6" x14ac:dyDescent="0.2">
      <c r="A326">
        <v>2219.2068410000002</v>
      </c>
      <c r="B326">
        <v>19.957967</v>
      </c>
      <c r="C326">
        <v>7.6772859999999996</v>
      </c>
      <c r="D326">
        <f t="shared" si="15"/>
        <v>1.6215549999999999</v>
      </c>
      <c r="E326">
        <f t="shared" si="16"/>
        <v>91.396248000000014</v>
      </c>
      <c r="F326">
        <f t="shared" si="17"/>
        <v>2.5397963881676564E-2</v>
      </c>
    </row>
    <row r="327" spans="1:6" x14ac:dyDescent="0.2">
      <c r="A327">
        <v>2220.7627889999999</v>
      </c>
      <c r="B327">
        <v>19.943884000000001</v>
      </c>
      <c r="C327">
        <v>7.6822910000000002</v>
      </c>
      <c r="D327">
        <f t="shared" ref="D327:D390" si="18">C327-$C$2</f>
        <v>1.6265600000000004</v>
      </c>
      <c r="E327">
        <f t="shared" ref="E327:E390" si="19">A327-$A$2</f>
        <v>92.952195999999731</v>
      </c>
      <c r="F327">
        <f t="shared" si="17"/>
        <v>2.5732820739141023E-2</v>
      </c>
    </row>
    <row r="328" spans="1:6" x14ac:dyDescent="0.2">
      <c r="A328">
        <v>2222.850171</v>
      </c>
      <c r="B328">
        <v>19.926248999999999</v>
      </c>
      <c r="C328">
        <v>7.6872959999999999</v>
      </c>
      <c r="D328">
        <f t="shared" si="18"/>
        <v>1.6315650000000002</v>
      </c>
      <c r="E328">
        <f t="shared" si="19"/>
        <v>95.039577999999892</v>
      </c>
      <c r="F328">
        <f t="shared" si="17"/>
        <v>2.620534782046513E-2</v>
      </c>
    </row>
    <row r="329" spans="1:6" x14ac:dyDescent="0.2">
      <c r="A329">
        <v>2224.3339249999999</v>
      </c>
      <c r="B329">
        <v>19.963940000000001</v>
      </c>
      <c r="C329">
        <v>7.6923009999999996</v>
      </c>
      <c r="D329">
        <f t="shared" si="18"/>
        <v>1.6365699999999999</v>
      </c>
      <c r="E329">
        <f t="shared" si="19"/>
        <v>96.523331999999755</v>
      </c>
      <c r="F329">
        <f t="shared" si="17"/>
        <v>2.6515372575658818E-2</v>
      </c>
    </row>
    <row r="330" spans="1:6" x14ac:dyDescent="0.2">
      <c r="A330">
        <v>2225.3951830000001</v>
      </c>
      <c r="B330">
        <v>19.983173000000001</v>
      </c>
      <c r="C330">
        <v>7.6973060000000002</v>
      </c>
      <c r="D330">
        <f t="shared" si="18"/>
        <v>1.6415750000000005</v>
      </c>
      <c r="E330">
        <f t="shared" si="19"/>
        <v>97.584589999999935</v>
      </c>
      <c r="F330">
        <f t="shared" si="17"/>
        <v>2.6712428248871763E-2</v>
      </c>
    </row>
    <row r="331" spans="1:6" x14ac:dyDescent="0.2">
      <c r="A331">
        <v>2225.8195559999999</v>
      </c>
      <c r="B331">
        <v>19.971919</v>
      </c>
      <c r="C331">
        <v>7.7023099999999998</v>
      </c>
      <c r="D331">
        <f t="shared" si="18"/>
        <v>1.646579</v>
      </c>
      <c r="E331">
        <f t="shared" si="19"/>
        <v>98.008962999999767</v>
      </c>
      <c r="F331">
        <f t="shared" si="17"/>
        <v>2.6741962043996662E-2</v>
      </c>
    </row>
    <row r="332" spans="1:6" x14ac:dyDescent="0.2">
      <c r="A332">
        <v>2226.782056</v>
      </c>
      <c r="B332">
        <v>19.957381999999999</v>
      </c>
      <c r="C332">
        <v>7.7073150000000004</v>
      </c>
      <c r="D332">
        <f t="shared" si="18"/>
        <v>1.6515840000000006</v>
      </c>
      <c r="E332">
        <f t="shared" si="19"/>
        <v>98.971462999999858</v>
      </c>
      <c r="F332">
        <f t="shared" si="17"/>
        <v>2.6911109920886224E-2</v>
      </c>
    </row>
    <row r="333" spans="1:6" x14ac:dyDescent="0.2">
      <c r="A333">
        <v>2227.798217</v>
      </c>
      <c r="B333">
        <v>19.979762000000001</v>
      </c>
      <c r="C333">
        <v>7.7123200000000001</v>
      </c>
      <c r="D333">
        <f t="shared" si="18"/>
        <v>1.6565890000000003</v>
      </c>
      <c r="E333">
        <f t="shared" si="19"/>
        <v>99.987623999999869</v>
      </c>
      <c r="F333">
        <f t="shared" si="17"/>
        <v>2.7092908053319511E-2</v>
      </c>
    </row>
    <row r="334" spans="1:6" x14ac:dyDescent="0.2">
      <c r="A334">
        <v>2228.1415710000001</v>
      </c>
      <c r="B334">
        <v>20.006</v>
      </c>
      <c r="C334">
        <v>7.7173249999999998</v>
      </c>
      <c r="D334">
        <f t="shared" si="18"/>
        <v>1.661594</v>
      </c>
      <c r="E334">
        <f t="shared" si="19"/>
        <v>100.33097799999996</v>
      </c>
      <c r="F334">
        <f t="shared" si="17"/>
        <v>2.7099878821342249E-2</v>
      </c>
    </row>
    <row r="335" spans="1:6" x14ac:dyDescent="0.2">
      <c r="A335">
        <v>2228.2133140000001</v>
      </c>
      <c r="B335">
        <v>19.989249000000001</v>
      </c>
      <c r="C335">
        <v>7.7223300000000004</v>
      </c>
      <c r="D335">
        <f t="shared" si="18"/>
        <v>1.6665990000000006</v>
      </c>
      <c r="E335">
        <f t="shared" si="19"/>
        <v>100.40272099999993</v>
      </c>
      <c r="F335">
        <f t="shared" si="17"/>
        <v>2.7036943963609859E-2</v>
      </c>
    </row>
    <row r="336" spans="1:6" x14ac:dyDescent="0.2">
      <c r="A336">
        <v>2227.931497</v>
      </c>
      <c r="B336">
        <v>20.023902</v>
      </c>
      <c r="C336">
        <v>7.7273339999999999</v>
      </c>
      <c r="D336">
        <f t="shared" si="18"/>
        <v>1.6716030000000002</v>
      </c>
      <c r="E336">
        <f t="shared" si="19"/>
        <v>100.12090399999988</v>
      </c>
      <c r="F336">
        <f t="shared" si="17"/>
        <v>2.6883746219445996E-2</v>
      </c>
    </row>
    <row r="337" spans="1:6" x14ac:dyDescent="0.2">
      <c r="A337">
        <v>2227.2122749999999</v>
      </c>
      <c r="B337">
        <v>20.018874</v>
      </c>
      <c r="C337">
        <v>7.7323389999999996</v>
      </c>
      <c r="D337">
        <f t="shared" si="18"/>
        <v>1.6766079999999999</v>
      </c>
      <c r="E337">
        <f t="shared" si="19"/>
        <v>99.40168199999971</v>
      </c>
      <c r="F337">
        <f t="shared" si="17"/>
        <v>2.6619542532911482E-2</v>
      </c>
    </row>
    <row r="338" spans="1:6" x14ac:dyDescent="0.2">
      <c r="A338">
        <v>2226.8382740000002</v>
      </c>
      <c r="B338">
        <v>19.989484999999998</v>
      </c>
      <c r="C338">
        <v>7.7373440000000002</v>
      </c>
      <c r="D338">
        <f t="shared" si="18"/>
        <v>1.6816130000000005</v>
      </c>
      <c r="E338">
        <f t="shared" si="19"/>
        <v>99.02768100000003</v>
      </c>
      <c r="F338">
        <f t="shared" si="17"/>
        <v>2.6444896750433079E-2</v>
      </c>
    </row>
    <row r="339" spans="1:6" x14ac:dyDescent="0.2">
      <c r="A339">
        <v>2226.388132</v>
      </c>
      <c r="B339">
        <v>20.015418</v>
      </c>
      <c r="C339">
        <v>7.7423489999999999</v>
      </c>
      <c r="D339">
        <f t="shared" si="18"/>
        <v>1.6866180000000002</v>
      </c>
      <c r="E339">
        <f t="shared" si="19"/>
        <v>98.577538999999888</v>
      </c>
      <c r="F339">
        <f t="shared" si="17"/>
        <v>2.6251877108412563E-2</v>
      </c>
    </row>
    <row r="340" spans="1:6" x14ac:dyDescent="0.2">
      <c r="A340">
        <v>2226.0815739999998</v>
      </c>
      <c r="B340">
        <v>20.023281999999998</v>
      </c>
      <c r="C340">
        <v>7.7473539999999996</v>
      </c>
      <c r="D340">
        <f t="shared" si="18"/>
        <v>1.6916229999999999</v>
      </c>
      <c r="E340">
        <f t="shared" si="19"/>
        <v>98.270980999999665</v>
      </c>
      <c r="F340">
        <f t="shared" si="17"/>
        <v>2.6096402086198959E-2</v>
      </c>
    </row>
    <row r="341" spans="1:6" x14ac:dyDescent="0.2">
      <c r="A341">
        <v>2225.0850700000001</v>
      </c>
      <c r="B341">
        <v>20.038104000000001</v>
      </c>
      <c r="C341">
        <v>7.7523580000000001</v>
      </c>
      <c r="D341">
        <f t="shared" si="18"/>
        <v>1.6966270000000003</v>
      </c>
      <c r="E341">
        <f t="shared" si="19"/>
        <v>97.274476999999933</v>
      </c>
      <c r="F341">
        <f t="shared" si="17"/>
        <v>2.5767121822869013E-2</v>
      </c>
    </row>
    <row r="342" spans="1:6" x14ac:dyDescent="0.2">
      <c r="A342">
        <v>2224.193616</v>
      </c>
      <c r="B342">
        <v>20.011445999999999</v>
      </c>
      <c r="C342">
        <v>7.7573629999999998</v>
      </c>
      <c r="D342">
        <f t="shared" si="18"/>
        <v>1.701632</v>
      </c>
      <c r="E342">
        <f t="shared" si="19"/>
        <v>96.383022999999866</v>
      </c>
      <c r="F342">
        <f t="shared" si="17"/>
        <v>2.5466092347209871E-2</v>
      </c>
    </row>
    <row r="343" spans="1:6" x14ac:dyDescent="0.2">
      <c r="A343">
        <v>2223.21425</v>
      </c>
      <c r="B343">
        <v>20.023288000000001</v>
      </c>
      <c r="C343">
        <v>7.7623680000000004</v>
      </c>
      <c r="D343">
        <f t="shared" si="18"/>
        <v>1.7066370000000006</v>
      </c>
      <c r="E343">
        <f t="shared" si="19"/>
        <v>95.403656999999839</v>
      </c>
      <c r="F343">
        <f t="shared" si="17"/>
        <v>2.5144473592517792E-2</v>
      </c>
    </row>
    <row r="344" spans="1:6" x14ac:dyDescent="0.2">
      <c r="A344">
        <v>2222.3717809999998</v>
      </c>
      <c r="B344">
        <v>20.013812999999999</v>
      </c>
      <c r="C344">
        <v>7.7673730000000001</v>
      </c>
      <c r="D344">
        <f t="shared" si="18"/>
        <v>1.7116420000000003</v>
      </c>
      <c r="E344">
        <f t="shared" si="19"/>
        <v>94.561187999999675</v>
      </c>
      <c r="F344">
        <f t="shared" si="17"/>
        <v>2.4858978072195118E-2</v>
      </c>
    </row>
    <row r="345" spans="1:6" x14ac:dyDescent="0.2">
      <c r="A345">
        <v>2221.276214</v>
      </c>
      <c r="B345">
        <v>20.038233999999999</v>
      </c>
      <c r="C345">
        <v>7.7723779999999998</v>
      </c>
      <c r="D345">
        <f t="shared" si="18"/>
        <v>1.716647</v>
      </c>
      <c r="E345">
        <f t="shared" si="19"/>
        <v>93.465620999999828</v>
      </c>
      <c r="F345">
        <f t="shared" si="17"/>
        <v>2.4511412056604679E-2</v>
      </c>
    </row>
    <row r="346" spans="1:6" x14ac:dyDescent="0.2">
      <c r="A346">
        <v>2220.4893689999999</v>
      </c>
      <c r="B346">
        <v>19.989108999999999</v>
      </c>
      <c r="C346">
        <v>7.7773820000000002</v>
      </c>
      <c r="D346">
        <f t="shared" si="18"/>
        <v>1.7216510000000005</v>
      </c>
      <c r="E346">
        <f t="shared" si="19"/>
        <v>92.678775999999743</v>
      </c>
      <c r="F346">
        <f t="shared" si="17"/>
        <v>2.4243006172124836E-2</v>
      </c>
    </row>
    <row r="347" spans="1:6" x14ac:dyDescent="0.2">
      <c r="A347">
        <v>2221.4881580000001</v>
      </c>
      <c r="B347">
        <v>19.950671</v>
      </c>
      <c r="C347">
        <v>7.7823869999999999</v>
      </c>
      <c r="D347">
        <f t="shared" si="18"/>
        <v>1.7266560000000002</v>
      </c>
      <c r="E347">
        <f t="shared" si="19"/>
        <v>93.677564999999959</v>
      </c>
      <c r="F347">
        <f t="shared" si="17"/>
        <v>2.4422255408428083E-2</v>
      </c>
    </row>
    <row r="348" spans="1:6" x14ac:dyDescent="0.2">
      <c r="A348">
        <v>2223.1489940000001</v>
      </c>
      <c r="B348">
        <v>19.959699000000001</v>
      </c>
      <c r="C348">
        <v>7.7873919999999996</v>
      </c>
      <c r="D348">
        <f t="shared" si="18"/>
        <v>1.7316609999999999</v>
      </c>
      <c r="E348">
        <f t="shared" si="19"/>
        <v>95.338400999999976</v>
      </c>
      <c r="F348">
        <f t="shared" si="17"/>
        <v>2.4764890835210215E-2</v>
      </c>
    </row>
    <row r="349" spans="1:6" x14ac:dyDescent="0.2">
      <c r="A349">
        <v>2224.3477039999998</v>
      </c>
      <c r="B349">
        <v>19.972142999999999</v>
      </c>
      <c r="C349">
        <v>7.7923970000000002</v>
      </c>
      <c r="D349">
        <f t="shared" si="18"/>
        <v>1.7366660000000005</v>
      </c>
      <c r="E349">
        <f t="shared" si="19"/>
        <v>96.537110999999641</v>
      </c>
      <c r="F349">
        <f t="shared" si="17"/>
        <v>2.4990521556823471E-2</v>
      </c>
    </row>
    <row r="350" spans="1:6" x14ac:dyDescent="0.2">
      <c r="A350">
        <v>2225.3755970000002</v>
      </c>
      <c r="B350">
        <v>19.948699999999999</v>
      </c>
      <c r="C350">
        <v>7.7974019999999999</v>
      </c>
      <c r="D350">
        <f t="shared" si="18"/>
        <v>1.7416710000000002</v>
      </c>
      <c r="E350">
        <f t="shared" si="19"/>
        <v>97.565004000000044</v>
      </c>
      <c r="F350">
        <f t="shared" si="17"/>
        <v>2.5172400027802144E-2</v>
      </c>
    </row>
    <row r="351" spans="1:6" x14ac:dyDescent="0.2">
      <c r="A351">
        <v>2226.7186799999999</v>
      </c>
      <c r="B351">
        <v>19.942007</v>
      </c>
      <c r="C351">
        <v>7.8024060000000004</v>
      </c>
      <c r="D351">
        <f t="shared" si="18"/>
        <v>1.7466750000000006</v>
      </c>
      <c r="E351">
        <f t="shared" si="19"/>
        <v>98.908086999999796</v>
      </c>
      <c r="F351">
        <f t="shared" si="17"/>
        <v>2.5430467580137329E-2</v>
      </c>
    </row>
    <row r="352" spans="1:6" x14ac:dyDescent="0.2">
      <c r="A352">
        <v>2228.5342639999999</v>
      </c>
      <c r="B352">
        <v>19.956263</v>
      </c>
      <c r="C352">
        <v>7.8074110000000001</v>
      </c>
      <c r="D352">
        <f t="shared" si="18"/>
        <v>1.7516800000000003</v>
      </c>
      <c r="E352">
        <f t="shared" si="19"/>
        <v>100.72367099999974</v>
      </c>
      <c r="F352">
        <f t="shared" si="17"/>
        <v>2.5802242856414723E-2</v>
      </c>
    </row>
    <row r="353" spans="1:6" x14ac:dyDescent="0.2">
      <c r="A353">
        <v>2229.8353539999998</v>
      </c>
      <c r="B353">
        <v>19.971395999999999</v>
      </c>
      <c r="C353">
        <v>7.8124159999999998</v>
      </c>
      <c r="D353">
        <f t="shared" si="18"/>
        <v>1.7566850000000001</v>
      </c>
      <c r="E353">
        <f t="shared" si="19"/>
        <v>102.02476099999967</v>
      </c>
      <c r="F353">
        <f t="shared" si="17"/>
        <v>2.6045871657554138E-2</v>
      </c>
    </row>
    <row r="354" spans="1:6" x14ac:dyDescent="0.2">
      <c r="A354">
        <v>2231.14003</v>
      </c>
      <c r="B354">
        <v>19.969608999999998</v>
      </c>
      <c r="C354">
        <v>7.8174210000000004</v>
      </c>
      <c r="D354">
        <f t="shared" si="18"/>
        <v>1.7616900000000006</v>
      </c>
      <c r="E354">
        <f t="shared" si="19"/>
        <v>103.32943699999987</v>
      </c>
      <c r="F354">
        <f t="shared" si="17"/>
        <v>2.6288617399264989E-2</v>
      </c>
    </row>
    <row r="355" spans="1:6" x14ac:dyDescent="0.2">
      <c r="A355">
        <v>2231.4621050000001</v>
      </c>
      <c r="B355">
        <v>20.001134</v>
      </c>
      <c r="C355">
        <v>7.8224260000000001</v>
      </c>
      <c r="D355">
        <f t="shared" si="18"/>
        <v>1.7666950000000003</v>
      </c>
      <c r="E355">
        <f t="shared" si="19"/>
        <v>103.65151199999991</v>
      </c>
      <c r="F355">
        <f t="shared" si="17"/>
        <v>2.629205582688552E-2</v>
      </c>
    </row>
    <row r="356" spans="1:6" x14ac:dyDescent="0.2">
      <c r="A356">
        <v>2230.2434309999999</v>
      </c>
      <c r="B356">
        <v>20.044111999999998</v>
      </c>
      <c r="C356">
        <v>7.8274299999999997</v>
      </c>
      <c r="D356">
        <f t="shared" si="18"/>
        <v>1.7716989999999999</v>
      </c>
      <c r="E356">
        <f t="shared" si="19"/>
        <v>102.43283799999972</v>
      </c>
      <c r="F356">
        <f t="shared" si="17"/>
        <v>2.5923700570028886E-2</v>
      </c>
    </row>
    <row r="357" spans="1:6" x14ac:dyDescent="0.2">
      <c r="A357">
        <v>2228.787992</v>
      </c>
      <c r="B357">
        <v>20.045957000000001</v>
      </c>
      <c r="C357">
        <v>7.8324350000000003</v>
      </c>
      <c r="D357">
        <f t="shared" si="18"/>
        <v>1.7767040000000005</v>
      </c>
      <c r="E357">
        <f t="shared" si="19"/>
        <v>100.97739899999988</v>
      </c>
      <c r="F357">
        <f t="shared" si="17"/>
        <v>2.5500009398293888E-2</v>
      </c>
    </row>
    <row r="358" spans="1:6" x14ac:dyDescent="0.2">
      <c r="A358">
        <v>2226.5387780000001</v>
      </c>
      <c r="B358">
        <v>20.081087</v>
      </c>
      <c r="C358">
        <v>7.83744</v>
      </c>
      <c r="D358">
        <f t="shared" si="18"/>
        <v>1.7817090000000002</v>
      </c>
      <c r="E358">
        <f t="shared" si="19"/>
        <v>98.728184999999939</v>
      </c>
      <c r="F358">
        <f t="shared" si="17"/>
        <v>2.4887089865902632E-2</v>
      </c>
    </row>
    <row r="359" spans="1:6" x14ac:dyDescent="0.2">
      <c r="A359">
        <v>2223.9259790000001</v>
      </c>
      <c r="B359">
        <v>20.082059000000001</v>
      </c>
      <c r="C359">
        <v>7.8424449999999997</v>
      </c>
      <c r="D359">
        <f t="shared" si="18"/>
        <v>1.7867139999999999</v>
      </c>
      <c r="E359">
        <f t="shared" si="19"/>
        <v>96.115385999999944</v>
      </c>
      <c r="F359">
        <f t="shared" si="17"/>
        <v>2.4188979469269248E-2</v>
      </c>
    </row>
    <row r="360" spans="1:6" x14ac:dyDescent="0.2">
      <c r="A360">
        <v>2220.9821910000001</v>
      </c>
      <c r="B360">
        <v>20.084958</v>
      </c>
      <c r="C360">
        <v>7.8474500000000003</v>
      </c>
      <c r="D360">
        <f t="shared" si="18"/>
        <v>1.7917190000000005</v>
      </c>
      <c r="E360">
        <f t="shared" si="19"/>
        <v>93.171597999999904</v>
      </c>
      <c r="F360">
        <f t="shared" si="17"/>
        <v>2.3413620182577925E-2</v>
      </c>
    </row>
    <row r="361" spans="1:6" x14ac:dyDescent="0.2">
      <c r="A361">
        <v>2218.0146159999999</v>
      </c>
      <c r="B361">
        <v>20.073015999999999</v>
      </c>
      <c r="C361">
        <v>7.8524539999999998</v>
      </c>
      <c r="D361">
        <f t="shared" si="18"/>
        <v>1.7967230000000001</v>
      </c>
      <c r="E361">
        <f t="shared" si="19"/>
        <v>90.204022999999779</v>
      </c>
      <c r="F361">
        <f t="shared" si="17"/>
        <v>2.263499360164923E-2</v>
      </c>
    </row>
    <row r="362" spans="1:6" x14ac:dyDescent="0.2">
      <c r="A362">
        <v>2215.8622190000001</v>
      </c>
      <c r="B362">
        <v>20.051444</v>
      </c>
      <c r="C362">
        <v>7.8574590000000004</v>
      </c>
      <c r="D362">
        <f t="shared" si="18"/>
        <v>1.8017280000000007</v>
      </c>
      <c r="E362">
        <f t="shared" si="19"/>
        <v>88.051625999999942</v>
      </c>
      <c r="F362">
        <f t="shared" si="17"/>
        <v>2.2054915577760854E-2</v>
      </c>
    </row>
    <row r="363" spans="1:6" x14ac:dyDescent="0.2">
      <c r="A363">
        <v>2214.3715860000002</v>
      </c>
      <c r="B363">
        <v>20.033445</v>
      </c>
      <c r="C363">
        <v>7.8624640000000001</v>
      </c>
      <c r="D363">
        <f t="shared" si="18"/>
        <v>1.8067330000000004</v>
      </c>
      <c r="E363">
        <f t="shared" si="19"/>
        <v>86.560993000000053</v>
      </c>
      <c r="F363">
        <f t="shared" si="17"/>
        <v>2.1636038857553788E-2</v>
      </c>
    </row>
    <row r="364" spans="1:6" x14ac:dyDescent="0.2">
      <c r="A364">
        <v>2213.7501189999998</v>
      </c>
      <c r="B364">
        <v>19.990303999999998</v>
      </c>
      <c r="C364">
        <v>7.8674689999999998</v>
      </c>
      <c r="D364">
        <f t="shared" si="18"/>
        <v>1.8117380000000001</v>
      </c>
      <c r="E364">
        <f t="shared" si="19"/>
        <v>85.93952599999966</v>
      </c>
      <c r="F364">
        <f t="shared" si="17"/>
        <v>2.1427374641778681E-2</v>
      </c>
    </row>
    <row r="365" spans="1:6" x14ac:dyDescent="0.2">
      <c r="A365">
        <v>2214.2622769999998</v>
      </c>
      <c r="B365">
        <v>19.991443</v>
      </c>
      <c r="C365">
        <v>7.8724740000000004</v>
      </c>
      <c r="D365">
        <f t="shared" si="18"/>
        <v>1.8167430000000007</v>
      </c>
      <c r="E365">
        <f t="shared" si="19"/>
        <v>86.451683999999659</v>
      </c>
      <c r="F365">
        <f t="shared" si="17"/>
        <v>2.1490716768931203E-2</v>
      </c>
    </row>
    <row r="366" spans="1:6" x14ac:dyDescent="0.2">
      <c r="A366">
        <v>2215.0976420000002</v>
      </c>
      <c r="B366">
        <v>19.952489</v>
      </c>
      <c r="C366">
        <v>7.877478</v>
      </c>
      <c r="D366">
        <f t="shared" si="18"/>
        <v>1.8217470000000002</v>
      </c>
      <c r="E366">
        <f t="shared" si="19"/>
        <v>87.287049000000025</v>
      </c>
      <c r="F366">
        <f t="shared" si="17"/>
        <v>2.1630615292894805E-2</v>
      </c>
    </row>
    <row r="367" spans="1:6" x14ac:dyDescent="0.2">
      <c r="A367">
        <v>2217.0708639999998</v>
      </c>
      <c r="B367">
        <v>19.918879</v>
      </c>
      <c r="C367">
        <v>7.8824829999999997</v>
      </c>
      <c r="D367">
        <f t="shared" si="18"/>
        <v>1.8267519999999999</v>
      </c>
      <c r="E367">
        <f t="shared" si="19"/>
        <v>89.260270999999648</v>
      </c>
      <c r="F367">
        <f t="shared" si="17"/>
        <v>2.2039362842033595E-2</v>
      </c>
    </row>
    <row r="368" spans="1:6" x14ac:dyDescent="0.2">
      <c r="A368">
        <v>2219.3680730000001</v>
      </c>
      <c r="B368">
        <v>19.927503000000002</v>
      </c>
      <c r="C368">
        <v>7.8874880000000003</v>
      </c>
      <c r="D368">
        <f t="shared" si="18"/>
        <v>1.8317570000000005</v>
      </c>
      <c r="E368">
        <f t="shared" si="19"/>
        <v>91.557479999999941</v>
      </c>
      <c r="F368">
        <f t="shared" si="17"/>
        <v>2.2521464960228037E-2</v>
      </c>
    </row>
    <row r="369" spans="1:6" x14ac:dyDescent="0.2">
      <c r="A369">
        <v>2221.6786830000001</v>
      </c>
      <c r="B369">
        <v>19.931331</v>
      </c>
      <c r="C369">
        <v>7.892493</v>
      </c>
      <c r="D369">
        <f t="shared" si="18"/>
        <v>1.8367620000000002</v>
      </c>
      <c r="E369">
        <f t="shared" si="19"/>
        <v>93.868089999999938</v>
      </c>
      <c r="F369">
        <f t="shared" si="17"/>
        <v>2.3002966512746872E-2</v>
      </c>
    </row>
    <row r="370" spans="1:6" x14ac:dyDescent="0.2">
      <c r="A370">
        <v>2224.1742210000002</v>
      </c>
      <c r="B370">
        <v>19.918949000000001</v>
      </c>
      <c r="C370">
        <v>7.8974979999999997</v>
      </c>
      <c r="D370">
        <f t="shared" si="18"/>
        <v>1.8417669999999999</v>
      </c>
      <c r="E370">
        <f t="shared" si="19"/>
        <v>96.363628000000062</v>
      </c>
      <c r="F370">
        <f t="shared" si="17"/>
        <v>2.3523917758524304E-2</v>
      </c>
    </row>
    <row r="371" spans="1:6" x14ac:dyDescent="0.2">
      <c r="A371">
        <v>2226.8034210000001</v>
      </c>
      <c r="B371">
        <v>19.918596999999998</v>
      </c>
      <c r="C371">
        <v>7.9025020000000001</v>
      </c>
      <c r="D371">
        <f t="shared" si="18"/>
        <v>1.8467710000000004</v>
      </c>
      <c r="E371">
        <f t="shared" si="19"/>
        <v>98.992827999999918</v>
      </c>
      <c r="F371">
        <f t="shared" si="17"/>
        <v>2.4071813236591667E-2</v>
      </c>
    </row>
    <row r="372" spans="1:6" x14ac:dyDescent="0.2">
      <c r="A372">
        <v>2228.4497679999999</v>
      </c>
      <c r="B372">
        <v>19.973852999999998</v>
      </c>
      <c r="C372">
        <v>7.9075069999999998</v>
      </c>
      <c r="D372">
        <f t="shared" si="18"/>
        <v>1.8517760000000001</v>
      </c>
      <c r="E372">
        <f t="shared" si="19"/>
        <v>100.6391749999998</v>
      </c>
      <c r="F372">
        <f t="shared" si="17"/>
        <v>2.4387976497888011E-2</v>
      </c>
    </row>
    <row r="373" spans="1:6" x14ac:dyDescent="0.2">
      <c r="A373">
        <v>2229.2572749999999</v>
      </c>
      <c r="B373">
        <v>19.973523</v>
      </c>
      <c r="C373">
        <v>7.9125120000000004</v>
      </c>
      <c r="D373">
        <f t="shared" si="18"/>
        <v>1.8567810000000007</v>
      </c>
      <c r="E373">
        <f t="shared" si="19"/>
        <v>101.44668199999978</v>
      </c>
      <c r="F373">
        <f t="shared" si="17"/>
        <v>2.4508513506378459E-2</v>
      </c>
    </row>
    <row r="374" spans="1:6" x14ac:dyDescent="0.2">
      <c r="A374">
        <v>2230.1386069999999</v>
      </c>
      <c r="B374">
        <v>19.977475999999999</v>
      </c>
      <c r="C374">
        <v>7.9175170000000001</v>
      </c>
      <c r="D374">
        <f t="shared" si="18"/>
        <v>1.8617860000000004</v>
      </c>
      <c r="E374">
        <f t="shared" si="19"/>
        <v>102.32801399999971</v>
      </c>
      <c r="F374">
        <f t="shared" si="17"/>
        <v>2.4645233037852547E-2</v>
      </c>
    </row>
    <row r="375" spans="1:6" x14ac:dyDescent="0.2">
      <c r="A375">
        <v>2230.5522580000002</v>
      </c>
      <c r="B375">
        <v>20.001961999999999</v>
      </c>
      <c r="C375">
        <v>7.9225219999999998</v>
      </c>
      <c r="D375">
        <f t="shared" si="18"/>
        <v>1.8667910000000001</v>
      </c>
      <c r="E375">
        <f t="shared" si="19"/>
        <v>102.74166500000001</v>
      </c>
      <c r="F375">
        <f t="shared" si="17"/>
        <v>2.4673939674075114E-2</v>
      </c>
    </row>
    <row r="376" spans="1:6" x14ac:dyDescent="0.2">
      <c r="A376">
        <v>2231.15706</v>
      </c>
      <c r="B376">
        <v>19.961911000000001</v>
      </c>
      <c r="C376">
        <v>7.9275260000000003</v>
      </c>
      <c r="D376">
        <f t="shared" si="18"/>
        <v>1.8717950000000005</v>
      </c>
      <c r="E376">
        <f t="shared" si="19"/>
        <v>103.34646699999985</v>
      </c>
      <c r="F376">
        <f t="shared" si="17"/>
        <v>2.4746125352024972E-2</v>
      </c>
    </row>
    <row r="377" spans="1:6" x14ac:dyDescent="0.2">
      <c r="A377">
        <v>2230.7703710000001</v>
      </c>
      <c r="B377">
        <v>20.045715999999999</v>
      </c>
      <c r="C377">
        <v>7.932531</v>
      </c>
      <c r="D377">
        <f t="shared" si="18"/>
        <v>1.8768000000000002</v>
      </c>
      <c r="E377">
        <f t="shared" si="19"/>
        <v>102.95977799999991</v>
      </c>
      <c r="F377">
        <f t="shared" si="17"/>
        <v>2.4592050111964709E-2</v>
      </c>
    </row>
    <row r="378" spans="1:6" x14ac:dyDescent="0.2">
      <c r="A378">
        <v>2229.4360379999998</v>
      </c>
      <c r="B378">
        <v>20.042096000000001</v>
      </c>
      <c r="C378">
        <v>7.9375359999999997</v>
      </c>
      <c r="D378">
        <f t="shared" si="18"/>
        <v>1.8818049999999999</v>
      </c>
      <c r="E378">
        <f t="shared" si="19"/>
        <v>101.62544499999967</v>
      </c>
      <c r="F378">
        <f t="shared" si="17"/>
        <v>2.4223273075301064E-2</v>
      </c>
    </row>
    <row r="379" spans="1:6" x14ac:dyDescent="0.2">
      <c r="A379">
        <v>2227.929048</v>
      </c>
      <c r="B379">
        <v>20.029387</v>
      </c>
      <c r="C379">
        <v>7.9425410000000003</v>
      </c>
      <c r="D379">
        <f t="shared" si="18"/>
        <v>1.8868100000000005</v>
      </c>
      <c r="E379">
        <f t="shared" si="19"/>
        <v>100.11845499999981</v>
      </c>
      <c r="F379">
        <f t="shared" si="17"/>
        <v>2.3816866034561686E-2</v>
      </c>
    </row>
    <row r="380" spans="1:6" x14ac:dyDescent="0.2">
      <c r="A380">
        <v>2227.1911449999998</v>
      </c>
      <c r="B380">
        <v>20.014344000000001</v>
      </c>
      <c r="C380">
        <v>7.947546</v>
      </c>
      <c r="D380">
        <f t="shared" si="18"/>
        <v>1.8918150000000002</v>
      </c>
      <c r="E380">
        <f t="shared" si="19"/>
        <v>99.380551999999625</v>
      </c>
      <c r="F380">
        <f t="shared" si="17"/>
        <v>2.3586594938420028E-2</v>
      </c>
    </row>
    <row r="381" spans="1:6" x14ac:dyDescent="0.2">
      <c r="A381">
        <v>2226.1261249999998</v>
      </c>
      <c r="B381">
        <v>20.027701</v>
      </c>
      <c r="C381">
        <v>7.9525499999999996</v>
      </c>
      <c r="D381">
        <f t="shared" si="18"/>
        <v>1.8968189999999998</v>
      </c>
      <c r="E381">
        <f t="shared" si="19"/>
        <v>98.315531999999621</v>
      </c>
      <c r="F381">
        <f t="shared" si="17"/>
        <v>2.3283404114182841E-2</v>
      </c>
    </row>
    <row r="382" spans="1:6" x14ac:dyDescent="0.2">
      <c r="A382">
        <v>2224.9492439999999</v>
      </c>
      <c r="B382">
        <v>20.05021</v>
      </c>
      <c r="C382">
        <v>7.9575550000000002</v>
      </c>
      <c r="D382">
        <f t="shared" si="18"/>
        <v>1.9018240000000004</v>
      </c>
      <c r="E382">
        <f t="shared" si="19"/>
        <v>97.138650999999754</v>
      </c>
      <c r="F382">
        <f t="shared" si="17"/>
        <v>2.2956286494095261E-2</v>
      </c>
    </row>
    <row r="383" spans="1:6" x14ac:dyDescent="0.2">
      <c r="A383">
        <v>2223.0101960000002</v>
      </c>
      <c r="B383">
        <v>20.063887000000001</v>
      </c>
      <c r="C383">
        <v>7.9625599999999999</v>
      </c>
      <c r="D383">
        <f t="shared" si="18"/>
        <v>1.9068290000000001</v>
      </c>
      <c r="E383">
        <f t="shared" si="19"/>
        <v>95.199603000000025</v>
      </c>
      <c r="F383">
        <f t="shared" si="17"/>
        <v>2.2458561433311666E-2</v>
      </c>
    </row>
    <row r="384" spans="1:6" x14ac:dyDescent="0.2">
      <c r="A384">
        <v>2220.8049540000002</v>
      </c>
      <c r="B384">
        <v>20.073277000000001</v>
      </c>
      <c r="C384">
        <v>7.9675649999999996</v>
      </c>
      <c r="D384">
        <f t="shared" si="18"/>
        <v>1.9118339999999998</v>
      </c>
      <c r="E384">
        <f t="shared" si="19"/>
        <v>92.994361000000026</v>
      </c>
      <c r="F384">
        <f t="shared" si="17"/>
        <v>2.1902617365210271E-2</v>
      </c>
    </row>
    <row r="385" spans="1:6" x14ac:dyDescent="0.2">
      <c r="A385">
        <v>2218.7872940000002</v>
      </c>
      <c r="B385">
        <v>20.028171</v>
      </c>
      <c r="C385">
        <v>7.9725700000000002</v>
      </c>
      <c r="D385">
        <f t="shared" si="18"/>
        <v>1.9168390000000004</v>
      </c>
      <c r="E385">
        <f t="shared" si="19"/>
        <v>90.976701000000048</v>
      </c>
      <c r="F385">
        <f t="shared" si="17"/>
        <v>2.1390891123118497E-2</v>
      </c>
    </row>
    <row r="386" spans="1:6" x14ac:dyDescent="0.2">
      <c r="A386">
        <v>2217.2631289999999</v>
      </c>
      <c r="B386">
        <v>20.033776</v>
      </c>
      <c r="C386">
        <v>7.9775739999999997</v>
      </c>
      <c r="D386">
        <f t="shared" si="18"/>
        <v>1.921843</v>
      </c>
      <c r="E386">
        <f t="shared" si="19"/>
        <v>89.452535999999782</v>
      </c>
      <c r="F386">
        <f t="shared" si="17"/>
        <v>2.099217876447337E-2</v>
      </c>
    </row>
    <row r="387" spans="1:6" x14ac:dyDescent="0.2">
      <c r="A387">
        <v>2216.275897</v>
      </c>
      <c r="B387">
        <v>20.041456</v>
      </c>
      <c r="C387">
        <v>7.9825790000000003</v>
      </c>
      <c r="D387">
        <f t="shared" si="18"/>
        <v>1.9268480000000006</v>
      </c>
      <c r="E387">
        <f t="shared" si="19"/>
        <v>88.465303999999833</v>
      </c>
      <c r="F387">
        <f t="shared" ref="F387:F409" si="20">(1/A387)*(E387/D387)</f>
        <v>2.0715799278648545E-2</v>
      </c>
    </row>
    <row r="388" spans="1:6" x14ac:dyDescent="0.2">
      <c r="A388">
        <v>2215.9419269999999</v>
      </c>
      <c r="B388">
        <v>19.987957999999999</v>
      </c>
      <c r="C388">
        <v>7.987584</v>
      </c>
      <c r="D388">
        <f t="shared" si="18"/>
        <v>1.9318530000000003</v>
      </c>
      <c r="E388">
        <f t="shared" si="19"/>
        <v>88.131333999999697</v>
      </c>
      <c r="F388">
        <f t="shared" si="20"/>
        <v>2.058722886378915E-2</v>
      </c>
    </row>
    <row r="389" spans="1:6" x14ac:dyDescent="0.2">
      <c r="A389">
        <v>2216.419688</v>
      </c>
      <c r="B389">
        <v>19.964582</v>
      </c>
      <c r="C389">
        <v>7.9925889999999997</v>
      </c>
      <c r="D389">
        <f t="shared" si="18"/>
        <v>1.936858</v>
      </c>
      <c r="E389">
        <f t="shared" si="19"/>
        <v>88.609094999999797</v>
      </c>
      <c r="F389">
        <f t="shared" si="20"/>
        <v>2.0640894779044544E-2</v>
      </c>
    </row>
    <row r="390" spans="1:6" x14ac:dyDescent="0.2">
      <c r="A390">
        <v>2217.2860700000001</v>
      </c>
      <c r="B390">
        <v>19.963059000000001</v>
      </c>
      <c r="C390">
        <v>7.9975940000000003</v>
      </c>
      <c r="D390">
        <f t="shared" si="18"/>
        <v>1.9418630000000006</v>
      </c>
      <c r="E390">
        <f t="shared" si="19"/>
        <v>89.475476999999955</v>
      </c>
      <c r="F390">
        <f t="shared" si="20"/>
        <v>2.0780869109916882E-2</v>
      </c>
    </row>
    <row r="391" spans="1:6" x14ac:dyDescent="0.2">
      <c r="A391">
        <v>2218.7528050000001</v>
      </c>
      <c r="B391">
        <v>19.95618</v>
      </c>
      <c r="C391">
        <v>8.0025980000000008</v>
      </c>
      <c r="D391">
        <f t="shared" ref="D391:D409" si="21">C391-$C$2</f>
        <v>1.946867000000001</v>
      </c>
      <c r="E391">
        <f t="shared" ref="E391:E409" si="22">A391-$A$2</f>
        <v>90.942211999999927</v>
      </c>
      <c r="F391">
        <f t="shared" si="20"/>
        <v>2.1053306360020872E-2</v>
      </c>
    </row>
    <row r="392" spans="1:6" x14ac:dyDescent="0.2">
      <c r="A392">
        <v>2220.6019759999999</v>
      </c>
      <c r="B392">
        <v>19.925034</v>
      </c>
      <c r="C392">
        <v>8.0076029999999996</v>
      </c>
      <c r="D392">
        <f t="shared" si="21"/>
        <v>1.9518719999999998</v>
      </c>
      <c r="E392">
        <f t="shared" si="22"/>
        <v>92.791382999999769</v>
      </c>
      <c r="F392">
        <f t="shared" si="20"/>
        <v>2.1408468077634833E-2</v>
      </c>
    </row>
    <row r="393" spans="1:6" x14ac:dyDescent="0.2">
      <c r="A393">
        <v>2223.072279</v>
      </c>
      <c r="B393">
        <v>19.924900000000001</v>
      </c>
      <c r="C393">
        <v>8.0126080000000002</v>
      </c>
      <c r="D393">
        <f t="shared" si="21"/>
        <v>1.9568770000000004</v>
      </c>
      <c r="E393">
        <f t="shared" si="22"/>
        <v>95.261685999999827</v>
      </c>
      <c r="F393">
        <f t="shared" si="20"/>
        <v>2.1897833618202026E-2</v>
      </c>
    </row>
    <row r="394" spans="1:6" x14ac:dyDescent="0.2">
      <c r="A394">
        <v>2225.5627049999998</v>
      </c>
      <c r="B394">
        <v>19.909552000000001</v>
      </c>
      <c r="C394">
        <v>8.0176130000000008</v>
      </c>
      <c r="D394">
        <f t="shared" si="21"/>
        <v>1.961882000000001</v>
      </c>
      <c r="E394">
        <f t="shared" si="22"/>
        <v>97.75211199999967</v>
      </c>
      <c r="F394">
        <f t="shared" si="20"/>
        <v>2.2387903784426358E-2</v>
      </c>
    </row>
    <row r="395" spans="1:6" x14ac:dyDescent="0.2">
      <c r="A395">
        <v>2228.6370929999998</v>
      </c>
      <c r="B395">
        <v>19.907938999999999</v>
      </c>
      <c r="C395">
        <v>8.0226179999999996</v>
      </c>
      <c r="D395">
        <f t="shared" si="21"/>
        <v>1.9668869999999998</v>
      </c>
      <c r="E395">
        <f t="shared" si="22"/>
        <v>100.82649999999967</v>
      </c>
      <c r="F395">
        <f t="shared" si="20"/>
        <v>2.3001487746577998E-2</v>
      </c>
    </row>
    <row r="396" spans="1:6" x14ac:dyDescent="0.2">
      <c r="A396">
        <v>2231.7908299999999</v>
      </c>
      <c r="B396">
        <v>19.906727</v>
      </c>
      <c r="C396">
        <v>8.0276219999999991</v>
      </c>
      <c r="D396">
        <f t="shared" si="21"/>
        <v>1.9718909999999994</v>
      </c>
      <c r="E396">
        <f t="shared" si="22"/>
        <v>103.98023699999976</v>
      </c>
      <c r="F396">
        <f t="shared" si="20"/>
        <v>2.3627317066238829E-2</v>
      </c>
    </row>
    <row r="397" spans="1:6" x14ac:dyDescent="0.2">
      <c r="A397">
        <v>2234.310692</v>
      </c>
      <c r="B397">
        <v>19.930354999999999</v>
      </c>
      <c r="C397">
        <v>8.0326269999999997</v>
      </c>
      <c r="D397">
        <f t="shared" si="21"/>
        <v>1.976896</v>
      </c>
      <c r="E397">
        <f t="shared" si="22"/>
        <v>106.50009899999986</v>
      </c>
      <c r="F397">
        <f t="shared" si="20"/>
        <v>2.4111410944075144E-2</v>
      </c>
    </row>
    <row r="398" spans="1:6" x14ac:dyDescent="0.2">
      <c r="A398">
        <v>2236.0270479999999</v>
      </c>
      <c r="B398">
        <v>19.941547</v>
      </c>
      <c r="C398">
        <v>8.0376320000000003</v>
      </c>
      <c r="D398">
        <f t="shared" si="21"/>
        <v>1.9819010000000006</v>
      </c>
      <c r="E398">
        <f t="shared" si="22"/>
        <v>108.21645499999977</v>
      </c>
      <c r="F398">
        <f t="shared" si="20"/>
        <v>2.4419360905564302E-2</v>
      </c>
    </row>
    <row r="399" spans="1:6" x14ac:dyDescent="0.2">
      <c r="A399">
        <v>2237.3210210000002</v>
      </c>
      <c r="B399">
        <v>19.96772</v>
      </c>
      <c r="C399">
        <v>8.0426369999999991</v>
      </c>
      <c r="D399">
        <f t="shared" si="21"/>
        <v>1.9869059999999994</v>
      </c>
      <c r="E399">
        <f t="shared" si="22"/>
        <v>109.51042800000005</v>
      </c>
      <c r="F399">
        <f t="shared" si="20"/>
        <v>2.4634846014441138E-2</v>
      </c>
    </row>
    <row r="400" spans="1:6" x14ac:dyDescent="0.2">
      <c r="A400">
        <v>2238.0264609999999</v>
      </c>
      <c r="B400">
        <v>19.997001000000001</v>
      </c>
      <c r="C400">
        <v>8.0476419999999997</v>
      </c>
      <c r="D400">
        <f t="shared" si="21"/>
        <v>1.991911</v>
      </c>
      <c r="E400">
        <f t="shared" si="22"/>
        <v>110.21586799999977</v>
      </c>
      <c r="F400">
        <f t="shared" si="20"/>
        <v>2.472344456980817E-2</v>
      </c>
    </row>
    <row r="401" spans="1:7" x14ac:dyDescent="0.2">
      <c r="A401">
        <v>2237.2819089999998</v>
      </c>
      <c r="B401">
        <v>20.042646999999999</v>
      </c>
      <c r="C401">
        <v>8.0526459999999993</v>
      </c>
      <c r="D401">
        <f t="shared" si="21"/>
        <v>1.9969149999999996</v>
      </c>
      <c r="E401">
        <f t="shared" si="22"/>
        <v>109.47131599999966</v>
      </c>
      <c r="F401">
        <f t="shared" si="20"/>
        <v>2.4503044505042124E-2</v>
      </c>
    </row>
    <row r="402" spans="1:7" x14ac:dyDescent="0.2">
      <c r="A402">
        <v>2235.681122</v>
      </c>
      <c r="B402">
        <v>20.059804</v>
      </c>
      <c r="C402">
        <v>8.0576509999999999</v>
      </c>
      <c r="D402">
        <f t="shared" si="21"/>
        <v>2.0019200000000001</v>
      </c>
      <c r="E402">
        <f t="shared" si="22"/>
        <v>107.87052899999981</v>
      </c>
      <c r="F402">
        <f t="shared" si="20"/>
        <v>2.4101619759146924E-2</v>
      </c>
    </row>
    <row r="403" spans="1:7" x14ac:dyDescent="0.2">
      <c r="A403">
        <v>2233.0011140000001</v>
      </c>
      <c r="B403">
        <v>20.087533000000001</v>
      </c>
      <c r="C403">
        <v>8.0626560000000005</v>
      </c>
      <c r="D403">
        <f t="shared" si="21"/>
        <v>2.0069250000000007</v>
      </c>
      <c r="E403">
        <f t="shared" si="22"/>
        <v>105.19052099999999</v>
      </c>
      <c r="F403">
        <f t="shared" si="20"/>
        <v>2.3472347356109247E-2</v>
      </c>
    </row>
    <row r="404" spans="1:7" x14ac:dyDescent="0.2">
      <c r="A404">
        <v>2229.853944</v>
      </c>
      <c r="B404">
        <v>20.085424</v>
      </c>
      <c r="C404">
        <v>8.0676609999999993</v>
      </c>
      <c r="D404">
        <f t="shared" si="21"/>
        <v>2.0119299999999996</v>
      </c>
      <c r="E404">
        <f t="shared" si="22"/>
        <v>102.0433509999998</v>
      </c>
      <c r="F404">
        <f t="shared" si="20"/>
        <v>2.2745496847943806E-2</v>
      </c>
    </row>
    <row r="405" spans="1:7" x14ac:dyDescent="0.2">
      <c r="A405">
        <v>2226.9147509999998</v>
      </c>
      <c r="B405">
        <v>20.062149999999999</v>
      </c>
      <c r="C405">
        <v>8.0726659999999999</v>
      </c>
      <c r="D405">
        <f t="shared" si="21"/>
        <v>2.0169350000000001</v>
      </c>
      <c r="E405">
        <f t="shared" si="22"/>
        <v>99.104157999999643</v>
      </c>
      <c r="F405">
        <f t="shared" si="20"/>
        <v>2.2064616407376551E-2</v>
      </c>
    </row>
    <row r="406" spans="1:7" x14ac:dyDescent="0.2">
      <c r="A406">
        <v>2224.0568880000001</v>
      </c>
      <c r="B406">
        <v>20.033902999999999</v>
      </c>
      <c r="C406">
        <v>8.0776699999999995</v>
      </c>
      <c r="D406">
        <f t="shared" si="21"/>
        <v>2.0219389999999997</v>
      </c>
      <c r="E406">
        <f t="shared" si="22"/>
        <v>96.246294999999918</v>
      </c>
      <c r="F406">
        <f t="shared" si="20"/>
        <v>2.1402774683486239E-2</v>
      </c>
    </row>
    <row r="407" spans="1:7" x14ac:dyDescent="0.2">
      <c r="A407">
        <v>2220.8608810000001</v>
      </c>
      <c r="B407">
        <v>20.034455999999999</v>
      </c>
      <c r="C407">
        <v>8.0826750000000001</v>
      </c>
      <c r="D407">
        <f t="shared" si="21"/>
        <v>2.0269440000000003</v>
      </c>
      <c r="E407">
        <f t="shared" si="22"/>
        <v>93.05028799999991</v>
      </c>
      <c r="F407">
        <f t="shared" si="20"/>
        <v>2.0670673015763533E-2</v>
      </c>
    </row>
    <row r="408" spans="1:7" x14ac:dyDescent="0.2">
      <c r="A408">
        <v>2218.1019759999999</v>
      </c>
      <c r="B408">
        <v>19.960100000000001</v>
      </c>
      <c r="C408">
        <v>8.0876800000000006</v>
      </c>
      <c r="D408">
        <f t="shared" si="21"/>
        <v>2.0319490000000009</v>
      </c>
      <c r="E408">
        <f t="shared" si="22"/>
        <v>90.291382999999769</v>
      </c>
      <c r="F408">
        <f t="shared" si="20"/>
        <v>2.0033276864196193E-2</v>
      </c>
    </row>
    <row r="409" spans="1:7" s="1" customFormat="1" x14ac:dyDescent="0.2">
      <c r="A409">
        <v>2216.571042</v>
      </c>
      <c r="B409">
        <v>19.916443000000001</v>
      </c>
      <c r="C409">
        <v>8.0926849999999995</v>
      </c>
      <c r="D409">
        <f t="shared" si="21"/>
        <v>2.0369539999999997</v>
      </c>
      <c r="E409">
        <f t="shared" si="22"/>
        <v>88.76044899999988</v>
      </c>
      <c r="F409">
        <f t="shared" si="20"/>
        <v>1.96587823176562E-2</v>
      </c>
      <c r="G409"/>
    </row>
    <row r="410" spans="1:7" s="1" customFormat="1" ht="15" x14ac:dyDescent="0.25">
      <c r="A410" s="1">
        <f>MAX(A2:A409)</f>
        <v>2238.0264609999999</v>
      </c>
      <c r="B410" s="9" t="s">
        <v>16</v>
      </c>
      <c r="D410"/>
      <c r="E410"/>
      <c r="F410"/>
      <c r="G410"/>
    </row>
    <row r="411" spans="1:7" ht="15" x14ac:dyDescent="0.25">
      <c r="A411">
        <f>MIN(A2:A409)</f>
        <v>2127.8105930000002</v>
      </c>
      <c r="B411" s="3" t="s">
        <v>17</v>
      </c>
    </row>
    <row r="413" spans="1:7" x14ac:dyDescent="0.2">
      <c r="A413" t="s">
        <v>20</v>
      </c>
      <c r="C413" s="14">
        <f>E409/A411</f>
        <v>4.1714450192136945E-2</v>
      </c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18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1141.192558</v>
      </c>
      <c r="B2">
        <v>19.912680000000002</v>
      </c>
      <c r="C2">
        <v>6.4256260000000003</v>
      </c>
      <c r="D2">
        <f>C2-$C$2</f>
        <v>0</v>
      </c>
      <c r="E2">
        <f>A2-$A$2</f>
        <v>0</v>
      </c>
      <c r="G2" s="3">
        <f>(A415-A416)/A415</f>
        <v>3.2740035069572904E-2</v>
      </c>
    </row>
    <row r="3" spans="1:7" x14ac:dyDescent="0.2">
      <c r="A3">
        <v>1148.8662139999999</v>
      </c>
      <c r="B3">
        <v>19.959056</v>
      </c>
      <c r="C3">
        <v>6.4306299999999998</v>
      </c>
      <c r="D3">
        <f t="shared" ref="D3:D6" si="0">C3-$C$2</f>
        <v>5.0039999999995644E-3</v>
      </c>
      <c r="E3">
        <f t="shared" ref="E3:E6" si="1">A3-$A$2</f>
        <v>7.6736559999999372</v>
      </c>
      <c r="F3">
        <f t="shared" ref="F3:F66" si="2">(1/A3)*(E3/D3)</f>
        <v>1.3347980624686862</v>
      </c>
      <c r="G3" s="4">
        <f>G2*100</f>
        <v>3.2740035069572904</v>
      </c>
    </row>
    <row r="4" spans="1:7" x14ac:dyDescent="0.2">
      <c r="A4">
        <v>1149.415432</v>
      </c>
      <c r="B4">
        <v>19.965782000000001</v>
      </c>
      <c r="C4">
        <v>6.4356350000000004</v>
      </c>
      <c r="D4">
        <f t="shared" si="0"/>
        <v>1.0009000000000157E-2</v>
      </c>
      <c r="E4">
        <f t="shared" si="1"/>
        <v>8.2228740000000471</v>
      </c>
      <c r="F4">
        <f t="shared" si="2"/>
        <v>0.71475289431634959</v>
      </c>
    </row>
    <row r="5" spans="1:7" x14ac:dyDescent="0.2">
      <c r="A5">
        <v>1149.7428640000001</v>
      </c>
      <c r="B5">
        <v>19.964825999999999</v>
      </c>
      <c r="C5">
        <v>6.4406400000000001</v>
      </c>
      <c r="D5">
        <f t="shared" si="0"/>
        <v>1.5013999999999861E-2</v>
      </c>
      <c r="E5">
        <f t="shared" si="1"/>
        <v>8.5503060000000914</v>
      </c>
      <c r="F5">
        <f t="shared" si="2"/>
        <v>0.49531847065945322</v>
      </c>
    </row>
    <row r="6" spans="1:7" x14ac:dyDescent="0.2">
      <c r="A6">
        <v>1150.155661</v>
      </c>
      <c r="B6">
        <v>19.959807000000001</v>
      </c>
      <c r="C6">
        <v>6.4456449999999998</v>
      </c>
      <c r="D6">
        <f t="shared" si="0"/>
        <v>2.0018999999999565E-2</v>
      </c>
      <c r="E6">
        <f t="shared" si="1"/>
        <v>8.9631030000000464</v>
      </c>
      <c r="F6">
        <f t="shared" si="2"/>
        <v>0.38927757508438904</v>
      </c>
    </row>
    <row r="7" spans="1:7" x14ac:dyDescent="0.2">
      <c r="A7">
        <v>1150.656909</v>
      </c>
      <c r="B7">
        <v>19.976853999999999</v>
      </c>
      <c r="C7">
        <v>6.4506500000000004</v>
      </c>
      <c r="D7">
        <f t="shared" ref="D7:D70" si="3">C7-$C$2</f>
        <v>2.5024000000000157E-2</v>
      </c>
      <c r="E7">
        <f t="shared" ref="E7:E70" si="4">A7-$A$2</f>
        <v>9.4643510000000788</v>
      </c>
      <c r="F7">
        <f t="shared" si="2"/>
        <v>0.32869133668133144</v>
      </c>
    </row>
    <row r="8" spans="1:7" x14ac:dyDescent="0.2">
      <c r="A8">
        <v>1150.685076</v>
      </c>
      <c r="B8">
        <v>20.007697</v>
      </c>
      <c r="C8">
        <v>6.455654</v>
      </c>
      <c r="D8">
        <f t="shared" si="3"/>
        <v>3.0027999999999722E-2</v>
      </c>
      <c r="E8">
        <f t="shared" si="4"/>
        <v>9.4925180000000182</v>
      </c>
      <c r="F8">
        <f t="shared" si="2"/>
        <v>0.27472522748007344</v>
      </c>
    </row>
    <row r="9" spans="1:7" x14ac:dyDescent="0.2">
      <c r="A9">
        <v>1150.729707</v>
      </c>
      <c r="B9">
        <v>19.990285</v>
      </c>
      <c r="C9">
        <v>6.4606589999999997</v>
      </c>
      <c r="D9">
        <f t="shared" si="3"/>
        <v>3.5032999999999426E-2</v>
      </c>
      <c r="E9">
        <f t="shared" si="4"/>
        <v>9.5371489999999994</v>
      </c>
      <c r="F9">
        <f t="shared" si="2"/>
        <v>0.23657449066142897</v>
      </c>
    </row>
    <row r="10" spans="1:7" x14ac:dyDescent="0.2">
      <c r="A10">
        <v>1150.6590670000001</v>
      </c>
      <c r="B10">
        <v>20.006878</v>
      </c>
      <c r="C10">
        <v>6.4656640000000003</v>
      </c>
      <c r="D10">
        <f t="shared" si="3"/>
        <v>4.0038000000000018E-2</v>
      </c>
      <c r="E10">
        <f t="shared" si="4"/>
        <v>9.4665090000000873</v>
      </c>
      <c r="F10">
        <f t="shared" si="2"/>
        <v>0.20548059418945616</v>
      </c>
    </row>
    <row r="11" spans="1:7" x14ac:dyDescent="0.2">
      <c r="A11">
        <v>1150.2503099999999</v>
      </c>
      <c r="B11">
        <v>20.041432</v>
      </c>
      <c r="C11">
        <v>6.470669</v>
      </c>
      <c r="D11">
        <f t="shared" si="3"/>
        <v>4.5042999999999722E-2</v>
      </c>
      <c r="E11">
        <f t="shared" si="4"/>
        <v>9.0577519999999367</v>
      </c>
      <c r="F11">
        <f t="shared" si="2"/>
        <v>0.17482388154415435</v>
      </c>
    </row>
    <row r="12" spans="1:7" x14ac:dyDescent="0.2">
      <c r="A12">
        <v>1149.644665</v>
      </c>
      <c r="B12">
        <v>20.033131999999998</v>
      </c>
      <c r="C12">
        <v>6.4756739999999997</v>
      </c>
      <c r="D12">
        <f t="shared" si="3"/>
        <v>5.0047999999999426E-2</v>
      </c>
      <c r="E12">
        <f t="shared" si="4"/>
        <v>8.4521070000000691</v>
      </c>
      <c r="F12">
        <f t="shared" si="2"/>
        <v>0.14689757655286062</v>
      </c>
    </row>
    <row r="13" spans="1:7" x14ac:dyDescent="0.2">
      <c r="A13">
        <v>1150.0389479999999</v>
      </c>
      <c r="B13">
        <v>19.951426999999999</v>
      </c>
      <c r="C13">
        <v>6.4806780000000002</v>
      </c>
      <c r="D13">
        <f t="shared" si="3"/>
        <v>5.5051999999999879E-2</v>
      </c>
      <c r="E13">
        <f t="shared" si="4"/>
        <v>8.8463899999999285</v>
      </c>
      <c r="F13">
        <f t="shared" si="2"/>
        <v>0.13972703123605917</v>
      </c>
    </row>
    <row r="14" spans="1:7" x14ac:dyDescent="0.2">
      <c r="A14">
        <v>1150.668087</v>
      </c>
      <c r="B14">
        <v>19.965851000000001</v>
      </c>
      <c r="C14">
        <v>6.4856829999999999</v>
      </c>
      <c r="D14">
        <f t="shared" si="3"/>
        <v>6.0056999999999583E-2</v>
      </c>
      <c r="E14">
        <f t="shared" si="4"/>
        <v>9.4755290000000514</v>
      </c>
      <c r="F14">
        <f t="shared" si="2"/>
        <v>0.13711651370117861</v>
      </c>
    </row>
    <row r="15" spans="1:7" x14ac:dyDescent="0.2">
      <c r="A15">
        <v>1150.8018059999999</v>
      </c>
      <c r="B15">
        <v>19.990794000000001</v>
      </c>
      <c r="C15">
        <v>6.4906879999999996</v>
      </c>
      <c r="D15">
        <f t="shared" si="3"/>
        <v>6.5061999999999287E-2</v>
      </c>
      <c r="E15">
        <f t="shared" si="4"/>
        <v>9.6092479999999796</v>
      </c>
      <c r="F15">
        <f t="shared" si="2"/>
        <v>0.12833982947407813</v>
      </c>
    </row>
    <row r="16" spans="1:7" x14ac:dyDescent="0.2">
      <c r="A16">
        <v>1150.4622790000001</v>
      </c>
      <c r="B16">
        <v>20.017309000000001</v>
      </c>
      <c r="C16">
        <v>6.4956930000000002</v>
      </c>
      <c r="D16">
        <f t="shared" si="3"/>
        <v>7.0066999999999879E-2</v>
      </c>
      <c r="E16">
        <f t="shared" si="4"/>
        <v>9.2697210000001178</v>
      </c>
      <c r="F16">
        <f t="shared" si="2"/>
        <v>0.11499547623941703</v>
      </c>
    </row>
    <row r="17" spans="1:6" x14ac:dyDescent="0.2">
      <c r="A17">
        <v>1150.47594</v>
      </c>
      <c r="B17">
        <v>19.983001999999999</v>
      </c>
      <c r="C17">
        <v>6.5006979999999999</v>
      </c>
      <c r="D17">
        <f t="shared" si="3"/>
        <v>7.5071999999999584E-2</v>
      </c>
      <c r="E17">
        <f t="shared" si="4"/>
        <v>9.2833820000000742</v>
      </c>
      <c r="F17">
        <f t="shared" si="2"/>
        <v>0.1074857013888184</v>
      </c>
    </row>
    <row r="18" spans="1:6" x14ac:dyDescent="0.2">
      <c r="A18">
        <v>1150.839203</v>
      </c>
      <c r="B18">
        <v>19.983867</v>
      </c>
      <c r="C18">
        <v>6.5057020000000003</v>
      </c>
      <c r="D18">
        <f t="shared" si="3"/>
        <v>8.0076000000000036E-2</v>
      </c>
      <c r="E18">
        <f t="shared" si="4"/>
        <v>9.646645000000035</v>
      </c>
      <c r="F18">
        <f t="shared" si="2"/>
        <v>0.10467893081806366</v>
      </c>
    </row>
    <row r="19" spans="1:6" x14ac:dyDescent="0.2">
      <c r="A19">
        <v>1151.1744880000001</v>
      </c>
      <c r="B19">
        <v>19.952881999999999</v>
      </c>
      <c r="C19">
        <v>6.510707</v>
      </c>
      <c r="D19">
        <f t="shared" si="3"/>
        <v>8.508099999999974E-2</v>
      </c>
      <c r="E19">
        <f t="shared" si="4"/>
        <v>9.9819300000001476</v>
      </c>
      <c r="F19">
        <f t="shared" si="2"/>
        <v>0.1019156263529245</v>
      </c>
    </row>
    <row r="20" spans="1:6" x14ac:dyDescent="0.2">
      <c r="A20">
        <v>1151.803764</v>
      </c>
      <c r="B20">
        <v>19.951725</v>
      </c>
      <c r="C20">
        <v>6.5157119999999997</v>
      </c>
      <c r="D20">
        <f t="shared" si="3"/>
        <v>9.0085999999999444E-2</v>
      </c>
      <c r="E20">
        <f t="shared" si="4"/>
        <v>10.611206000000038</v>
      </c>
      <c r="F20">
        <f t="shared" si="2"/>
        <v>0.1022654534873844</v>
      </c>
    </row>
    <row r="21" spans="1:6" x14ac:dyDescent="0.2">
      <c r="A21">
        <v>1152.615632</v>
      </c>
      <c r="B21">
        <v>19.923323</v>
      </c>
      <c r="C21">
        <v>6.5207170000000003</v>
      </c>
      <c r="D21">
        <f t="shared" si="3"/>
        <v>9.5091000000000037E-2</v>
      </c>
      <c r="E21">
        <f t="shared" si="4"/>
        <v>11.423074000000042</v>
      </c>
      <c r="F21">
        <f t="shared" si="2"/>
        <v>0.10422192019113241</v>
      </c>
    </row>
    <row r="22" spans="1:6" x14ac:dyDescent="0.2">
      <c r="A22">
        <v>1153.5210070000001</v>
      </c>
      <c r="B22">
        <v>19.941984999999999</v>
      </c>
      <c r="C22">
        <v>6.525722</v>
      </c>
      <c r="D22">
        <f t="shared" si="3"/>
        <v>0.10009599999999974</v>
      </c>
      <c r="E22">
        <f t="shared" si="4"/>
        <v>12.328449000000091</v>
      </c>
      <c r="F22">
        <f t="shared" si="2"/>
        <v>0.10677417199357306</v>
      </c>
    </row>
    <row r="23" spans="1:6" x14ac:dyDescent="0.2">
      <c r="A23">
        <v>1154.4973219999999</v>
      </c>
      <c r="B23">
        <v>19.937652</v>
      </c>
      <c r="C23">
        <v>6.5307259999999996</v>
      </c>
      <c r="D23">
        <f t="shared" si="3"/>
        <v>0.10509999999999931</v>
      </c>
      <c r="E23">
        <f t="shared" si="4"/>
        <v>13.304763999999977</v>
      </c>
      <c r="F23">
        <f t="shared" si="2"/>
        <v>0.10965073055918166</v>
      </c>
    </row>
    <row r="24" spans="1:6" x14ac:dyDescent="0.2">
      <c r="A24">
        <v>1155.4572169999999</v>
      </c>
      <c r="B24">
        <v>19.925232999999999</v>
      </c>
      <c r="C24">
        <v>6.5357310000000002</v>
      </c>
      <c r="D24">
        <f t="shared" si="3"/>
        <v>0.1101049999999999</v>
      </c>
      <c r="E24">
        <f t="shared" si="4"/>
        <v>14.264658999999938</v>
      </c>
      <c r="F24">
        <f t="shared" si="2"/>
        <v>0.11212449071216604</v>
      </c>
    </row>
    <row r="25" spans="1:6" x14ac:dyDescent="0.2">
      <c r="A25">
        <v>1156.7846790000001</v>
      </c>
      <c r="B25">
        <v>19.889686000000001</v>
      </c>
      <c r="C25">
        <v>6.5407359999999999</v>
      </c>
      <c r="D25">
        <f t="shared" si="3"/>
        <v>0.1151099999999996</v>
      </c>
      <c r="E25">
        <f t="shared" si="4"/>
        <v>15.592121000000134</v>
      </c>
      <c r="F25">
        <f t="shared" si="2"/>
        <v>0.11709534068095152</v>
      </c>
    </row>
    <row r="26" spans="1:6" x14ac:dyDescent="0.2">
      <c r="A26">
        <v>1157.976318</v>
      </c>
      <c r="B26">
        <v>19.917935</v>
      </c>
      <c r="C26">
        <v>6.5457409999999996</v>
      </c>
      <c r="D26">
        <f t="shared" si="3"/>
        <v>0.12011499999999931</v>
      </c>
      <c r="E26">
        <f t="shared" si="4"/>
        <v>16.783760000000029</v>
      </c>
      <c r="F26">
        <f t="shared" si="2"/>
        <v>0.12066806190380296</v>
      </c>
    </row>
    <row r="27" spans="1:6" x14ac:dyDescent="0.2">
      <c r="A27">
        <v>1158.7462559999999</v>
      </c>
      <c r="B27">
        <v>19.964782</v>
      </c>
      <c r="C27">
        <v>6.5507460000000002</v>
      </c>
      <c r="D27">
        <f t="shared" si="3"/>
        <v>0.1251199999999999</v>
      </c>
      <c r="E27">
        <f t="shared" si="4"/>
        <v>17.55369799999994</v>
      </c>
      <c r="F27">
        <f t="shared" si="2"/>
        <v>0.12107473933028208</v>
      </c>
    </row>
    <row r="28" spans="1:6" x14ac:dyDescent="0.2">
      <c r="A28">
        <v>1159.01926</v>
      </c>
      <c r="B28">
        <v>19.997481000000001</v>
      </c>
      <c r="C28">
        <v>6.5557499999999997</v>
      </c>
      <c r="D28">
        <f t="shared" si="3"/>
        <v>0.13012399999999946</v>
      </c>
      <c r="E28">
        <f t="shared" si="4"/>
        <v>17.826702000000068</v>
      </c>
      <c r="F28">
        <f t="shared" si="2"/>
        <v>0.11820148881431264</v>
      </c>
    </row>
    <row r="29" spans="1:6" x14ac:dyDescent="0.2">
      <c r="A29">
        <v>1158.7369409999999</v>
      </c>
      <c r="B29">
        <v>20.020049</v>
      </c>
      <c r="C29">
        <v>6.5607550000000003</v>
      </c>
      <c r="D29">
        <f t="shared" si="3"/>
        <v>0.13512900000000005</v>
      </c>
      <c r="E29">
        <f t="shared" si="4"/>
        <v>17.544382999999925</v>
      </c>
      <c r="F29">
        <f t="shared" si="2"/>
        <v>0.11204814836271057</v>
      </c>
    </row>
    <row r="30" spans="1:6" x14ac:dyDescent="0.2">
      <c r="A30">
        <v>1157.9703030000001</v>
      </c>
      <c r="B30">
        <v>20.062989000000002</v>
      </c>
      <c r="C30">
        <v>6.56576</v>
      </c>
      <c r="D30">
        <f t="shared" si="3"/>
        <v>0.14013399999999976</v>
      </c>
      <c r="E30">
        <f t="shared" si="4"/>
        <v>16.777745000000095</v>
      </c>
      <c r="F30">
        <f t="shared" si="2"/>
        <v>0.10339335999969927</v>
      </c>
    </row>
    <row r="31" spans="1:6" x14ac:dyDescent="0.2">
      <c r="A31">
        <v>1157.257186</v>
      </c>
      <c r="B31">
        <v>20.040759999999999</v>
      </c>
      <c r="C31">
        <v>6.5707649999999997</v>
      </c>
      <c r="D31">
        <f t="shared" si="3"/>
        <v>0.14513899999999946</v>
      </c>
      <c r="E31">
        <f t="shared" si="4"/>
        <v>16.064628000000084</v>
      </c>
      <c r="F31">
        <f t="shared" si="2"/>
        <v>9.564376430929189E-2</v>
      </c>
    </row>
    <row r="32" spans="1:6" x14ac:dyDescent="0.2">
      <c r="A32">
        <v>1156.9906639999999</v>
      </c>
      <c r="B32">
        <v>20.006077999999999</v>
      </c>
      <c r="C32">
        <v>6.5757700000000003</v>
      </c>
      <c r="D32">
        <f t="shared" si="3"/>
        <v>0.15014400000000006</v>
      </c>
      <c r="E32">
        <f t="shared" si="4"/>
        <v>15.798105999999962</v>
      </c>
      <c r="F32">
        <f t="shared" si="2"/>
        <v>9.0942562487900933E-2</v>
      </c>
    </row>
    <row r="33" spans="1:6" x14ac:dyDescent="0.2">
      <c r="A33">
        <v>1156.839651</v>
      </c>
      <c r="B33">
        <v>19.999075999999999</v>
      </c>
      <c r="C33">
        <v>6.5807739999999999</v>
      </c>
      <c r="D33">
        <f t="shared" si="3"/>
        <v>0.15514799999999962</v>
      </c>
      <c r="E33">
        <f t="shared" si="4"/>
        <v>15.647093000000041</v>
      </c>
      <c r="F33">
        <f t="shared" si="2"/>
        <v>8.7179488495332691E-2</v>
      </c>
    </row>
    <row r="34" spans="1:6" x14ac:dyDescent="0.2">
      <c r="A34">
        <v>1156.780839</v>
      </c>
      <c r="B34">
        <v>20.010185</v>
      </c>
      <c r="C34">
        <v>6.5857789999999996</v>
      </c>
      <c r="D34">
        <f t="shared" si="3"/>
        <v>0.16015299999999932</v>
      </c>
      <c r="E34">
        <f t="shared" si="4"/>
        <v>15.588281000000052</v>
      </c>
      <c r="F34">
        <f t="shared" si="2"/>
        <v>8.4141850933289228E-2</v>
      </c>
    </row>
    <row r="35" spans="1:6" x14ac:dyDescent="0.2">
      <c r="A35">
        <v>1157.105407</v>
      </c>
      <c r="B35">
        <v>19.973251000000001</v>
      </c>
      <c r="C35">
        <v>6.5907840000000002</v>
      </c>
      <c r="D35">
        <f t="shared" si="3"/>
        <v>0.16515799999999992</v>
      </c>
      <c r="E35">
        <f t="shared" si="4"/>
        <v>15.912849000000051</v>
      </c>
      <c r="F35">
        <f t="shared" si="2"/>
        <v>8.3267476588112302E-2</v>
      </c>
    </row>
    <row r="36" spans="1:6" x14ac:dyDescent="0.2">
      <c r="A36">
        <v>1157.448887</v>
      </c>
      <c r="B36">
        <v>19.972270000000002</v>
      </c>
      <c r="C36">
        <v>6.5957889999999999</v>
      </c>
      <c r="D36">
        <f t="shared" si="3"/>
        <v>0.17016299999999962</v>
      </c>
      <c r="E36">
        <f t="shared" si="4"/>
        <v>16.256329000000051</v>
      </c>
      <c r="F36">
        <f t="shared" si="2"/>
        <v>8.2538300966597783E-2</v>
      </c>
    </row>
    <row r="37" spans="1:6" x14ac:dyDescent="0.2">
      <c r="A37">
        <v>1157.830989</v>
      </c>
      <c r="B37">
        <v>19.958666999999998</v>
      </c>
      <c r="C37">
        <v>6.6007939999999996</v>
      </c>
      <c r="D37">
        <f t="shared" si="3"/>
        <v>0.17516799999999932</v>
      </c>
      <c r="E37">
        <f t="shared" si="4"/>
        <v>16.638431000000082</v>
      </c>
      <c r="F37">
        <f t="shared" si="2"/>
        <v>8.2037502307251833E-2</v>
      </c>
    </row>
    <row r="38" spans="1:6" x14ac:dyDescent="0.2">
      <c r="A38">
        <v>1158.471986</v>
      </c>
      <c r="B38">
        <v>19.955548</v>
      </c>
      <c r="C38">
        <v>6.6057980000000001</v>
      </c>
      <c r="D38">
        <f t="shared" si="3"/>
        <v>0.18017199999999978</v>
      </c>
      <c r="E38">
        <f t="shared" si="4"/>
        <v>17.279428000000053</v>
      </c>
      <c r="F38">
        <f t="shared" si="2"/>
        <v>8.2785928925474678E-2</v>
      </c>
    </row>
    <row r="39" spans="1:6" x14ac:dyDescent="0.2">
      <c r="A39">
        <v>1158.9642080000001</v>
      </c>
      <c r="B39">
        <v>19.959875</v>
      </c>
      <c r="C39">
        <v>6.6108029999999998</v>
      </c>
      <c r="D39">
        <f t="shared" si="3"/>
        <v>0.18517699999999948</v>
      </c>
      <c r="E39">
        <f t="shared" si="4"/>
        <v>17.771650000000136</v>
      </c>
      <c r="F39">
        <f t="shared" si="2"/>
        <v>8.2807692646981276E-2</v>
      </c>
    </row>
    <row r="40" spans="1:6" x14ac:dyDescent="0.2">
      <c r="A40">
        <v>1159.7149219999999</v>
      </c>
      <c r="B40">
        <v>19.93852</v>
      </c>
      <c r="C40">
        <v>6.6158080000000004</v>
      </c>
      <c r="D40">
        <f t="shared" si="3"/>
        <v>0.19018200000000007</v>
      </c>
      <c r="E40">
        <f t="shared" si="4"/>
        <v>18.522363999999925</v>
      </c>
      <c r="F40">
        <f t="shared" si="2"/>
        <v>8.3979978514471199E-2</v>
      </c>
    </row>
    <row r="41" spans="1:6" x14ac:dyDescent="0.2">
      <c r="A41">
        <v>1160.3360809999999</v>
      </c>
      <c r="B41">
        <v>19.954882000000001</v>
      </c>
      <c r="C41">
        <v>6.6208130000000001</v>
      </c>
      <c r="D41">
        <f t="shared" si="3"/>
        <v>0.19518699999999978</v>
      </c>
      <c r="E41">
        <f t="shared" si="4"/>
        <v>19.143522999999959</v>
      </c>
      <c r="F41">
        <f t="shared" si="2"/>
        <v>8.452538904447475E-2</v>
      </c>
    </row>
    <row r="42" spans="1:6" x14ac:dyDescent="0.2">
      <c r="A42">
        <v>1160.5365730000001</v>
      </c>
      <c r="B42">
        <v>20.009384000000001</v>
      </c>
      <c r="C42">
        <v>6.6258179999999998</v>
      </c>
      <c r="D42">
        <f t="shared" si="3"/>
        <v>0.20019199999999948</v>
      </c>
      <c r="E42">
        <f t="shared" si="4"/>
        <v>19.344015000000127</v>
      </c>
      <c r="F42">
        <f t="shared" si="2"/>
        <v>8.3260894165489027E-2</v>
      </c>
    </row>
    <row r="43" spans="1:6" x14ac:dyDescent="0.2">
      <c r="A43">
        <v>1160.13915</v>
      </c>
      <c r="B43">
        <v>20.038847000000001</v>
      </c>
      <c r="C43">
        <v>6.6308220000000002</v>
      </c>
      <c r="D43">
        <f t="shared" si="3"/>
        <v>0.20519599999999993</v>
      </c>
      <c r="E43">
        <f t="shared" si="4"/>
        <v>18.94659200000001</v>
      </c>
      <c r="F43">
        <f t="shared" si="2"/>
        <v>7.9588831713403571E-2</v>
      </c>
    </row>
    <row r="44" spans="1:6" x14ac:dyDescent="0.2">
      <c r="A44">
        <v>1159.881981</v>
      </c>
      <c r="B44">
        <v>20.004055999999999</v>
      </c>
      <c r="C44">
        <v>6.6358269999999999</v>
      </c>
      <c r="D44">
        <f t="shared" si="3"/>
        <v>0.21020099999999964</v>
      </c>
      <c r="E44">
        <f t="shared" si="4"/>
        <v>18.689423000000033</v>
      </c>
      <c r="F44">
        <f t="shared" si="2"/>
        <v>7.665620486171533E-2</v>
      </c>
    </row>
    <row r="45" spans="1:6" x14ac:dyDescent="0.2">
      <c r="A45">
        <v>1159.7377200000001</v>
      </c>
      <c r="B45">
        <v>20.013252999999999</v>
      </c>
      <c r="C45">
        <v>6.6408319999999996</v>
      </c>
      <c r="D45">
        <f t="shared" si="3"/>
        <v>0.21520599999999934</v>
      </c>
      <c r="E45">
        <f t="shared" si="4"/>
        <v>18.545162000000118</v>
      </c>
      <c r="F45">
        <f t="shared" si="2"/>
        <v>7.4304732215563066E-2</v>
      </c>
    </row>
    <row r="46" spans="1:6" x14ac:dyDescent="0.2">
      <c r="A46">
        <v>1159.2917580000001</v>
      </c>
      <c r="B46">
        <v>20.044577</v>
      </c>
      <c r="C46">
        <v>6.6458370000000002</v>
      </c>
      <c r="D46">
        <f t="shared" si="3"/>
        <v>0.22021099999999993</v>
      </c>
      <c r="E46">
        <f t="shared" si="4"/>
        <v>18.09920000000011</v>
      </c>
      <c r="F46">
        <f t="shared" si="2"/>
        <v>7.0896961362729077E-2</v>
      </c>
    </row>
    <row r="47" spans="1:6" x14ac:dyDescent="0.2">
      <c r="A47">
        <v>1158.6686810000001</v>
      </c>
      <c r="B47">
        <v>20.038678999999998</v>
      </c>
      <c r="C47">
        <v>6.6508419999999999</v>
      </c>
      <c r="D47">
        <f t="shared" si="3"/>
        <v>0.22521599999999964</v>
      </c>
      <c r="E47">
        <f t="shared" si="4"/>
        <v>17.476123000000143</v>
      </c>
      <c r="F47">
        <f t="shared" si="2"/>
        <v>6.6970969158230545E-2</v>
      </c>
    </row>
    <row r="48" spans="1:6" x14ac:dyDescent="0.2">
      <c r="A48">
        <v>1158.4925109999999</v>
      </c>
      <c r="B48">
        <v>20.013252000000001</v>
      </c>
      <c r="C48">
        <v>6.6558460000000004</v>
      </c>
      <c r="D48">
        <f t="shared" si="3"/>
        <v>0.23022000000000009</v>
      </c>
      <c r="E48">
        <f t="shared" si="4"/>
        <v>17.29995299999996</v>
      </c>
      <c r="F48">
        <f t="shared" si="2"/>
        <v>6.4864734231352472E-2</v>
      </c>
    </row>
    <row r="49" spans="1:6" x14ac:dyDescent="0.2">
      <c r="A49">
        <v>1158.084726</v>
      </c>
      <c r="B49">
        <v>20.013496</v>
      </c>
      <c r="C49">
        <v>6.6608510000000001</v>
      </c>
      <c r="D49">
        <f t="shared" si="3"/>
        <v>0.2352249999999998</v>
      </c>
      <c r="E49">
        <f t="shared" si="4"/>
        <v>16.892168000000083</v>
      </c>
      <c r="F49">
        <f t="shared" si="2"/>
        <v>6.2009978545082611E-2</v>
      </c>
    </row>
    <row r="50" spans="1:6" x14ac:dyDescent="0.2">
      <c r="A50">
        <v>1157.9993919999999</v>
      </c>
      <c r="B50">
        <v>20.001023</v>
      </c>
      <c r="C50">
        <v>6.6658559999999998</v>
      </c>
      <c r="D50">
        <f t="shared" si="3"/>
        <v>0.2402299999999995</v>
      </c>
      <c r="E50">
        <f t="shared" si="4"/>
        <v>16.806833999999981</v>
      </c>
      <c r="F50">
        <f t="shared" si="2"/>
        <v>6.0415773198346769E-2</v>
      </c>
    </row>
    <row r="51" spans="1:6" x14ac:dyDescent="0.2">
      <c r="A51">
        <v>1158.0406519999999</v>
      </c>
      <c r="B51">
        <v>19.992968000000001</v>
      </c>
      <c r="C51">
        <v>6.6708610000000004</v>
      </c>
      <c r="D51">
        <f t="shared" si="3"/>
        <v>0.24523500000000009</v>
      </c>
      <c r="E51">
        <f t="shared" si="4"/>
        <v>16.848093999999946</v>
      </c>
      <c r="F51">
        <f t="shared" si="2"/>
        <v>5.9325925058937613E-2</v>
      </c>
    </row>
    <row r="52" spans="1:6" x14ac:dyDescent="0.2">
      <c r="A52">
        <v>1158.2832410000001</v>
      </c>
      <c r="B52">
        <v>19.983962999999999</v>
      </c>
      <c r="C52">
        <v>6.6758660000000001</v>
      </c>
      <c r="D52">
        <f t="shared" si="3"/>
        <v>0.2502399999999998</v>
      </c>
      <c r="E52">
        <f t="shared" si="4"/>
        <v>17.090683000000126</v>
      </c>
      <c r="F52">
        <f t="shared" si="2"/>
        <v>5.8964132694335869E-2</v>
      </c>
    </row>
    <row r="53" spans="1:6" x14ac:dyDescent="0.2">
      <c r="A53">
        <v>1158.6169070000001</v>
      </c>
      <c r="B53">
        <v>19.970269999999999</v>
      </c>
      <c r="C53">
        <v>6.6808699999999996</v>
      </c>
      <c r="D53">
        <f t="shared" si="3"/>
        <v>0.25524399999999936</v>
      </c>
      <c r="E53">
        <f t="shared" si="4"/>
        <v>17.42434900000012</v>
      </c>
      <c r="F53">
        <f t="shared" si="2"/>
        <v>5.8919785568930363E-2</v>
      </c>
    </row>
    <row r="54" spans="1:6" x14ac:dyDescent="0.2">
      <c r="A54">
        <v>1158.6251950000001</v>
      </c>
      <c r="B54">
        <v>19.998180999999999</v>
      </c>
      <c r="C54">
        <v>6.6858750000000002</v>
      </c>
      <c r="D54">
        <f t="shared" si="3"/>
        <v>0.26024899999999995</v>
      </c>
      <c r="E54">
        <f t="shared" si="4"/>
        <v>17.432637000000113</v>
      </c>
      <c r="F54">
        <f t="shared" si="2"/>
        <v>5.7813737902053471E-2</v>
      </c>
    </row>
    <row r="55" spans="1:6" x14ac:dyDescent="0.2">
      <c r="A55">
        <v>1158.5899139999999</v>
      </c>
      <c r="B55">
        <v>20.008661</v>
      </c>
      <c r="C55">
        <v>6.6908799999999999</v>
      </c>
      <c r="D55">
        <f t="shared" si="3"/>
        <v>0.26525399999999966</v>
      </c>
      <c r="E55">
        <f t="shared" si="4"/>
        <v>17.397355999999945</v>
      </c>
      <c r="F55">
        <f t="shared" si="2"/>
        <v>5.6609792795490228E-2</v>
      </c>
    </row>
    <row r="56" spans="1:6" x14ac:dyDescent="0.2">
      <c r="A56">
        <v>1158.6788750000001</v>
      </c>
      <c r="B56">
        <v>19.979945000000001</v>
      </c>
      <c r="C56">
        <v>6.6958849999999996</v>
      </c>
      <c r="D56">
        <f t="shared" si="3"/>
        <v>0.27025899999999936</v>
      </c>
      <c r="E56">
        <f t="shared" si="4"/>
        <v>17.486317000000099</v>
      </c>
      <c r="F56">
        <f t="shared" si="2"/>
        <v>5.5841245035523956E-2</v>
      </c>
    </row>
    <row r="57" spans="1:6" x14ac:dyDescent="0.2">
      <c r="A57">
        <v>1159.0379109999999</v>
      </c>
      <c r="B57">
        <v>19.978349000000001</v>
      </c>
      <c r="C57">
        <v>6.7008900000000002</v>
      </c>
      <c r="D57">
        <f t="shared" si="3"/>
        <v>0.27526399999999995</v>
      </c>
      <c r="E57">
        <f t="shared" si="4"/>
        <v>17.845352999999932</v>
      </c>
      <c r="F57">
        <f t="shared" si="2"/>
        <v>5.5934284249259329E-2</v>
      </c>
    </row>
    <row r="58" spans="1:6" x14ac:dyDescent="0.2">
      <c r="A58">
        <v>1159.4764250000001</v>
      </c>
      <c r="B58">
        <v>19.964365999999998</v>
      </c>
      <c r="C58">
        <v>6.7058939999999998</v>
      </c>
      <c r="D58">
        <f t="shared" si="3"/>
        <v>0.28026799999999952</v>
      </c>
      <c r="E58">
        <f t="shared" si="4"/>
        <v>18.2838670000001</v>
      </c>
      <c r="F58">
        <f t="shared" si="2"/>
        <v>5.6264260647842727E-2</v>
      </c>
    </row>
    <row r="59" spans="1:6" x14ac:dyDescent="0.2">
      <c r="A59">
        <v>1159.485279</v>
      </c>
      <c r="B59">
        <v>20.002338999999999</v>
      </c>
      <c r="C59">
        <v>6.7108990000000004</v>
      </c>
      <c r="D59">
        <f t="shared" si="3"/>
        <v>0.28527300000000011</v>
      </c>
      <c r="E59">
        <f t="shared" si="4"/>
        <v>18.292721000000029</v>
      </c>
      <c r="F59">
        <f t="shared" si="2"/>
        <v>5.5303472586854072E-2</v>
      </c>
    </row>
    <row r="60" spans="1:6" x14ac:dyDescent="0.2">
      <c r="A60">
        <v>1159.8142419999999</v>
      </c>
      <c r="B60">
        <v>19.979721999999999</v>
      </c>
      <c r="C60">
        <v>6.7159040000000001</v>
      </c>
      <c r="D60">
        <f t="shared" si="3"/>
        <v>0.29027799999999981</v>
      </c>
      <c r="E60">
        <f t="shared" si="4"/>
        <v>18.621683999999959</v>
      </c>
      <c r="F60">
        <f t="shared" si="2"/>
        <v>5.5311621853834488E-2</v>
      </c>
    </row>
    <row r="61" spans="1:6" x14ac:dyDescent="0.2">
      <c r="A61">
        <v>1160.1956660000001</v>
      </c>
      <c r="B61">
        <v>19.962164000000001</v>
      </c>
      <c r="C61">
        <v>6.7209089999999998</v>
      </c>
      <c r="D61">
        <f t="shared" si="3"/>
        <v>0.29528299999999952</v>
      </c>
      <c r="E61">
        <f t="shared" si="4"/>
        <v>19.003108000000111</v>
      </c>
      <c r="F61">
        <f t="shared" si="2"/>
        <v>5.5469589670668798E-2</v>
      </c>
    </row>
    <row r="62" spans="1:6" x14ac:dyDescent="0.2">
      <c r="A62">
        <v>1160.4171200000001</v>
      </c>
      <c r="B62">
        <v>19.979932000000002</v>
      </c>
      <c r="C62">
        <v>6.7259140000000004</v>
      </c>
      <c r="D62">
        <f t="shared" si="3"/>
        <v>0.30028800000000011</v>
      </c>
      <c r="E62">
        <f t="shared" si="4"/>
        <v>19.224562000000105</v>
      </c>
      <c r="F62">
        <f t="shared" si="2"/>
        <v>5.5170173408116356E-2</v>
      </c>
    </row>
    <row r="63" spans="1:6" x14ac:dyDescent="0.2">
      <c r="A63">
        <v>1161.0544850000001</v>
      </c>
      <c r="B63">
        <v>19.933291000000001</v>
      </c>
      <c r="C63">
        <v>6.730918</v>
      </c>
      <c r="D63">
        <f t="shared" si="3"/>
        <v>0.30529199999999967</v>
      </c>
      <c r="E63">
        <f t="shared" si="4"/>
        <v>19.861927000000151</v>
      </c>
      <c r="F63">
        <f t="shared" si="2"/>
        <v>5.6034223357103251E-2</v>
      </c>
    </row>
    <row r="64" spans="1:6" x14ac:dyDescent="0.2">
      <c r="A64">
        <v>1161.9339600000001</v>
      </c>
      <c r="B64">
        <v>19.954841999999999</v>
      </c>
      <c r="C64">
        <v>6.7359229999999997</v>
      </c>
      <c r="D64">
        <f t="shared" si="3"/>
        <v>0.31029699999999938</v>
      </c>
      <c r="E64">
        <f t="shared" si="4"/>
        <v>20.741402000000107</v>
      </c>
      <c r="F64">
        <f t="shared" si="2"/>
        <v>5.7527974999994971E-2</v>
      </c>
    </row>
    <row r="65" spans="1:6" x14ac:dyDescent="0.2">
      <c r="A65">
        <v>1161.8050109999999</v>
      </c>
      <c r="B65">
        <v>20.022243</v>
      </c>
      <c r="C65">
        <v>6.7409280000000003</v>
      </c>
      <c r="D65">
        <f t="shared" si="3"/>
        <v>0.31530199999999997</v>
      </c>
      <c r="E65">
        <f t="shared" si="4"/>
        <v>20.61245299999996</v>
      </c>
      <c r="F65">
        <f t="shared" si="2"/>
        <v>5.6269066142520648E-2</v>
      </c>
    </row>
    <row r="66" spans="1:6" x14ac:dyDescent="0.2">
      <c r="A66">
        <v>1161.90751</v>
      </c>
      <c r="B66">
        <v>19.972909000000001</v>
      </c>
      <c r="C66">
        <v>6.745933</v>
      </c>
      <c r="D66">
        <f t="shared" si="3"/>
        <v>0.32030699999999968</v>
      </c>
      <c r="E66">
        <f t="shared" si="4"/>
        <v>20.714952000000039</v>
      </c>
      <c r="F66">
        <f t="shared" si="2"/>
        <v>5.5660351250497273E-2</v>
      </c>
    </row>
    <row r="67" spans="1:6" x14ac:dyDescent="0.2">
      <c r="A67">
        <v>1162.692225</v>
      </c>
      <c r="B67">
        <v>19.937207999999998</v>
      </c>
      <c r="C67">
        <v>6.7509379999999997</v>
      </c>
      <c r="D67">
        <f t="shared" si="3"/>
        <v>0.32531199999999938</v>
      </c>
      <c r="E67">
        <f t="shared" si="4"/>
        <v>21.499667000000045</v>
      </c>
      <c r="F67">
        <f t="shared" ref="F67:F130" si="5">(1/A67)*(E67/D67)</f>
        <v>5.6841676857135218E-2</v>
      </c>
    </row>
    <row r="68" spans="1:6" x14ac:dyDescent="0.2">
      <c r="A68">
        <v>1163.242461</v>
      </c>
      <c r="B68">
        <v>19.969546000000001</v>
      </c>
      <c r="C68">
        <v>6.7559420000000001</v>
      </c>
      <c r="D68">
        <f t="shared" si="3"/>
        <v>0.33031599999999983</v>
      </c>
      <c r="E68">
        <f t="shared" si="4"/>
        <v>22.049903000000086</v>
      </c>
      <c r="F68">
        <f t="shared" si="5"/>
        <v>5.7386115223076392E-2</v>
      </c>
    </row>
    <row r="69" spans="1:6" x14ac:dyDescent="0.2">
      <c r="A69">
        <v>1163.449946</v>
      </c>
      <c r="B69">
        <v>19.98339</v>
      </c>
      <c r="C69">
        <v>6.7609469999999998</v>
      </c>
      <c r="D69">
        <f t="shared" si="3"/>
        <v>0.33532099999999954</v>
      </c>
      <c r="E69">
        <f t="shared" si="4"/>
        <v>22.257387999999992</v>
      </c>
      <c r="F69">
        <f t="shared" si="5"/>
        <v>5.7051325656992093E-2</v>
      </c>
    </row>
    <row r="70" spans="1:6" x14ac:dyDescent="0.2">
      <c r="A70">
        <v>1163.3670850000001</v>
      </c>
      <c r="B70">
        <v>20.005583000000001</v>
      </c>
      <c r="C70">
        <v>6.7659520000000004</v>
      </c>
      <c r="D70">
        <f t="shared" si="3"/>
        <v>0.34032600000000013</v>
      </c>
      <c r="E70">
        <f t="shared" si="4"/>
        <v>22.174527000000126</v>
      </c>
      <c r="F70">
        <f t="shared" si="5"/>
        <v>5.6007019709916693E-2</v>
      </c>
    </row>
    <row r="71" spans="1:6" x14ac:dyDescent="0.2">
      <c r="A71">
        <v>1163.3247570000001</v>
      </c>
      <c r="B71">
        <v>19.999487999999999</v>
      </c>
      <c r="C71">
        <v>6.7709570000000001</v>
      </c>
      <c r="D71">
        <f t="shared" ref="D71:D134" si="6">C71-$C$2</f>
        <v>0.34533099999999983</v>
      </c>
      <c r="E71">
        <f t="shared" ref="E71:E134" si="7">A71-$A$2</f>
        <v>22.132199000000128</v>
      </c>
      <c r="F71">
        <f t="shared" si="5"/>
        <v>5.5091935418084298E-2</v>
      </c>
    </row>
    <row r="72" spans="1:6" x14ac:dyDescent="0.2">
      <c r="A72">
        <v>1163.701268</v>
      </c>
      <c r="B72">
        <v>19.977981</v>
      </c>
      <c r="C72">
        <v>6.7759619999999998</v>
      </c>
      <c r="D72">
        <f t="shared" si="6"/>
        <v>0.35033599999999954</v>
      </c>
      <c r="E72">
        <f t="shared" si="7"/>
        <v>22.508710000000065</v>
      </c>
      <c r="F72">
        <f t="shared" si="5"/>
        <v>5.5210837009937751E-2</v>
      </c>
    </row>
    <row r="73" spans="1:6" x14ac:dyDescent="0.2">
      <c r="A73">
        <v>1163.7481560000001</v>
      </c>
      <c r="B73">
        <v>20.002492</v>
      </c>
      <c r="C73">
        <v>6.7809660000000003</v>
      </c>
      <c r="D73">
        <f t="shared" si="6"/>
        <v>0.35533999999999999</v>
      </c>
      <c r="E73">
        <f t="shared" si="7"/>
        <v>22.555598000000145</v>
      </c>
      <c r="F73">
        <f t="shared" si="5"/>
        <v>5.4544534772773837E-2</v>
      </c>
    </row>
    <row r="74" spans="1:6" x14ac:dyDescent="0.2">
      <c r="A74">
        <v>1163.906641</v>
      </c>
      <c r="B74">
        <v>19.965924999999999</v>
      </c>
      <c r="C74">
        <v>6.785971</v>
      </c>
      <c r="D74">
        <f t="shared" si="6"/>
        <v>0.36034499999999969</v>
      </c>
      <c r="E74">
        <f t="shared" si="7"/>
        <v>22.714083000000073</v>
      </c>
      <c r="F74">
        <f t="shared" si="5"/>
        <v>5.415749420115043E-2</v>
      </c>
    </row>
    <row r="75" spans="1:6" x14ac:dyDescent="0.2">
      <c r="A75">
        <v>1164.1105480000001</v>
      </c>
      <c r="B75">
        <v>19.99344</v>
      </c>
      <c r="C75">
        <v>6.7909759999999997</v>
      </c>
      <c r="D75">
        <f t="shared" si="6"/>
        <v>0.3653499999999994</v>
      </c>
      <c r="E75">
        <f t="shared" si="7"/>
        <v>22.917990000000145</v>
      </c>
      <c r="F75">
        <f t="shared" si="5"/>
        <v>5.3885657888880154E-2</v>
      </c>
    </row>
    <row r="76" spans="1:6" x14ac:dyDescent="0.2">
      <c r="A76">
        <v>1163.8297480000001</v>
      </c>
      <c r="B76">
        <v>20.038402000000001</v>
      </c>
      <c r="C76">
        <v>6.7959810000000003</v>
      </c>
      <c r="D76">
        <f t="shared" si="6"/>
        <v>0.37035499999999999</v>
      </c>
      <c r="E76">
        <f t="shared" si="7"/>
        <v>22.637190000000146</v>
      </c>
      <c r="F76">
        <f t="shared" si="5"/>
        <v>5.2518806730491724E-2</v>
      </c>
    </row>
    <row r="77" spans="1:6" x14ac:dyDescent="0.2">
      <c r="A77">
        <v>1163.3682389999999</v>
      </c>
      <c r="B77">
        <v>20.026937</v>
      </c>
      <c r="C77">
        <v>6.800986</v>
      </c>
      <c r="D77">
        <f t="shared" si="6"/>
        <v>0.37535999999999969</v>
      </c>
      <c r="E77">
        <f t="shared" si="7"/>
        <v>22.17568099999994</v>
      </c>
      <c r="F77">
        <f t="shared" si="5"/>
        <v>5.0782230471961544E-2</v>
      </c>
    </row>
    <row r="78" spans="1:6" x14ac:dyDescent="0.2">
      <c r="A78">
        <v>1162.945289</v>
      </c>
      <c r="B78">
        <v>20.028811999999999</v>
      </c>
      <c r="C78">
        <v>6.8059900000000004</v>
      </c>
      <c r="D78">
        <f t="shared" si="6"/>
        <v>0.38036400000000015</v>
      </c>
      <c r="E78">
        <f t="shared" si="7"/>
        <v>21.75273100000004</v>
      </c>
      <c r="F78">
        <f t="shared" si="5"/>
        <v>4.9176215088501334E-2</v>
      </c>
    </row>
    <row r="79" spans="1:6" x14ac:dyDescent="0.2">
      <c r="A79">
        <v>1162.687936</v>
      </c>
      <c r="B79">
        <v>20.028112</v>
      </c>
      <c r="C79">
        <v>6.8109950000000001</v>
      </c>
      <c r="D79">
        <f t="shared" si="6"/>
        <v>0.38536899999999985</v>
      </c>
      <c r="E79">
        <f t="shared" si="7"/>
        <v>21.495378000000073</v>
      </c>
      <c r="F79">
        <f t="shared" si="5"/>
        <v>4.7973913126373176E-2</v>
      </c>
    </row>
    <row r="80" spans="1:6" x14ac:dyDescent="0.2">
      <c r="A80">
        <v>1162.4826439999999</v>
      </c>
      <c r="B80">
        <v>19.994914999999999</v>
      </c>
      <c r="C80">
        <v>6.8159999999999998</v>
      </c>
      <c r="D80">
        <f t="shared" si="6"/>
        <v>0.39037399999999955</v>
      </c>
      <c r="E80">
        <f t="shared" si="7"/>
        <v>21.290085999999974</v>
      </c>
      <c r="F80">
        <f t="shared" si="5"/>
        <v>4.6914819901004538E-2</v>
      </c>
    </row>
    <row r="81" spans="1:6" x14ac:dyDescent="0.2">
      <c r="A81">
        <v>1162.7319689999999</v>
      </c>
      <c r="B81">
        <v>19.969816999999999</v>
      </c>
      <c r="C81">
        <v>6.8210050000000004</v>
      </c>
      <c r="D81">
        <f t="shared" si="6"/>
        <v>0.39537900000000015</v>
      </c>
      <c r="E81">
        <f t="shared" si="7"/>
        <v>21.539410999999973</v>
      </c>
      <c r="F81">
        <f t="shared" si="5"/>
        <v>4.6853345997749596E-2</v>
      </c>
    </row>
    <row r="82" spans="1:6" x14ac:dyDescent="0.2">
      <c r="A82">
        <v>1163.0824050000001</v>
      </c>
      <c r="B82">
        <v>19.982050999999998</v>
      </c>
      <c r="C82">
        <v>6.8260100000000001</v>
      </c>
      <c r="D82">
        <f t="shared" si="6"/>
        <v>0.40038399999999985</v>
      </c>
      <c r="E82">
        <f t="shared" si="7"/>
        <v>21.889847000000145</v>
      </c>
      <c r="F82">
        <f t="shared" si="5"/>
        <v>4.700624136175241E-2</v>
      </c>
    </row>
    <row r="83" spans="1:6" x14ac:dyDescent="0.2">
      <c r="A83">
        <v>1163.020724</v>
      </c>
      <c r="B83">
        <v>19.998892999999999</v>
      </c>
      <c r="C83">
        <v>6.8310139999999997</v>
      </c>
      <c r="D83">
        <f t="shared" si="6"/>
        <v>0.40538799999999942</v>
      </c>
      <c r="E83">
        <f t="shared" si="7"/>
        <v>21.82816600000001</v>
      </c>
      <c r="F83">
        <f t="shared" si="5"/>
        <v>4.629764552433234E-2</v>
      </c>
    </row>
    <row r="84" spans="1:6" x14ac:dyDescent="0.2">
      <c r="A84">
        <v>1163.168905</v>
      </c>
      <c r="B84">
        <v>19.988330000000001</v>
      </c>
      <c r="C84">
        <v>6.8360190000000003</v>
      </c>
      <c r="D84">
        <f t="shared" si="6"/>
        <v>0.41039300000000001</v>
      </c>
      <c r="E84">
        <f t="shared" si="7"/>
        <v>21.976347000000032</v>
      </c>
      <c r="F84">
        <f t="shared" si="5"/>
        <v>4.6037610651332918E-2</v>
      </c>
    </row>
    <row r="85" spans="1:6" x14ac:dyDescent="0.2">
      <c r="A85">
        <v>1163.251094</v>
      </c>
      <c r="B85">
        <v>19.990417000000001</v>
      </c>
      <c r="C85">
        <v>6.841024</v>
      </c>
      <c r="D85">
        <f t="shared" si="6"/>
        <v>0.41539799999999971</v>
      </c>
      <c r="E85">
        <f t="shared" si="7"/>
        <v>22.058536000000004</v>
      </c>
      <c r="F85">
        <f t="shared" si="5"/>
        <v>4.5649793210493034E-2</v>
      </c>
    </row>
    <row r="86" spans="1:6" x14ac:dyDescent="0.2">
      <c r="A86">
        <v>1163.126002</v>
      </c>
      <c r="B86">
        <v>20.011194</v>
      </c>
      <c r="C86">
        <v>6.8460289999999997</v>
      </c>
      <c r="D86">
        <f t="shared" si="6"/>
        <v>0.42040299999999942</v>
      </c>
      <c r="E86">
        <f t="shared" si="7"/>
        <v>21.933444000000009</v>
      </c>
      <c r="F86">
        <f t="shared" si="5"/>
        <v>4.4855350959877062E-2</v>
      </c>
    </row>
    <row r="87" spans="1:6" x14ac:dyDescent="0.2">
      <c r="A87">
        <v>1162.8122719999999</v>
      </c>
      <c r="B87">
        <v>20.036107999999999</v>
      </c>
      <c r="C87">
        <v>6.8510340000000003</v>
      </c>
      <c r="D87">
        <f t="shared" si="6"/>
        <v>0.42540800000000001</v>
      </c>
      <c r="E87">
        <f t="shared" si="7"/>
        <v>21.619713999999931</v>
      </c>
      <c r="F87">
        <f t="shared" si="5"/>
        <v>4.3705358324757852E-2</v>
      </c>
    </row>
    <row r="88" spans="1:6" x14ac:dyDescent="0.2">
      <c r="A88">
        <v>1162.6176969999999</v>
      </c>
      <c r="B88">
        <v>20.008637</v>
      </c>
      <c r="C88">
        <v>6.8560379999999999</v>
      </c>
      <c r="D88">
        <f t="shared" si="6"/>
        <v>0.43041199999999957</v>
      </c>
      <c r="E88">
        <f t="shared" si="7"/>
        <v>21.425138999999945</v>
      </c>
      <c r="F88">
        <f t="shared" si="5"/>
        <v>4.2815630889208367E-2</v>
      </c>
    </row>
    <row r="89" spans="1:6" x14ac:dyDescent="0.2">
      <c r="A89">
        <v>1162.5840559999999</v>
      </c>
      <c r="B89">
        <v>19.993451</v>
      </c>
      <c r="C89">
        <v>6.8610429999999996</v>
      </c>
      <c r="D89">
        <f t="shared" si="6"/>
        <v>0.43541699999999928</v>
      </c>
      <c r="E89">
        <f t="shared" si="7"/>
        <v>21.391497999999956</v>
      </c>
      <c r="F89">
        <f t="shared" si="5"/>
        <v>4.2258244787002769E-2</v>
      </c>
    </row>
    <row r="90" spans="1:6" x14ac:dyDescent="0.2">
      <c r="A90">
        <v>1162.6496199999999</v>
      </c>
      <c r="B90">
        <v>19.990261</v>
      </c>
      <c r="C90">
        <v>6.8660480000000002</v>
      </c>
      <c r="D90">
        <f t="shared" si="6"/>
        <v>0.44042199999999987</v>
      </c>
      <c r="E90">
        <f t="shared" si="7"/>
        <v>21.457061999999951</v>
      </c>
      <c r="F90">
        <f t="shared" si="5"/>
        <v>4.1903702458101086E-2</v>
      </c>
    </row>
    <row r="91" spans="1:6" x14ac:dyDescent="0.2">
      <c r="A91">
        <v>1162.738597</v>
      </c>
      <c r="B91">
        <v>19.994526</v>
      </c>
      <c r="C91">
        <v>6.8710529999999999</v>
      </c>
      <c r="D91">
        <f t="shared" si="6"/>
        <v>0.44542699999999957</v>
      </c>
      <c r="E91">
        <f t="shared" si="7"/>
        <v>21.546039000000064</v>
      </c>
      <c r="F91">
        <f t="shared" si="5"/>
        <v>4.1601483127241094E-2</v>
      </c>
    </row>
    <row r="92" spans="1:6" x14ac:dyDescent="0.2">
      <c r="A92">
        <v>1162.724991</v>
      </c>
      <c r="B92">
        <v>19.998166999999999</v>
      </c>
      <c r="C92">
        <v>6.8760579999999996</v>
      </c>
      <c r="D92">
        <f t="shared" si="6"/>
        <v>0.45043199999999928</v>
      </c>
      <c r="E92">
        <f t="shared" si="7"/>
        <v>21.532433000000083</v>
      </c>
      <c r="F92">
        <f t="shared" si="5"/>
        <v>4.1113728250615718E-2</v>
      </c>
    </row>
    <row r="93" spans="1:6" x14ac:dyDescent="0.2">
      <c r="A93">
        <v>1163.037345</v>
      </c>
      <c r="B93">
        <v>19.963951000000002</v>
      </c>
      <c r="C93">
        <v>6.881062</v>
      </c>
      <c r="D93">
        <f t="shared" si="6"/>
        <v>0.45543599999999973</v>
      </c>
      <c r="E93">
        <f t="shared" si="7"/>
        <v>21.844786999999997</v>
      </c>
      <c r="F93">
        <f t="shared" si="5"/>
        <v>4.1240773085876918E-2</v>
      </c>
    </row>
    <row r="94" spans="1:6" x14ac:dyDescent="0.2">
      <c r="A94">
        <v>1163.5734010000001</v>
      </c>
      <c r="B94">
        <v>19.958537</v>
      </c>
      <c r="C94">
        <v>6.8860669999999997</v>
      </c>
      <c r="D94">
        <f t="shared" si="6"/>
        <v>0.46044099999999943</v>
      </c>
      <c r="E94">
        <f t="shared" si="7"/>
        <v>22.380843000000141</v>
      </c>
      <c r="F94">
        <f t="shared" si="5"/>
        <v>4.1774250571894274E-2</v>
      </c>
    </row>
    <row r="95" spans="1:6" x14ac:dyDescent="0.2">
      <c r="A95">
        <v>1164.314895</v>
      </c>
      <c r="B95">
        <v>19.923476999999998</v>
      </c>
      <c r="C95">
        <v>6.8910720000000003</v>
      </c>
      <c r="D95">
        <f t="shared" si="6"/>
        <v>0.46544600000000003</v>
      </c>
      <c r="E95">
        <f t="shared" si="7"/>
        <v>23.122337000000016</v>
      </c>
      <c r="F95">
        <f t="shared" si="5"/>
        <v>4.2666986538846E-2</v>
      </c>
    </row>
    <row r="96" spans="1:6" x14ac:dyDescent="0.2">
      <c r="A96">
        <v>1165.199805</v>
      </c>
      <c r="B96">
        <v>19.937396</v>
      </c>
      <c r="C96">
        <v>6.896077</v>
      </c>
      <c r="D96">
        <f t="shared" si="6"/>
        <v>0.47045099999999973</v>
      </c>
      <c r="E96">
        <f t="shared" si="7"/>
        <v>24.007247000000007</v>
      </c>
      <c r="F96">
        <f t="shared" si="5"/>
        <v>4.379530563075066E-2</v>
      </c>
    </row>
    <row r="97" spans="1:6" x14ac:dyDescent="0.2">
      <c r="A97">
        <v>1166.236746</v>
      </c>
      <c r="B97">
        <v>19.940487999999998</v>
      </c>
      <c r="C97">
        <v>6.9010819999999997</v>
      </c>
      <c r="D97">
        <f t="shared" si="6"/>
        <v>0.47545599999999943</v>
      </c>
      <c r="E97">
        <f t="shared" si="7"/>
        <v>25.044188000000076</v>
      </c>
      <c r="F97">
        <f t="shared" si="5"/>
        <v>4.5165820249434246E-2</v>
      </c>
    </row>
    <row r="98" spans="1:6" x14ac:dyDescent="0.2">
      <c r="A98">
        <v>1167.06557</v>
      </c>
      <c r="B98">
        <v>19.942305000000001</v>
      </c>
      <c r="C98">
        <v>6.9060860000000002</v>
      </c>
      <c r="D98">
        <f t="shared" si="6"/>
        <v>0.48045999999999989</v>
      </c>
      <c r="E98">
        <f t="shared" si="7"/>
        <v>25.873012000000017</v>
      </c>
      <c r="F98">
        <f t="shared" si="5"/>
        <v>4.6141796131155557E-2</v>
      </c>
    </row>
    <row r="99" spans="1:6" x14ac:dyDescent="0.2">
      <c r="A99">
        <v>1167.4552880000001</v>
      </c>
      <c r="B99">
        <v>19.993821000000001</v>
      </c>
      <c r="C99">
        <v>6.9110909999999999</v>
      </c>
      <c r="D99">
        <f t="shared" si="6"/>
        <v>0.48546499999999959</v>
      </c>
      <c r="E99">
        <f t="shared" si="7"/>
        <v>26.262730000000147</v>
      </c>
      <c r="F99">
        <f t="shared" si="5"/>
        <v>4.633846972690342E-2</v>
      </c>
    </row>
    <row r="100" spans="1:6" x14ac:dyDescent="0.2">
      <c r="A100">
        <v>1167.1243059999999</v>
      </c>
      <c r="B100">
        <v>20.028222</v>
      </c>
      <c r="C100">
        <v>6.9160959999999996</v>
      </c>
      <c r="D100">
        <f t="shared" si="6"/>
        <v>0.4904699999999993</v>
      </c>
      <c r="E100">
        <f t="shared" si="7"/>
        <v>25.93174799999997</v>
      </c>
      <c r="F100">
        <f t="shared" si="5"/>
        <v>4.5300420194861565E-2</v>
      </c>
    </row>
    <row r="101" spans="1:6" x14ac:dyDescent="0.2">
      <c r="A101">
        <v>1166.487408</v>
      </c>
      <c r="B101">
        <v>20.03763</v>
      </c>
      <c r="C101">
        <v>6.9211010000000002</v>
      </c>
      <c r="D101">
        <f t="shared" si="6"/>
        <v>0.49547499999999989</v>
      </c>
      <c r="E101">
        <f t="shared" si="7"/>
        <v>25.294849999999997</v>
      </c>
      <c r="F101">
        <f t="shared" si="5"/>
        <v>4.3765340027003066E-2</v>
      </c>
    </row>
    <row r="102" spans="1:6" x14ac:dyDescent="0.2">
      <c r="A102">
        <v>1166.3323339999999</v>
      </c>
      <c r="B102">
        <v>20.000782000000001</v>
      </c>
      <c r="C102">
        <v>6.9261059999999999</v>
      </c>
      <c r="D102">
        <f t="shared" si="6"/>
        <v>0.50047999999999959</v>
      </c>
      <c r="E102">
        <f t="shared" si="7"/>
        <v>25.139775999999983</v>
      </c>
      <c r="F102">
        <f t="shared" si="5"/>
        <v>4.3067767615601119E-2</v>
      </c>
    </row>
    <row r="103" spans="1:6" x14ac:dyDescent="0.2">
      <c r="A103">
        <v>1166.4265889999999</v>
      </c>
      <c r="B103">
        <v>19.981055999999999</v>
      </c>
      <c r="C103">
        <v>6.9311100000000003</v>
      </c>
      <c r="D103">
        <f t="shared" si="6"/>
        <v>0.50548400000000004</v>
      </c>
      <c r="E103">
        <f t="shared" si="7"/>
        <v>25.234030999999959</v>
      </c>
      <c r="F103">
        <f t="shared" si="5"/>
        <v>4.2797835764708379E-2</v>
      </c>
    </row>
    <row r="104" spans="1:6" x14ac:dyDescent="0.2">
      <c r="A104">
        <v>1166.7096389999999</v>
      </c>
      <c r="B104">
        <v>19.972555</v>
      </c>
      <c r="C104">
        <v>6.936115</v>
      </c>
      <c r="D104">
        <f t="shared" si="6"/>
        <v>0.51048899999999975</v>
      </c>
      <c r="E104">
        <f t="shared" si="7"/>
        <v>25.517080999999962</v>
      </c>
      <c r="F104">
        <f t="shared" si="5"/>
        <v>4.2843191785082363E-2</v>
      </c>
    </row>
    <row r="105" spans="1:6" x14ac:dyDescent="0.2">
      <c r="A105">
        <v>1167.0005200000001</v>
      </c>
      <c r="B105">
        <v>19.982634000000001</v>
      </c>
      <c r="C105">
        <v>6.9411199999999997</v>
      </c>
      <c r="D105">
        <f t="shared" si="6"/>
        <v>0.51549399999999945</v>
      </c>
      <c r="E105">
        <f t="shared" si="7"/>
        <v>25.807962000000089</v>
      </c>
      <c r="F105">
        <f t="shared" si="5"/>
        <v>4.2900173270145212E-2</v>
      </c>
    </row>
    <row r="106" spans="1:6" x14ac:dyDescent="0.2">
      <c r="A106">
        <v>1167.4674050000001</v>
      </c>
      <c r="B106">
        <v>19.961566999999999</v>
      </c>
      <c r="C106">
        <v>6.9461250000000003</v>
      </c>
      <c r="D106">
        <f t="shared" si="6"/>
        <v>0.52049900000000004</v>
      </c>
      <c r="E106">
        <f t="shared" si="7"/>
        <v>26.274847000000136</v>
      </c>
      <c r="F106">
        <f t="shared" si="5"/>
        <v>4.3238989128342363E-2</v>
      </c>
    </row>
    <row r="107" spans="1:6" x14ac:dyDescent="0.2">
      <c r="A107">
        <v>1167.666663</v>
      </c>
      <c r="B107">
        <v>19.99757</v>
      </c>
      <c r="C107">
        <v>6.95113</v>
      </c>
      <c r="D107">
        <f t="shared" si="6"/>
        <v>0.52550399999999975</v>
      </c>
      <c r="E107">
        <f t="shared" si="7"/>
        <v>26.474105000000009</v>
      </c>
      <c r="F107">
        <f t="shared" si="5"/>
        <v>4.3144593315751233E-2</v>
      </c>
    </row>
    <row r="108" spans="1:6" x14ac:dyDescent="0.2">
      <c r="A108">
        <v>1167.7060489999999</v>
      </c>
      <c r="B108">
        <v>19.991126000000001</v>
      </c>
      <c r="C108">
        <v>6.9561339999999996</v>
      </c>
      <c r="D108">
        <f t="shared" si="6"/>
        <v>0.53050799999999931</v>
      </c>
      <c r="E108">
        <f t="shared" si="7"/>
        <v>26.513490999999931</v>
      </c>
      <c r="F108">
        <f t="shared" si="5"/>
        <v>4.2799771182103395E-2</v>
      </c>
    </row>
    <row r="109" spans="1:6" x14ac:dyDescent="0.2">
      <c r="A109">
        <v>1167.706594</v>
      </c>
      <c r="B109">
        <v>20.005099999999999</v>
      </c>
      <c r="C109">
        <v>6.9611390000000002</v>
      </c>
      <c r="D109">
        <f t="shared" si="6"/>
        <v>0.53551299999999991</v>
      </c>
      <c r="E109">
        <f t="shared" si="7"/>
        <v>26.514036000000033</v>
      </c>
      <c r="F109">
        <f t="shared" si="5"/>
        <v>4.2400608649622647E-2</v>
      </c>
    </row>
    <row r="110" spans="1:6" x14ac:dyDescent="0.2">
      <c r="A110">
        <v>1167.377794</v>
      </c>
      <c r="B110">
        <v>20.033110000000001</v>
      </c>
      <c r="C110">
        <v>6.9661439999999999</v>
      </c>
      <c r="D110">
        <f t="shared" si="6"/>
        <v>0.54051799999999961</v>
      </c>
      <c r="E110">
        <f t="shared" si="7"/>
        <v>26.185236000000032</v>
      </c>
      <c r="F110">
        <f t="shared" si="5"/>
        <v>4.1498739305530538E-2</v>
      </c>
    </row>
    <row r="111" spans="1:6" x14ac:dyDescent="0.2">
      <c r="A111">
        <v>1167.4645969999999</v>
      </c>
      <c r="B111">
        <v>19.961739000000001</v>
      </c>
      <c r="C111">
        <v>6.9711489999999996</v>
      </c>
      <c r="D111">
        <f t="shared" si="6"/>
        <v>0.54552299999999931</v>
      </c>
      <c r="E111">
        <f t="shared" si="7"/>
        <v>26.27203899999995</v>
      </c>
      <c r="F111">
        <f t="shared" si="5"/>
        <v>4.125123875901883E-2</v>
      </c>
    </row>
    <row r="112" spans="1:6" x14ac:dyDescent="0.2">
      <c r="A112">
        <v>1168.0731330000001</v>
      </c>
      <c r="B112">
        <v>19.947593999999999</v>
      </c>
      <c r="C112">
        <v>6.9761540000000002</v>
      </c>
      <c r="D112">
        <f t="shared" si="6"/>
        <v>0.55052799999999991</v>
      </c>
      <c r="E112">
        <f t="shared" si="7"/>
        <v>26.880575000000135</v>
      </c>
      <c r="F112">
        <f t="shared" si="5"/>
        <v>4.1801234464593086E-2</v>
      </c>
    </row>
    <row r="113" spans="1:6" x14ac:dyDescent="0.2">
      <c r="A113">
        <v>1168.969294</v>
      </c>
      <c r="B113">
        <v>19.950071999999999</v>
      </c>
      <c r="C113">
        <v>6.9811579999999998</v>
      </c>
      <c r="D113">
        <f t="shared" si="6"/>
        <v>0.55553199999999947</v>
      </c>
      <c r="E113">
        <f t="shared" si="7"/>
        <v>27.776736000000028</v>
      </c>
      <c r="F113">
        <f t="shared" si="5"/>
        <v>4.277293258857838E-2</v>
      </c>
    </row>
    <row r="114" spans="1:6" x14ac:dyDescent="0.2">
      <c r="A114">
        <v>1168.9924719999999</v>
      </c>
      <c r="B114">
        <v>20.007809000000002</v>
      </c>
      <c r="C114">
        <v>6.9861630000000003</v>
      </c>
      <c r="D114">
        <f t="shared" si="6"/>
        <v>0.56053700000000006</v>
      </c>
      <c r="E114">
        <f t="shared" si="7"/>
        <v>27.799913999999944</v>
      </c>
      <c r="F114">
        <f t="shared" si="5"/>
        <v>4.2425547261804329E-2</v>
      </c>
    </row>
    <row r="115" spans="1:6" x14ac:dyDescent="0.2">
      <c r="A115">
        <v>1168.8742669999999</v>
      </c>
      <c r="B115">
        <v>20.030283000000001</v>
      </c>
      <c r="C115">
        <v>6.991168</v>
      </c>
      <c r="D115">
        <f t="shared" si="6"/>
        <v>0.56554199999999977</v>
      </c>
      <c r="E115">
        <f t="shared" si="7"/>
        <v>27.681708999999955</v>
      </c>
      <c r="F115">
        <f t="shared" si="5"/>
        <v>4.1875522393049362E-2</v>
      </c>
    </row>
    <row r="116" spans="1:6" x14ac:dyDescent="0.2">
      <c r="A116">
        <v>1168.55395</v>
      </c>
      <c r="B116">
        <v>20.011973999999999</v>
      </c>
      <c r="C116">
        <v>6.9961729999999998</v>
      </c>
      <c r="D116">
        <f t="shared" si="6"/>
        <v>0.57054699999999947</v>
      </c>
      <c r="E116">
        <f t="shared" si="7"/>
        <v>27.361392000000023</v>
      </c>
      <c r="F116">
        <f t="shared" si="5"/>
        <v>4.1039115710609794E-2</v>
      </c>
    </row>
    <row r="117" spans="1:6" x14ac:dyDescent="0.2">
      <c r="A117">
        <v>1168.032293</v>
      </c>
      <c r="B117">
        <v>20.038544999999999</v>
      </c>
      <c r="C117">
        <v>7.0011780000000003</v>
      </c>
      <c r="D117">
        <f t="shared" si="6"/>
        <v>0.57555200000000006</v>
      </c>
      <c r="E117">
        <f t="shared" si="7"/>
        <v>26.839735000000019</v>
      </c>
      <c r="F117">
        <f t="shared" si="5"/>
        <v>3.9924437507827183E-2</v>
      </c>
    </row>
    <row r="118" spans="1:6" x14ac:dyDescent="0.2">
      <c r="A118">
        <v>1167.5685960000001</v>
      </c>
      <c r="B118">
        <v>20.035810999999999</v>
      </c>
      <c r="C118">
        <v>7.0061819999999999</v>
      </c>
      <c r="D118">
        <f t="shared" si="6"/>
        <v>0.58055599999999963</v>
      </c>
      <c r="E118">
        <f t="shared" si="7"/>
        <v>26.376038000000108</v>
      </c>
      <c r="F118">
        <f t="shared" si="5"/>
        <v>3.891195371906666E-2</v>
      </c>
    </row>
    <row r="119" spans="1:6" x14ac:dyDescent="0.2">
      <c r="A119">
        <v>1166.5526010000001</v>
      </c>
      <c r="B119">
        <v>20.073224</v>
      </c>
      <c r="C119">
        <v>7.0111869999999996</v>
      </c>
      <c r="D119">
        <f t="shared" si="6"/>
        <v>0.58556099999999933</v>
      </c>
      <c r="E119">
        <f t="shared" si="7"/>
        <v>25.360043000000132</v>
      </c>
      <c r="F119">
        <f t="shared" si="5"/>
        <v>3.712560293218916E-2</v>
      </c>
    </row>
    <row r="120" spans="1:6" x14ac:dyDescent="0.2">
      <c r="A120">
        <v>1166.17527</v>
      </c>
      <c r="B120">
        <v>20.020562000000002</v>
      </c>
      <c r="C120">
        <v>7.0161920000000002</v>
      </c>
      <c r="D120">
        <f t="shared" si="6"/>
        <v>0.59056599999999992</v>
      </c>
      <c r="E120">
        <f t="shared" si="7"/>
        <v>24.982711999999992</v>
      </c>
      <c r="F120">
        <f t="shared" si="5"/>
        <v>3.6274991034109576E-2</v>
      </c>
    </row>
    <row r="121" spans="1:6" x14ac:dyDescent="0.2">
      <c r="A121">
        <v>1165.7664950000001</v>
      </c>
      <c r="B121">
        <v>20.023053999999998</v>
      </c>
      <c r="C121">
        <v>7.0211969999999999</v>
      </c>
      <c r="D121">
        <f t="shared" si="6"/>
        <v>0.59557099999999963</v>
      </c>
      <c r="E121">
        <f t="shared" si="7"/>
        <v>24.573937000000114</v>
      </c>
      <c r="F121">
        <f t="shared" si="5"/>
        <v>3.5393998547664542E-2</v>
      </c>
    </row>
    <row r="122" spans="1:6" x14ac:dyDescent="0.2">
      <c r="A122">
        <v>1165.3631330000001</v>
      </c>
      <c r="B122">
        <v>20.026109999999999</v>
      </c>
      <c r="C122">
        <v>7.0262019999999996</v>
      </c>
      <c r="D122">
        <f t="shared" si="6"/>
        <v>0.60057599999999933</v>
      </c>
      <c r="E122">
        <f t="shared" si="7"/>
        <v>24.170575000000099</v>
      </c>
      <c r="F122">
        <f t="shared" si="5"/>
        <v>3.4534862737127012E-2</v>
      </c>
    </row>
    <row r="123" spans="1:6" x14ac:dyDescent="0.2">
      <c r="A123">
        <v>1165.4693569999999</v>
      </c>
      <c r="B123">
        <v>19.983339000000001</v>
      </c>
      <c r="C123">
        <v>7.0312060000000001</v>
      </c>
      <c r="D123">
        <f t="shared" si="6"/>
        <v>0.60557999999999979</v>
      </c>
      <c r="E123">
        <f t="shared" si="7"/>
        <v>24.276798999999983</v>
      </c>
      <c r="F123">
        <f t="shared" si="5"/>
        <v>3.4396879074075938E-2</v>
      </c>
    </row>
    <row r="124" spans="1:6" x14ac:dyDescent="0.2">
      <c r="A124">
        <v>1165.398784</v>
      </c>
      <c r="B124">
        <v>20.012844000000001</v>
      </c>
      <c r="C124">
        <v>7.0362109999999998</v>
      </c>
      <c r="D124">
        <f t="shared" si="6"/>
        <v>0.61058499999999949</v>
      </c>
      <c r="E124">
        <f t="shared" si="7"/>
        <v>24.206226000000015</v>
      </c>
      <c r="F124">
        <f t="shared" si="5"/>
        <v>3.4017813213971605E-2</v>
      </c>
    </row>
    <row r="125" spans="1:6" x14ac:dyDescent="0.2">
      <c r="A125">
        <v>1165.4088549999999</v>
      </c>
      <c r="B125">
        <v>19.996943999999999</v>
      </c>
      <c r="C125">
        <v>7.0412160000000004</v>
      </c>
      <c r="D125">
        <f t="shared" si="6"/>
        <v>0.61559000000000008</v>
      </c>
      <c r="E125">
        <f t="shared" si="7"/>
        <v>24.21629699999994</v>
      </c>
      <c r="F125">
        <f t="shared" si="5"/>
        <v>3.3754980735525748E-2</v>
      </c>
    </row>
    <row r="126" spans="1:6" x14ac:dyDescent="0.2">
      <c r="A126">
        <v>1165.3649339999999</v>
      </c>
      <c r="B126">
        <v>19.997945999999999</v>
      </c>
      <c r="C126">
        <v>7.0462210000000001</v>
      </c>
      <c r="D126">
        <f t="shared" si="6"/>
        <v>0.62059499999999979</v>
      </c>
      <c r="E126">
        <f t="shared" si="7"/>
        <v>24.172375999999986</v>
      </c>
      <c r="F126">
        <f t="shared" si="5"/>
        <v>3.3423284280738645E-2</v>
      </c>
    </row>
    <row r="127" spans="1:6" x14ac:dyDescent="0.2">
      <c r="A127">
        <v>1165.4773150000001</v>
      </c>
      <c r="B127">
        <v>19.973503000000001</v>
      </c>
      <c r="C127">
        <v>7.0512259999999998</v>
      </c>
      <c r="D127">
        <f t="shared" si="6"/>
        <v>0.62559999999999949</v>
      </c>
      <c r="E127">
        <f t="shared" si="7"/>
        <v>24.284757000000127</v>
      </c>
      <c r="F127">
        <f t="shared" si="5"/>
        <v>3.3306822096520625E-2</v>
      </c>
    </row>
    <row r="128" spans="1:6" x14ac:dyDescent="0.2">
      <c r="A128">
        <v>1166.095777</v>
      </c>
      <c r="B128">
        <v>19.926763000000001</v>
      </c>
      <c r="C128">
        <v>7.0562300000000002</v>
      </c>
      <c r="D128">
        <f t="shared" si="6"/>
        <v>0.63060399999999994</v>
      </c>
      <c r="E128">
        <f t="shared" si="7"/>
        <v>24.903219000000036</v>
      </c>
      <c r="F128">
        <f t="shared" si="5"/>
        <v>3.3866049906401227E-2</v>
      </c>
    </row>
    <row r="129" spans="1:6" x14ac:dyDescent="0.2">
      <c r="A129">
        <v>1167.0367530000001</v>
      </c>
      <c r="B129">
        <v>19.960508999999998</v>
      </c>
      <c r="C129">
        <v>7.0612349999999999</v>
      </c>
      <c r="D129">
        <f t="shared" si="6"/>
        <v>0.63560899999999965</v>
      </c>
      <c r="E129">
        <f t="shared" si="7"/>
        <v>25.844195000000127</v>
      </c>
      <c r="F129">
        <f t="shared" si="5"/>
        <v>3.4840825618275124E-2</v>
      </c>
    </row>
    <row r="130" spans="1:6" x14ac:dyDescent="0.2">
      <c r="A130">
        <v>1167.469128</v>
      </c>
      <c r="B130">
        <v>19.960937999999999</v>
      </c>
      <c r="C130">
        <v>7.0662399999999996</v>
      </c>
      <c r="D130">
        <f t="shared" si="6"/>
        <v>0.64061399999999935</v>
      </c>
      <c r="E130">
        <f t="shared" si="7"/>
        <v>26.276569999999992</v>
      </c>
      <c r="F130">
        <f t="shared" si="5"/>
        <v>3.513393904793867E-2</v>
      </c>
    </row>
    <row r="131" spans="1:6" x14ac:dyDescent="0.2">
      <c r="A131">
        <v>1167.9534759999999</v>
      </c>
      <c r="B131">
        <v>19.964442999999999</v>
      </c>
      <c r="C131">
        <v>7.0712450000000002</v>
      </c>
      <c r="D131">
        <f t="shared" si="6"/>
        <v>0.64561899999999994</v>
      </c>
      <c r="E131">
        <f t="shared" si="7"/>
        <v>26.760917999999947</v>
      </c>
      <c r="F131">
        <f t="shared" ref="F131:F194" si="8">(1/A131)*(E131/D131)</f>
        <v>3.5489441178748422E-2</v>
      </c>
    </row>
    <row r="132" spans="1:6" x14ac:dyDescent="0.2">
      <c r="A132">
        <v>1168.220006</v>
      </c>
      <c r="B132">
        <v>19.987767999999999</v>
      </c>
      <c r="C132">
        <v>7.0762499999999999</v>
      </c>
      <c r="D132">
        <f t="shared" si="6"/>
        <v>0.65062399999999965</v>
      </c>
      <c r="E132">
        <f t="shared" si="7"/>
        <v>27.027448000000049</v>
      </c>
      <c r="F132">
        <f t="shared" si="8"/>
        <v>3.5559064080193756E-2</v>
      </c>
    </row>
    <row r="133" spans="1:6" x14ac:dyDescent="0.2">
      <c r="A133">
        <v>1168.9251839999999</v>
      </c>
      <c r="B133">
        <v>19.948053999999999</v>
      </c>
      <c r="C133">
        <v>7.0812540000000004</v>
      </c>
      <c r="D133">
        <f t="shared" si="6"/>
        <v>0.6556280000000001</v>
      </c>
      <c r="E133">
        <f t="shared" si="7"/>
        <v>27.732625999999982</v>
      </c>
      <c r="F133">
        <f t="shared" si="8"/>
        <v>3.6186517244315923E-2</v>
      </c>
    </row>
    <row r="134" spans="1:6" x14ac:dyDescent="0.2">
      <c r="A134">
        <v>1169.3393639999999</v>
      </c>
      <c r="B134">
        <v>19.980616000000001</v>
      </c>
      <c r="C134">
        <v>7.0862590000000001</v>
      </c>
      <c r="D134">
        <f t="shared" si="6"/>
        <v>0.6606329999999998</v>
      </c>
      <c r="E134">
        <f t="shared" si="7"/>
        <v>28.14680599999997</v>
      </c>
      <c r="F134">
        <f t="shared" si="8"/>
        <v>3.6435798042406077E-2</v>
      </c>
    </row>
    <row r="135" spans="1:6" x14ac:dyDescent="0.2">
      <c r="A135">
        <v>1169.5200380000001</v>
      </c>
      <c r="B135">
        <v>19.968188000000001</v>
      </c>
      <c r="C135">
        <v>7.0912639999999998</v>
      </c>
      <c r="D135">
        <f t="shared" ref="D135:D198" si="9">C135-$C$2</f>
        <v>0.66563799999999951</v>
      </c>
      <c r="E135">
        <f t="shared" ref="E135:E198" si="10">A135-$A$2</f>
        <v>28.327480000000151</v>
      </c>
      <c r="F135">
        <f t="shared" si="8"/>
        <v>3.6388333582342607E-2</v>
      </c>
    </row>
    <row r="136" spans="1:6" x14ac:dyDescent="0.2">
      <c r="A136">
        <v>1169.981546</v>
      </c>
      <c r="B136">
        <v>19.971917000000001</v>
      </c>
      <c r="C136">
        <v>7.0962690000000004</v>
      </c>
      <c r="D136">
        <f t="shared" si="9"/>
        <v>0.6706430000000001</v>
      </c>
      <c r="E136">
        <f t="shared" si="10"/>
        <v>28.788988000000018</v>
      </c>
      <c r="F136">
        <f t="shared" si="8"/>
        <v>3.6690699458695825E-2</v>
      </c>
    </row>
    <row r="137" spans="1:6" x14ac:dyDescent="0.2">
      <c r="A137">
        <v>1170.0602940000001</v>
      </c>
      <c r="B137">
        <v>20.011607999999999</v>
      </c>
      <c r="C137">
        <v>7.1012740000000001</v>
      </c>
      <c r="D137">
        <f t="shared" si="9"/>
        <v>0.6756479999999998</v>
      </c>
      <c r="E137">
        <f t="shared" si="10"/>
        <v>28.86773600000015</v>
      </c>
      <c r="F137">
        <f t="shared" si="8"/>
        <v>3.6516066356605273E-2</v>
      </c>
    </row>
    <row r="138" spans="1:6" x14ac:dyDescent="0.2">
      <c r="A138">
        <v>1169.791446</v>
      </c>
      <c r="B138">
        <v>20.001035000000002</v>
      </c>
      <c r="C138">
        <v>7.1062779999999997</v>
      </c>
      <c r="D138">
        <f t="shared" si="9"/>
        <v>0.68065199999999937</v>
      </c>
      <c r="E138">
        <f t="shared" si="10"/>
        <v>28.598887999999988</v>
      </c>
      <c r="F138">
        <f t="shared" si="8"/>
        <v>3.5918284054163786E-2</v>
      </c>
    </row>
    <row r="139" spans="1:6" x14ac:dyDescent="0.2">
      <c r="A139">
        <v>1169.7991019999999</v>
      </c>
      <c r="B139">
        <v>20.006298000000001</v>
      </c>
      <c r="C139">
        <v>7.1112830000000002</v>
      </c>
      <c r="D139">
        <f t="shared" si="9"/>
        <v>0.68565699999999996</v>
      </c>
      <c r="E139">
        <f t="shared" si="10"/>
        <v>28.606543999999985</v>
      </c>
      <c r="F139">
        <f t="shared" si="8"/>
        <v>3.5665407904198691E-2</v>
      </c>
    </row>
    <row r="140" spans="1:6" x14ac:dyDescent="0.2">
      <c r="A140">
        <v>1170.147019</v>
      </c>
      <c r="B140">
        <v>19.962976999999999</v>
      </c>
      <c r="C140">
        <v>7.1162879999999999</v>
      </c>
      <c r="D140">
        <f t="shared" si="9"/>
        <v>0.69066199999999967</v>
      </c>
      <c r="E140">
        <f t="shared" si="10"/>
        <v>28.954461000000038</v>
      </c>
      <c r="F140">
        <f t="shared" si="8"/>
        <v>3.5826921509924926E-2</v>
      </c>
    </row>
    <row r="141" spans="1:6" x14ac:dyDescent="0.2">
      <c r="A141">
        <v>1170.122576</v>
      </c>
      <c r="B141">
        <v>20.009394</v>
      </c>
      <c r="C141">
        <v>7.1212929999999997</v>
      </c>
      <c r="D141">
        <f t="shared" si="9"/>
        <v>0.69566699999999937</v>
      </c>
      <c r="E141">
        <f t="shared" si="10"/>
        <v>28.930018000000018</v>
      </c>
      <c r="F141">
        <f t="shared" si="8"/>
        <v>3.5539878834937096E-2</v>
      </c>
    </row>
    <row r="142" spans="1:6" x14ac:dyDescent="0.2">
      <c r="A142">
        <v>1169.960961</v>
      </c>
      <c r="B142">
        <v>20.029394</v>
      </c>
      <c r="C142">
        <v>7.1262980000000002</v>
      </c>
      <c r="D142">
        <f t="shared" si="9"/>
        <v>0.70067199999999996</v>
      </c>
      <c r="E142">
        <f t="shared" si="10"/>
        <v>28.768403000000035</v>
      </c>
      <c r="F142">
        <f t="shared" si="8"/>
        <v>3.5093737286616807E-2</v>
      </c>
    </row>
    <row r="143" spans="1:6" x14ac:dyDescent="0.2">
      <c r="A143">
        <v>1169.476034</v>
      </c>
      <c r="B143">
        <v>20.013117999999999</v>
      </c>
      <c r="C143">
        <v>7.1313019999999998</v>
      </c>
      <c r="D143">
        <f t="shared" si="9"/>
        <v>0.70567599999999953</v>
      </c>
      <c r="E143">
        <f t="shared" si="10"/>
        <v>28.283476000000064</v>
      </c>
      <c r="F143">
        <f t="shared" si="8"/>
        <v>3.427173641352018E-2</v>
      </c>
    </row>
    <row r="144" spans="1:6" x14ac:dyDescent="0.2">
      <c r="A144">
        <v>1169.103241</v>
      </c>
      <c r="B144">
        <v>20.035408</v>
      </c>
      <c r="C144">
        <v>7.1363070000000004</v>
      </c>
      <c r="D144">
        <f t="shared" si="9"/>
        <v>0.71068100000000012</v>
      </c>
      <c r="E144">
        <f t="shared" si="10"/>
        <v>27.910683000000063</v>
      </c>
      <c r="F144">
        <f t="shared" si="8"/>
        <v>3.359254402181075E-2</v>
      </c>
    </row>
    <row r="145" spans="1:6" x14ac:dyDescent="0.2">
      <c r="A145">
        <v>1168.9555049999999</v>
      </c>
      <c r="B145">
        <v>20.017237000000002</v>
      </c>
      <c r="C145">
        <v>7.1413120000000001</v>
      </c>
      <c r="D145">
        <f t="shared" si="9"/>
        <v>0.71568599999999982</v>
      </c>
      <c r="E145">
        <f t="shared" si="10"/>
        <v>27.76294699999994</v>
      </c>
      <c r="F145">
        <f t="shared" si="8"/>
        <v>3.3185247551967272E-2</v>
      </c>
    </row>
    <row r="146" spans="1:6" x14ac:dyDescent="0.2">
      <c r="A146">
        <v>1168.6657049999999</v>
      </c>
      <c r="B146">
        <v>19.999777999999999</v>
      </c>
      <c r="C146">
        <v>7.1463169999999998</v>
      </c>
      <c r="D146">
        <f t="shared" si="9"/>
        <v>0.72069099999999953</v>
      </c>
      <c r="E146">
        <f t="shared" si="10"/>
        <v>27.473146999999926</v>
      </c>
      <c r="F146">
        <f t="shared" si="8"/>
        <v>3.2618877490920795E-2</v>
      </c>
    </row>
    <row r="147" spans="1:6" x14ac:dyDescent="0.2">
      <c r="A147">
        <v>1168.312066</v>
      </c>
      <c r="B147">
        <v>20.039957000000001</v>
      </c>
      <c r="C147">
        <v>7.1513220000000004</v>
      </c>
      <c r="D147">
        <f t="shared" si="9"/>
        <v>0.72569600000000012</v>
      </c>
      <c r="E147">
        <f t="shared" si="10"/>
        <v>27.119507999999996</v>
      </c>
      <c r="F147">
        <f t="shared" si="8"/>
        <v>3.1986609990492243E-2</v>
      </c>
    </row>
    <row r="148" spans="1:6" x14ac:dyDescent="0.2">
      <c r="A148">
        <v>1167.938126</v>
      </c>
      <c r="B148">
        <v>20.009181999999999</v>
      </c>
      <c r="C148">
        <v>7.156326</v>
      </c>
      <c r="D148">
        <f t="shared" si="9"/>
        <v>0.73069999999999968</v>
      </c>
      <c r="E148">
        <f t="shared" si="10"/>
        <v>26.745568000000048</v>
      </c>
      <c r="F148">
        <f t="shared" si="8"/>
        <v>3.133955911014847E-2</v>
      </c>
    </row>
    <row r="149" spans="1:6" x14ac:dyDescent="0.2">
      <c r="A149">
        <v>1167.79647</v>
      </c>
      <c r="B149">
        <v>20.000408</v>
      </c>
      <c r="C149">
        <v>7.1613309999999997</v>
      </c>
      <c r="D149">
        <f t="shared" si="9"/>
        <v>0.73570499999999939</v>
      </c>
      <c r="E149">
        <f t="shared" si="10"/>
        <v>26.603912000000037</v>
      </c>
      <c r="F149">
        <f t="shared" si="8"/>
        <v>3.096525329433646E-2</v>
      </c>
    </row>
    <row r="150" spans="1:6" x14ac:dyDescent="0.2">
      <c r="A150">
        <v>1167.8711020000001</v>
      </c>
      <c r="B150">
        <v>19.992819000000001</v>
      </c>
      <c r="C150">
        <v>7.1663360000000003</v>
      </c>
      <c r="D150">
        <f t="shared" si="9"/>
        <v>0.74070999999999998</v>
      </c>
      <c r="E150">
        <f t="shared" si="10"/>
        <v>26.678544000000102</v>
      </c>
      <c r="F150">
        <f t="shared" si="8"/>
        <v>3.0840329096060572E-2</v>
      </c>
    </row>
    <row r="151" spans="1:6" x14ac:dyDescent="0.2">
      <c r="A151">
        <v>1168.3169519999999</v>
      </c>
      <c r="B151">
        <v>19.958963000000001</v>
      </c>
      <c r="C151">
        <v>7.171341</v>
      </c>
      <c r="D151">
        <f t="shared" si="9"/>
        <v>0.74571499999999968</v>
      </c>
      <c r="E151">
        <f t="shared" si="10"/>
        <v>27.124393999999938</v>
      </c>
      <c r="F151">
        <f t="shared" si="8"/>
        <v>3.1133395373719785E-2</v>
      </c>
    </row>
    <row r="152" spans="1:6" x14ac:dyDescent="0.2">
      <c r="A152">
        <v>1168.83674</v>
      </c>
      <c r="B152">
        <v>19.963363000000001</v>
      </c>
      <c r="C152">
        <v>7.1763459999999997</v>
      </c>
      <c r="D152">
        <f t="shared" si="9"/>
        <v>0.75071999999999939</v>
      </c>
      <c r="E152">
        <f t="shared" si="10"/>
        <v>27.644182000000001</v>
      </c>
      <c r="F152">
        <f t="shared" si="8"/>
        <v>3.1504450071414662E-2</v>
      </c>
    </row>
    <row r="153" spans="1:6" x14ac:dyDescent="0.2">
      <c r="A153">
        <v>1169.678169</v>
      </c>
      <c r="B153">
        <v>19.924434999999999</v>
      </c>
      <c r="C153">
        <v>7.1813500000000001</v>
      </c>
      <c r="D153">
        <f t="shared" si="9"/>
        <v>0.75572399999999984</v>
      </c>
      <c r="E153">
        <f t="shared" si="10"/>
        <v>28.485611000000063</v>
      </c>
      <c r="F153">
        <f t="shared" si="8"/>
        <v>3.2225223669600858E-2</v>
      </c>
    </row>
    <row r="154" spans="1:6" x14ac:dyDescent="0.2">
      <c r="A154">
        <v>1170.5622820000001</v>
      </c>
      <c r="B154">
        <v>19.941783000000001</v>
      </c>
      <c r="C154">
        <v>7.1863549999999998</v>
      </c>
      <c r="D154">
        <f t="shared" si="9"/>
        <v>0.76072899999999954</v>
      </c>
      <c r="E154">
        <f t="shared" si="10"/>
        <v>29.369724000000133</v>
      </c>
      <c r="F154">
        <f t="shared" si="8"/>
        <v>3.2981876923503142E-2</v>
      </c>
    </row>
    <row r="155" spans="1:6" x14ac:dyDescent="0.2">
      <c r="A155">
        <v>1171.5120469999999</v>
      </c>
      <c r="B155">
        <v>19.925260000000002</v>
      </c>
      <c r="C155">
        <v>7.1913600000000004</v>
      </c>
      <c r="D155">
        <f t="shared" si="9"/>
        <v>0.76573400000000014</v>
      </c>
      <c r="E155">
        <f t="shared" si="10"/>
        <v>30.319488999999976</v>
      </c>
      <c r="F155">
        <f t="shared" si="8"/>
        <v>3.3798481410469795E-2</v>
      </c>
    </row>
    <row r="156" spans="1:6" x14ac:dyDescent="0.2">
      <c r="A156">
        <v>1172.1039960000001</v>
      </c>
      <c r="B156">
        <v>19.969564999999999</v>
      </c>
      <c r="C156">
        <v>7.1963650000000001</v>
      </c>
      <c r="D156">
        <f t="shared" si="9"/>
        <v>0.77073899999999984</v>
      </c>
      <c r="E156">
        <f t="shared" si="10"/>
        <v>30.911438000000089</v>
      </c>
      <c r="F156">
        <f t="shared" si="8"/>
        <v>3.4217299186431412E-2</v>
      </c>
    </row>
    <row r="157" spans="1:6" x14ac:dyDescent="0.2">
      <c r="A157">
        <v>1173.029714</v>
      </c>
      <c r="B157">
        <v>19.923632999999999</v>
      </c>
      <c r="C157">
        <v>7.2013699999999998</v>
      </c>
      <c r="D157">
        <f t="shared" si="9"/>
        <v>0.77574399999999955</v>
      </c>
      <c r="E157">
        <f t="shared" si="10"/>
        <v>31.83715600000005</v>
      </c>
      <c r="F157">
        <f t="shared" si="8"/>
        <v>3.4987009817798356E-2</v>
      </c>
    </row>
    <row r="158" spans="1:6" x14ac:dyDescent="0.2">
      <c r="A158">
        <v>1173.399492</v>
      </c>
      <c r="B158">
        <v>19.996365999999998</v>
      </c>
      <c r="C158">
        <v>7.2063740000000003</v>
      </c>
      <c r="D158">
        <f t="shared" si="9"/>
        <v>0.780748</v>
      </c>
      <c r="E158">
        <f t="shared" si="10"/>
        <v>32.206934000000047</v>
      </c>
      <c r="F158">
        <f t="shared" si="8"/>
        <v>3.515544559995696E-2</v>
      </c>
    </row>
    <row r="159" spans="1:6" x14ac:dyDescent="0.2">
      <c r="A159">
        <v>1173.3007239999999</v>
      </c>
      <c r="B159">
        <v>20.001798000000001</v>
      </c>
      <c r="C159">
        <v>7.211379</v>
      </c>
      <c r="D159">
        <f t="shared" si="9"/>
        <v>0.7857529999999997</v>
      </c>
      <c r="E159">
        <f t="shared" si="10"/>
        <v>32.108165999999983</v>
      </c>
      <c r="F159">
        <f t="shared" si="8"/>
        <v>3.4827324556981738E-2</v>
      </c>
    </row>
    <row r="160" spans="1:6" x14ac:dyDescent="0.2">
      <c r="A160">
        <v>1172.866943</v>
      </c>
      <c r="B160">
        <v>20.043718999999999</v>
      </c>
      <c r="C160">
        <v>7.2163839999999997</v>
      </c>
      <c r="D160">
        <f t="shared" si="9"/>
        <v>0.79075799999999941</v>
      </c>
      <c r="E160">
        <f t="shared" si="10"/>
        <v>31.674385000000029</v>
      </c>
      <c r="F160">
        <f t="shared" si="8"/>
        <v>3.4151977129442582E-2</v>
      </c>
    </row>
    <row r="161" spans="1:6" x14ac:dyDescent="0.2">
      <c r="A161">
        <v>1172.7058440000001</v>
      </c>
      <c r="B161">
        <v>20.015027</v>
      </c>
      <c r="C161">
        <v>7.2213890000000003</v>
      </c>
      <c r="D161">
        <f t="shared" si="9"/>
        <v>0.795763</v>
      </c>
      <c r="E161">
        <f t="shared" si="10"/>
        <v>31.513286000000107</v>
      </c>
      <c r="F161">
        <f t="shared" si="8"/>
        <v>3.3769206772570809E-2</v>
      </c>
    </row>
    <row r="162" spans="1:6" x14ac:dyDescent="0.2">
      <c r="A162">
        <v>1171.9374110000001</v>
      </c>
      <c r="B162">
        <v>20.066689</v>
      </c>
      <c r="C162">
        <v>7.226394</v>
      </c>
      <c r="D162">
        <f t="shared" si="9"/>
        <v>0.8007679999999997</v>
      </c>
      <c r="E162">
        <f t="shared" si="10"/>
        <v>30.744853000000148</v>
      </c>
      <c r="F162">
        <f t="shared" si="8"/>
        <v>3.2761312549738297E-2</v>
      </c>
    </row>
    <row r="163" spans="1:6" x14ac:dyDescent="0.2">
      <c r="A163">
        <v>1170.7982099999999</v>
      </c>
      <c r="B163">
        <v>20.083500000000001</v>
      </c>
      <c r="C163">
        <v>7.2313980000000004</v>
      </c>
      <c r="D163">
        <f t="shared" si="9"/>
        <v>0.80577200000000015</v>
      </c>
      <c r="E163">
        <f t="shared" si="10"/>
        <v>29.605651999999964</v>
      </c>
      <c r="F163">
        <f t="shared" si="8"/>
        <v>3.1381984837822202E-2</v>
      </c>
    </row>
    <row r="164" spans="1:6" x14ac:dyDescent="0.2">
      <c r="A164">
        <v>1170.007582</v>
      </c>
      <c r="B164">
        <v>20.034739999999999</v>
      </c>
      <c r="C164">
        <v>7.2364030000000001</v>
      </c>
      <c r="D164">
        <f t="shared" si="9"/>
        <v>0.81077699999999986</v>
      </c>
      <c r="E164">
        <f t="shared" si="10"/>
        <v>28.815023999999994</v>
      </c>
      <c r="F164">
        <f t="shared" si="8"/>
        <v>3.0375881460300222E-2</v>
      </c>
    </row>
    <row r="165" spans="1:6" x14ac:dyDescent="0.2">
      <c r="A165">
        <v>1169.1438149999999</v>
      </c>
      <c r="B165">
        <v>20.061518</v>
      </c>
      <c r="C165">
        <v>7.2414079999999998</v>
      </c>
      <c r="D165">
        <f t="shared" si="9"/>
        <v>0.81578199999999956</v>
      </c>
      <c r="E165">
        <f t="shared" si="10"/>
        <v>27.951256999999941</v>
      </c>
      <c r="F165">
        <f t="shared" si="8"/>
        <v>2.9306185104276065E-2</v>
      </c>
    </row>
    <row r="166" spans="1:6" x14ac:dyDescent="0.2">
      <c r="A166">
        <v>1168.4415819999999</v>
      </c>
      <c r="B166">
        <v>20.056948999999999</v>
      </c>
      <c r="C166">
        <v>7.2464130000000004</v>
      </c>
      <c r="D166">
        <f t="shared" si="9"/>
        <v>0.82078700000000016</v>
      </c>
      <c r="E166">
        <f t="shared" si="10"/>
        <v>27.249023999999963</v>
      </c>
      <c r="F166">
        <f t="shared" si="8"/>
        <v>2.841276361056435E-2</v>
      </c>
    </row>
    <row r="167" spans="1:6" x14ac:dyDescent="0.2">
      <c r="A167">
        <v>1167.526764</v>
      </c>
      <c r="B167">
        <v>20.066271</v>
      </c>
      <c r="C167">
        <v>7.2514180000000001</v>
      </c>
      <c r="D167">
        <f t="shared" si="9"/>
        <v>0.82579199999999986</v>
      </c>
      <c r="E167">
        <f t="shared" si="10"/>
        <v>26.334205999999995</v>
      </c>
      <c r="F167">
        <f t="shared" si="8"/>
        <v>2.7313836932948303E-2</v>
      </c>
    </row>
    <row r="168" spans="1:6" x14ac:dyDescent="0.2">
      <c r="A168">
        <v>1166.711327</v>
      </c>
      <c r="B168">
        <v>20.056654000000002</v>
      </c>
      <c r="C168">
        <v>7.2564219999999997</v>
      </c>
      <c r="D168">
        <f t="shared" si="9"/>
        <v>0.83079599999999942</v>
      </c>
      <c r="E168">
        <f t="shared" si="10"/>
        <v>25.51876900000002</v>
      </c>
      <c r="F168">
        <f t="shared" si="8"/>
        <v>2.6327032496502398E-2</v>
      </c>
    </row>
    <row r="169" spans="1:6" x14ac:dyDescent="0.2">
      <c r="A169">
        <v>1166.0074549999999</v>
      </c>
      <c r="B169">
        <v>20.038364000000001</v>
      </c>
      <c r="C169">
        <v>7.2614270000000003</v>
      </c>
      <c r="D169">
        <f t="shared" si="9"/>
        <v>0.83580100000000002</v>
      </c>
      <c r="E169">
        <f t="shared" si="10"/>
        <v>24.814896999999974</v>
      </c>
      <c r="F169">
        <f t="shared" si="8"/>
        <v>2.5462923386630368E-2</v>
      </c>
    </row>
    <row r="170" spans="1:6" x14ac:dyDescent="0.2">
      <c r="A170">
        <v>1165.6407799999999</v>
      </c>
      <c r="B170">
        <v>20.015706999999999</v>
      </c>
      <c r="C170">
        <v>7.266432</v>
      </c>
      <c r="D170">
        <f t="shared" si="9"/>
        <v>0.84080599999999972</v>
      </c>
      <c r="E170">
        <f t="shared" si="10"/>
        <v>24.448221999999987</v>
      </c>
      <c r="F170">
        <f t="shared" si="8"/>
        <v>2.4945185939505923E-2</v>
      </c>
    </row>
    <row r="171" spans="1:6" x14ac:dyDescent="0.2">
      <c r="A171">
        <v>1165.2531260000001</v>
      </c>
      <c r="B171">
        <v>20.036293000000001</v>
      </c>
      <c r="C171">
        <v>7.2714369999999997</v>
      </c>
      <c r="D171">
        <f t="shared" si="9"/>
        <v>0.84581099999999942</v>
      </c>
      <c r="E171">
        <f t="shared" si="10"/>
        <v>24.060568000000103</v>
      </c>
      <c r="F171">
        <f t="shared" si="8"/>
        <v>2.4412500765309406E-2</v>
      </c>
    </row>
    <row r="172" spans="1:6" x14ac:dyDescent="0.2">
      <c r="A172">
        <v>1164.962763</v>
      </c>
      <c r="B172">
        <v>20.008168999999999</v>
      </c>
      <c r="C172">
        <v>7.2764420000000003</v>
      </c>
      <c r="D172">
        <f t="shared" si="9"/>
        <v>0.85081600000000002</v>
      </c>
      <c r="E172">
        <f t="shared" si="10"/>
        <v>23.770205000000033</v>
      </c>
      <c r="F172">
        <f t="shared" si="8"/>
        <v>2.3981990965512463E-2</v>
      </c>
    </row>
    <row r="173" spans="1:6" x14ac:dyDescent="0.2">
      <c r="A173">
        <v>1165.429267</v>
      </c>
      <c r="B173">
        <v>19.942845999999999</v>
      </c>
      <c r="C173">
        <v>7.2814459999999999</v>
      </c>
      <c r="D173">
        <f t="shared" si="9"/>
        <v>0.85581999999999958</v>
      </c>
      <c r="E173">
        <f t="shared" si="10"/>
        <v>24.236709000000019</v>
      </c>
      <c r="F173">
        <f t="shared" si="8"/>
        <v>2.4299945348379027E-2</v>
      </c>
    </row>
    <row r="174" spans="1:6" x14ac:dyDescent="0.2">
      <c r="A174">
        <v>1166.507044</v>
      </c>
      <c r="B174">
        <v>19.914835</v>
      </c>
      <c r="C174">
        <v>7.2864509999999996</v>
      </c>
      <c r="D174">
        <f t="shared" si="9"/>
        <v>0.86082499999999929</v>
      </c>
      <c r="E174">
        <f t="shared" si="10"/>
        <v>25.314485999999988</v>
      </c>
      <c r="F174">
        <f t="shared" si="8"/>
        <v>2.5209653517547431E-2</v>
      </c>
    </row>
    <row r="175" spans="1:6" x14ac:dyDescent="0.2">
      <c r="A175">
        <v>1168.067636</v>
      </c>
      <c r="B175">
        <v>19.877261000000001</v>
      </c>
      <c r="C175">
        <v>7.2914560000000002</v>
      </c>
      <c r="D175">
        <f t="shared" si="9"/>
        <v>0.86582999999999988</v>
      </c>
      <c r="E175">
        <f t="shared" si="10"/>
        <v>26.87507800000003</v>
      </c>
      <c r="F175">
        <f t="shared" si="8"/>
        <v>2.6573521642443809E-2</v>
      </c>
    </row>
    <row r="176" spans="1:6" x14ac:dyDescent="0.2">
      <c r="A176">
        <v>1169.6706449999999</v>
      </c>
      <c r="B176">
        <v>19.885321000000001</v>
      </c>
      <c r="C176">
        <v>7.2964609999999999</v>
      </c>
      <c r="D176">
        <f t="shared" si="9"/>
        <v>0.87083499999999958</v>
      </c>
      <c r="E176">
        <f t="shared" si="10"/>
        <v>28.47808699999996</v>
      </c>
      <c r="F176">
        <f t="shared" si="8"/>
        <v>2.7958337696022659E-2</v>
      </c>
    </row>
    <row r="177" spans="1:6" x14ac:dyDescent="0.2">
      <c r="A177">
        <v>1171.2994470000001</v>
      </c>
      <c r="B177">
        <v>19.893262</v>
      </c>
      <c r="C177">
        <v>7.3014659999999996</v>
      </c>
      <c r="D177">
        <f t="shared" si="9"/>
        <v>0.87583999999999929</v>
      </c>
      <c r="E177">
        <f t="shared" si="10"/>
        <v>30.106889000000137</v>
      </c>
      <c r="F177">
        <f t="shared" si="8"/>
        <v>2.9347638942856417E-2</v>
      </c>
    </row>
    <row r="178" spans="1:6" x14ac:dyDescent="0.2">
      <c r="A178">
        <v>1172.787129</v>
      </c>
      <c r="B178">
        <v>19.879162000000001</v>
      </c>
      <c r="C178">
        <v>7.30647</v>
      </c>
      <c r="D178">
        <f t="shared" si="9"/>
        <v>0.88084399999999974</v>
      </c>
      <c r="E178">
        <f t="shared" si="10"/>
        <v>31.594571000000087</v>
      </c>
      <c r="F178">
        <f t="shared" si="8"/>
        <v>3.0583999032831082E-2</v>
      </c>
    </row>
    <row r="179" spans="1:6" x14ac:dyDescent="0.2">
      <c r="A179">
        <v>1174.0728919999999</v>
      </c>
      <c r="B179">
        <v>19.904995</v>
      </c>
      <c r="C179">
        <v>7.3114749999999997</v>
      </c>
      <c r="D179">
        <f t="shared" si="9"/>
        <v>0.88584899999999944</v>
      </c>
      <c r="E179">
        <f t="shared" si="10"/>
        <v>32.880333999999948</v>
      </c>
      <c r="F179">
        <f t="shared" si="8"/>
        <v>3.1614146422575845E-2</v>
      </c>
    </row>
    <row r="180" spans="1:6" x14ac:dyDescent="0.2">
      <c r="A180">
        <v>1175.162274</v>
      </c>
      <c r="B180">
        <v>19.920926999999999</v>
      </c>
      <c r="C180">
        <v>7.3164800000000003</v>
      </c>
      <c r="D180">
        <f t="shared" si="9"/>
        <v>0.89085400000000003</v>
      </c>
      <c r="E180">
        <f t="shared" si="10"/>
        <v>33.969716000000062</v>
      </c>
      <c r="F180">
        <f t="shared" si="8"/>
        <v>3.2447970667899395E-2</v>
      </c>
    </row>
    <row r="181" spans="1:6" x14ac:dyDescent="0.2">
      <c r="A181">
        <v>1175.879635</v>
      </c>
      <c r="B181">
        <v>19.969850999999998</v>
      </c>
      <c r="C181">
        <v>7.321485</v>
      </c>
      <c r="D181">
        <f t="shared" si="9"/>
        <v>0.89585899999999974</v>
      </c>
      <c r="E181">
        <f t="shared" si="10"/>
        <v>34.687077000000045</v>
      </c>
      <c r="F181">
        <f t="shared" si="8"/>
        <v>3.2927986453434206E-2</v>
      </c>
    </row>
    <row r="182" spans="1:6" x14ac:dyDescent="0.2">
      <c r="A182">
        <v>1175.851529</v>
      </c>
      <c r="B182">
        <v>20.024557999999999</v>
      </c>
      <c r="C182">
        <v>7.3264899999999997</v>
      </c>
      <c r="D182">
        <f t="shared" si="9"/>
        <v>0.90086399999999944</v>
      </c>
      <c r="E182">
        <f t="shared" si="10"/>
        <v>34.658971000000065</v>
      </c>
      <c r="F182">
        <f t="shared" si="8"/>
        <v>3.2719295520394764E-2</v>
      </c>
    </row>
    <row r="183" spans="1:6" x14ac:dyDescent="0.2">
      <c r="A183">
        <v>1175.4302070000001</v>
      </c>
      <c r="B183">
        <v>20.044511</v>
      </c>
      <c r="C183">
        <v>7.3314940000000002</v>
      </c>
      <c r="D183">
        <f t="shared" si="9"/>
        <v>0.9058679999999999</v>
      </c>
      <c r="E183">
        <f t="shared" si="10"/>
        <v>34.237649000000147</v>
      </c>
      <c r="F183">
        <f t="shared" si="8"/>
        <v>3.2154530272309155E-2</v>
      </c>
    </row>
    <row r="184" spans="1:6" x14ac:dyDescent="0.2">
      <c r="A184">
        <v>1174.2064339999999</v>
      </c>
      <c r="B184">
        <v>20.102361999999999</v>
      </c>
      <c r="C184">
        <v>7.3364989999999999</v>
      </c>
      <c r="D184">
        <f t="shared" si="9"/>
        <v>0.9108729999999996</v>
      </c>
      <c r="E184">
        <f t="shared" si="10"/>
        <v>33.013875999999982</v>
      </c>
      <c r="F184">
        <f t="shared" si="8"/>
        <v>3.0866986432442033E-2</v>
      </c>
    </row>
    <row r="185" spans="1:6" x14ac:dyDescent="0.2">
      <c r="A185">
        <v>1172.985111</v>
      </c>
      <c r="B185">
        <v>20.085825</v>
      </c>
      <c r="C185">
        <v>7.3415039999999996</v>
      </c>
      <c r="D185">
        <f t="shared" si="9"/>
        <v>0.9158779999999993</v>
      </c>
      <c r="E185">
        <f t="shared" si="10"/>
        <v>31.792552999999998</v>
      </c>
      <c r="F185">
        <f t="shared" si="8"/>
        <v>2.9593428141306822E-2</v>
      </c>
    </row>
    <row r="186" spans="1:6" x14ac:dyDescent="0.2">
      <c r="A186">
        <v>1171.6837270000001</v>
      </c>
      <c r="B186">
        <v>20.078375000000001</v>
      </c>
      <c r="C186">
        <v>7.3465090000000002</v>
      </c>
      <c r="D186">
        <f t="shared" si="9"/>
        <v>0.9208829999999999</v>
      </c>
      <c r="E186">
        <f t="shared" si="10"/>
        <v>30.491169000000127</v>
      </c>
      <c r="F186">
        <f t="shared" si="8"/>
        <v>2.8259158227601288E-2</v>
      </c>
    </row>
    <row r="187" spans="1:6" x14ac:dyDescent="0.2">
      <c r="A187">
        <v>1170.4949919999999</v>
      </c>
      <c r="B187">
        <v>20.1007</v>
      </c>
      <c r="C187">
        <v>7.3515139999999999</v>
      </c>
      <c r="D187">
        <f t="shared" si="9"/>
        <v>0.9258879999999996</v>
      </c>
      <c r="E187">
        <f t="shared" si="10"/>
        <v>29.302433999999948</v>
      </c>
      <c r="F187">
        <f t="shared" si="8"/>
        <v>2.7038069564853582E-2</v>
      </c>
    </row>
    <row r="188" spans="1:6" x14ac:dyDescent="0.2">
      <c r="A188">
        <v>1168.8363489999999</v>
      </c>
      <c r="B188">
        <v>20.128260999999998</v>
      </c>
      <c r="C188">
        <v>7.3565180000000003</v>
      </c>
      <c r="D188">
        <f t="shared" si="9"/>
        <v>0.93089200000000005</v>
      </c>
      <c r="E188">
        <f t="shared" si="10"/>
        <v>27.643790999999965</v>
      </c>
      <c r="F188">
        <f t="shared" si="8"/>
        <v>2.5406485552168963E-2</v>
      </c>
    </row>
    <row r="189" spans="1:6" x14ac:dyDescent="0.2">
      <c r="A189">
        <v>1167.0694739999999</v>
      </c>
      <c r="B189">
        <v>20.130977000000001</v>
      </c>
      <c r="C189">
        <v>7.361523</v>
      </c>
      <c r="D189">
        <f t="shared" si="9"/>
        <v>0.93589699999999976</v>
      </c>
      <c r="E189">
        <f t="shared" si="10"/>
        <v>25.876915999999937</v>
      </c>
      <c r="F189">
        <f t="shared" si="8"/>
        <v>2.3691237754552834E-2</v>
      </c>
    </row>
    <row r="190" spans="1:6" x14ac:dyDescent="0.2">
      <c r="A190">
        <v>1165.784879</v>
      </c>
      <c r="B190">
        <v>20.063199000000001</v>
      </c>
      <c r="C190">
        <v>7.3665279999999997</v>
      </c>
      <c r="D190">
        <f t="shared" si="9"/>
        <v>0.94090199999999946</v>
      </c>
      <c r="E190">
        <f t="shared" si="10"/>
        <v>24.592321000000084</v>
      </c>
      <c r="F190">
        <f t="shared" si="8"/>
        <v>2.2420056843445446E-2</v>
      </c>
    </row>
    <row r="191" spans="1:6" x14ac:dyDescent="0.2">
      <c r="A191">
        <v>1165.2092540000001</v>
      </c>
      <c r="B191">
        <v>20.018179</v>
      </c>
      <c r="C191">
        <v>7.3715330000000003</v>
      </c>
      <c r="D191">
        <f t="shared" si="9"/>
        <v>0.94590700000000005</v>
      </c>
      <c r="E191">
        <f t="shared" si="10"/>
        <v>24.016696000000138</v>
      </c>
      <c r="F191">
        <f t="shared" si="8"/>
        <v>2.1790183942572153E-2</v>
      </c>
    </row>
    <row r="192" spans="1:6" x14ac:dyDescent="0.2">
      <c r="A192">
        <v>1165.187563</v>
      </c>
      <c r="B192">
        <v>19.987303000000001</v>
      </c>
      <c r="C192">
        <v>7.376538</v>
      </c>
      <c r="D192">
        <f t="shared" si="9"/>
        <v>0.95091199999999976</v>
      </c>
      <c r="E192">
        <f t="shared" si="10"/>
        <v>23.995004999999992</v>
      </c>
      <c r="F192">
        <f t="shared" si="8"/>
        <v>2.1656320812750984E-2</v>
      </c>
    </row>
    <row r="193" spans="1:6" x14ac:dyDescent="0.2">
      <c r="A193">
        <v>1165.249174</v>
      </c>
      <c r="B193">
        <v>19.990259999999999</v>
      </c>
      <c r="C193">
        <v>7.3815419999999996</v>
      </c>
      <c r="D193">
        <f t="shared" si="9"/>
        <v>0.95591599999999932</v>
      </c>
      <c r="E193">
        <f t="shared" si="10"/>
        <v>24.056616000000076</v>
      </c>
      <c r="F193">
        <f t="shared" si="8"/>
        <v>2.159712795419353E-2</v>
      </c>
    </row>
    <row r="194" spans="1:6" x14ac:dyDescent="0.2">
      <c r="A194">
        <v>1165.3764120000001</v>
      </c>
      <c r="B194">
        <v>20.008716</v>
      </c>
      <c r="C194">
        <v>7.3865470000000002</v>
      </c>
      <c r="D194">
        <f t="shared" si="9"/>
        <v>0.96092099999999991</v>
      </c>
      <c r="E194">
        <f t="shared" si="10"/>
        <v>24.18385400000011</v>
      </c>
      <c r="F194">
        <f t="shared" si="8"/>
        <v>2.1595914743885263E-2</v>
      </c>
    </row>
    <row r="195" spans="1:6" x14ac:dyDescent="0.2">
      <c r="A195">
        <v>1165.7775449999999</v>
      </c>
      <c r="B195">
        <v>19.943805999999999</v>
      </c>
      <c r="C195">
        <v>7.3915519999999999</v>
      </c>
      <c r="D195">
        <f t="shared" si="9"/>
        <v>0.96592599999999962</v>
      </c>
      <c r="E195">
        <f t="shared" si="10"/>
        <v>24.584986999999956</v>
      </c>
      <c r="F195">
        <f t="shared" ref="F195:F258" si="11">(1/A195)*(E195/D195)</f>
        <v>2.1832850502786307E-2</v>
      </c>
    </row>
    <row r="196" spans="1:6" x14ac:dyDescent="0.2">
      <c r="A196">
        <v>1166.857289</v>
      </c>
      <c r="B196">
        <v>19.916588000000001</v>
      </c>
      <c r="C196">
        <v>7.3965569999999996</v>
      </c>
      <c r="D196">
        <f t="shared" si="9"/>
        <v>0.97093099999999932</v>
      </c>
      <c r="E196">
        <f t="shared" si="10"/>
        <v>25.664731000000074</v>
      </c>
      <c r="F196">
        <f t="shared" si="11"/>
        <v>2.2653254580234955E-2</v>
      </c>
    </row>
    <row r="197" spans="1:6" x14ac:dyDescent="0.2">
      <c r="A197">
        <v>1168.055284</v>
      </c>
      <c r="B197">
        <v>19.923195</v>
      </c>
      <c r="C197">
        <v>7.4015620000000002</v>
      </c>
      <c r="D197">
        <f t="shared" si="9"/>
        <v>0.97593599999999991</v>
      </c>
      <c r="E197">
        <f t="shared" si="10"/>
        <v>26.862726000000066</v>
      </c>
      <c r="F197">
        <f t="shared" si="11"/>
        <v>2.3564886129126345E-2</v>
      </c>
    </row>
    <row r="198" spans="1:6" x14ac:dyDescent="0.2">
      <c r="A198">
        <v>1169.068753</v>
      </c>
      <c r="B198">
        <v>19.903503000000001</v>
      </c>
      <c r="C198">
        <v>7.4065659999999998</v>
      </c>
      <c r="D198">
        <f t="shared" si="9"/>
        <v>0.98093999999999948</v>
      </c>
      <c r="E198">
        <f t="shared" si="10"/>
        <v>27.876195000000052</v>
      </c>
      <c r="F198">
        <f t="shared" si="11"/>
        <v>2.4308099022094392E-2</v>
      </c>
    </row>
    <row r="199" spans="1:6" x14ac:dyDescent="0.2">
      <c r="A199">
        <v>1170.5033490000001</v>
      </c>
      <c r="B199">
        <v>19.898164999999999</v>
      </c>
      <c r="C199">
        <v>7.4115710000000004</v>
      </c>
      <c r="D199">
        <f t="shared" ref="D199:D262" si="12">C199-$C$2</f>
        <v>0.98594500000000007</v>
      </c>
      <c r="E199">
        <f t="shared" ref="E199:E262" si="13">A199-$A$2</f>
        <v>29.310791000000108</v>
      </c>
      <c r="F199">
        <f t="shared" si="11"/>
        <v>2.5398156165704594E-2</v>
      </c>
    </row>
    <row r="200" spans="1:6" x14ac:dyDescent="0.2">
      <c r="A200">
        <v>1172.027464</v>
      </c>
      <c r="B200">
        <v>19.881250000000001</v>
      </c>
      <c r="C200">
        <v>7.4165760000000001</v>
      </c>
      <c r="D200">
        <f t="shared" si="12"/>
        <v>0.99094999999999978</v>
      </c>
      <c r="E200">
        <f t="shared" si="13"/>
        <v>30.834906000000046</v>
      </c>
      <c r="F200">
        <f t="shared" si="11"/>
        <v>2.6549301424300644E-2</v>
      </c>
    </row>
    <row r="201" spans="1:6" x14ac:dyDescent="0.2">
      <c r="A201">
        <v>1173.5070459999999</v>
      </c>
      <c r="B201">
        <v>19.917652</v>
      </c>
      <c r="C201">
        <v>7.4215809999999998</v>
      </c>
      <c r="D201">
        <f t="shared" si="12"/>
        <v>0.99595499999999948</v>
      </c>
      <c r="E201">
        <f t="shared" si="13"/>
        <v>32.314487999999983</v>
      </c>
      <c r="F201">
        <f t="shared" si="11"/>
        <v>2.7648518253397408E-2</v>
      </c>
    </row>
    <row r="202" spans="1:6" x14ac:dyDescent="0.2">
      <c r="A202">
        <v>1173.8075779999999</v>
      </c>
      <c r="B202">
        <v>20.004998000000001</v>
      </c>
      <c r="C202">
        <v>7.4265860000000004</v>
      </c>
      <c r="D202">
        <f t="shared" si="12"/>
        <v>1.0009600000000001</v>
      </c>
      <c r="E202">
        <f t="shared" si="13"/>
        <v>32.615019999999959</v>
      </c>
      <c r="F202">
        <f t="shared" si="11"/>
        <v>2.7759012823458173E-2</v>
      </c>
    </row>
    <row r="203" spans="1:6" x14ac:dyDescent="0.2">
      <c r="A203">
        <v>1174.0716420000001</v>
      </c>
      <c r="B203">
        <v>19.951471999999999</v>
      </c>
      <c r="C203">
        <v>7.4315899999999999</v>
      </c>
      <c r="D203">
        <f t="shared" si="12"/>
        <v>1.0059639999999996</v>
      </c>
      <c r="E203">
        <f t="shared" si="13"/>
        <v>32.879084000000148</v>
      </c>
      <c r="F203">
        <f t="shared" si="11"/>
        <v>2.7838297533322585E-2</v>
      </c>
    </row>
    <row r="204" spans="1:6" x14ac:dyDescent="0.2">
      <c r="A204">
        <v>1174.4455929999999</v>
      </c>
      <c r="B204">
        <v>19.969508999999999</v>
      </c>
      <c r="C204">
        <v>7.4365949999999996</v>
      </c>
      <c r="D204">
        <f t="shared" si="12"/>
        <v>1.0109689999999993</v>
      </c>
      <c r="E204">
        <f t="shared" si="13"/>
        <v>33.253034999999954</v>
      </c>
      <c r="F204">
        <f t="shared" si="11"/>
        <v>2.8006610280863858E-2</v>
      </c>
    </row>
    <row r="205" spans="1:6" x14ac:dyDescent="0.2">
      <c r="A205">
        <v>1174.9420749999999</v>
      </c>
      <c r="B205">
        <v>19.963215000000002</v>
      </c>
      <c r="C205">
        <v>7.4416000000000002</v>
      </c>
      <c r="D205">
        <f t="shared" si="12"/>
        <v>1.0159739999999999</v>
      </c>
      <c r="E205">
        <f t="shared" si="13"/>
        <v>33.749516999999969</v>
      </c>
      <c r="F205">
        <f t="shared" si="11"/>
        <v>2.8272779858292921E-2</v>
      </c>
    </row>
    <row r="206" spans="1:6" x14ac:dyDescent="0.2">
      <c r="A206">
        <v>1174.86338</v>
      </c>
      <c r="B206">
        <v>20.012215999999999</v>
      </c>
      <c r="C206">
        <v>7.4466049999999999</v>
      </c>
      <c r="D206">
        <f t="shared" si="12"/>
        <v>1.0209789999999996</v>
      </c>
      <c r="E206">
        <f t="shared" si="13"/>
        <v>33.670822000000044</v>
      </c>
      <c r="F206">
        <f t="shared" si="11"/>
        <v>2.8070460815767695E-2</v>
      </c>
    </row>
    <row r="207" spans="1:6" x14ac:dyDescent="0.2">
      <c r="A207">
        <v>1174.407156</v>
      </c>
      <c r="B207">
        <v>20.052377</v>
      </c>
      <c r="C207">
        <v>7.4516099999999996</v>
      </c>
      <c r="D207">
        <f t="shared" si="12"/>
        <v>1.0259839999999993</v>
      </c>
      <c r="E207">
        <f t="shared" si="13"/>
        <v>33.214598000000024</v>
      </c>
      <c r="F207">
        <f t="shared" si="11"/>
        <v>2.7565744313781511E-2</v>
      </c>
    </row>
    <row r="208" spans="1:6" x14ac:dyDescent="0.2">
      <c r="A208">
        <v>1173.5973429999999</v>
      </c>
      <c r="B208">
        <v>20.077656999999999</v>
      </c>
      <c r="C208">
        <v>7.4566140000000001</v>
      </c>
      <c r="D208">
        <f t="shared" si="12"/>
        <v>1.0309879999999998</v>
      </c>
      <c r="E208">
        <f t="shared" si="13"/>
        <v>32.404784999999947</v>
      </c>
      <c r="F208">
        <f t="shared" si="11"/>
        <v>2.6781593649274984E-2</v>
      </c>
    </row>
    <row r="209" spans="1:6" x14ac:dyDescent="0.2">
      <c r="A209">
        <v>1172.7808640000001</v>
      </c>
      <c r="B209">
        <v>20.051811000000001</v>
      </c>
      <c r="C209">
        <v>7.4616189999999998</v>
      </c>
      <c r="D209">
        <f t="shared" si="12"/>
        <v>1.0359929999999995</v>
      </c>
      <c r="E209">
        <f t="shared" si="13"/>
        <v>31.588306000000102</v>
      </c>
      <c r="F209">
        <f t="shared" si="11"/>
        <v>2.5998760563330722E-2</v>
      </c>
    </row>
    <row r="210" spans="1:6" x14ac:dyDescent="0.2">
      <c r="A210">
        <v>1171.169443</v>
      </c>
      <c r="B210">
        <v>20.131959999999999</v>
      </c>
      <c r="C210">
        <v>7.4666240000000004</v>
      </c>
      <c r="D210">
        <f t="shared" si="12"/>
        <v>1.0409980000000001</v>
      </c>
      <c r="E210">
        <f t="shared" si="13"/>
        <v>29.976885000000038</v>
      </c>
      <c r="F210">
        <f t="shared" si="11"/>
        <v>2.4587641600017932E-2</v>
      </c>
    </row>
    <row r="211" spans="1:6" x14ac:dyDescent="0.2">
      <c r="A211">
        <v>1169.490841</v>
      </c>
      <c r="B211">
        <v>20.109783</v>
      </c>
      <c r="C211">
        <v>7.4716290000000001</v>
      </c>
      <c r="D211">
        <f t="shared" si="12"/>
        <v>1.0460029999999998</v>
      </c>
      <c r="E211">
        <f t="shared" si="13"/>
        <v>28.298283000000083</v>
      </c>
      <c r="F211">
        <f t="shared" si="11"/>
        <v>2.3132913314904423E-2</v>
      </c>
    </row>
    <row r="212" spans="1:6" x14ac:dyDescent="0.2">
      <c r="A212">
        <v>1167.9923490000001</v>
      </c>
      <c r="B212">
        <v>20.107803000000001</v>
      </c>
      <c r="C212">
        <v>7.4766339999999998</v>
      </c>
      <c r="D212">
        <f t="shared" si="12"/>
        <v>1.0510079999999995</v>
      </c>
      <c r="E212">
        <f t="shared" si="13"/>
        <v>26.799791000000141</v>
      </c>
      <c r="F212">
        <f t="shared" si="11"/>
        <v>2.1831591047633558E-2</v>
      </c>
    </row>
    <row r="213" spans="1:6" x14ac:dyDescent="0.2">
      <c r="A213">
        <v>1167.1160010000001</v>
      </c>
      <c r="B213">
        <v>20.047687</v>
      </c>
      <c r="C213">
        <v>7.4816380000000002</v>
      </c>
      <c r="D213">
        <f t="shared" si="12"/>
        <v>1.056012</v>
      </c>
      <c r="E213">
        <f t="shared" si="13"/>
        <v>25.923443000000134</v>
      </c>
      <c r="F213">
        <f t="shared" si="11"/>
        <v>2.1033415685834049E-2</v>
      </c>
    </row>
    <row r="214" spans="1:6" x14ac:dyDescent="0.2">
      <c r="A214">
        <v>1166.33761</v>
      </c>
      <c r="B214">
        <v>20.065864000000001</v>
      </c>
      <c r="C214">
        <v>7.4866429999999999</v>
      </c>
      <c r="D214">
        <f t="shared" si="12"/>
        <v>1.0610169999999997</v>
      </c>
      <c r="E214">
        <f t="shared" si="13"/>
        <v>25.145052000000078</v>
      </c>
      <c r="F214">
        <f t="shared" si="11"/>
        <v>2.031916773668245E-2</v>
      </c>
    </row>
    <row r="215" spans="1:6" x14ac:dyDescent="0.2">
      <c r="A215">
        <v>1165.662331</v>
      </c>
      <c r="B215">
        <v>20.030497</v>
      </c>
      <c r="C215">
        <v>7.4916479999999996</v>
      </c>
      <c r="D215">
        <f t="shared" si="12"/>
        <v>1.0660219999999994</v>
      </c>
      <c r="E215">
        <f t="shared" si="13"/>
        <v>24.469773000000032</v>
      </c>
      <c r="F215">
        <f t="shared" si="11"/>
        <v>1.9692053670393408E-2</v>
      </c>
    </row>
    <row r="216" spans="1:6" x14ac:dyDescent="0.2">
      <c r="A216">
        <v>1165.0080210000001</v>
      </c>
      <c r="B216">
        <v>20.034226</v>
      </c>
      <c r="C216">
        <v>7.4966530000000002</v>
      </c>
      <c r="D216">
        <f t="shared" si="12"/>
        <v>1.071027</v>
      </c>
      <c r="E216">
        <f t="shared" si="13"/>
        <v>23.815463000000136</v>
      </c>
      <c r="F216">
        <f t="shared" si="11"/>
        <v>1.9086649324263044E-2</v>
      </c>
    </row>
    <row r="217" spans="1:6" x14ac:dyDescent="0.2">
      <c r="A217">
        <v>1164.874045</v>
      </c>
      <c r="B217">
        <v>19.985883000000001</v>
      </c>
      <c r="C217">
        <v>7.5016579999999999</v>
      </c>
      <c r="D217">
        <f t="shared" si="12"/>
        <v>1.0760319999999997</v>
      </c>
      <c r="E217">
        <f t="shared" si="13"/>
        <v>23.681487000000061</v>
      </c>
      <c r="F217">
        <f t="shared" si="11"/>
        <v>1.889316917234379E-2</v>
      </c>
    </row>
    <row r="218" spans="1:6" x14ac:dyDescent="0.2">
      <c r="A218">
        <v>1165.412343</v>
      </c>
      <c r="B218">
        <v>19.950129</v>
      </c>
      <c r="C218">
        <v>7.5066620000000004</v>
      </c>
      <c r="D218">
        <f t="shared" si="12"/>
        <v>1.0810360000000001</v>
      </c>
      <c r="E218">
        <f t="shared" si="13"/>
        <v>24.219785000000002</v>
      </c>
      <c r="F218">
        <f t="shared" si="11"/>
        <v>1.9224299035603583E-2</v>
      </c>
    </row>
    <row r="219" spans="1:6" x14ac:dyDescent="0.2">
      <c r="A219">
        <v>1166.364695</v>
      </c>
      <c r="B219">
        <v>19.922412999999999</v>
      </c>
      <c r="C219">
        <v>7.5116670000000001</v>
      </c>
      <c r="D219">
        <f t="shared" si="12"/>
        <v>1.0860409999999998</v>
      </c>
      <c r="E219">
        <f t="shared" si="13"/>
        <v>25.172137000000021</v>
      </c>
      <c r="F219">
        <f t="shared" si="11"/>
        <v>1.9871904912011469E-2</v>
      </c>
    </row>
    <row r="220" spans="1:6" x14ac:dyDescent="0.2">
      <c r="A220">
        <v>1167.800062</v>
      </c>
      <c r="B220">
        <v>19.884734000000002</v>
      </c>
      <c r="C220">
        <v>7.5166719999999998</v>
      </c>
      <c r="D220">
        <f t="shared" si="12"/>
        <v>1.0910459999999995</v>
      </c>
      <c r="E220">
        <f t="shared" si="13"/>
        <v>26.607504000000063</v>
      </c>
      <c r="F220">
        <f t="shared" si="11"/>
        <v>2.0882985201021338E-2</v>
      </c>
    </row>
    <row r="221" spans="1:6" x14ac:dyDescent="0.2">
      <c r="A221">
        <v>1169.051776</v>
      </c>
      <c r="B221">
        <v>19.94397</v>
      </c>
      <c r="C221">
        <v>7.5216770000000004</v>
      </c>
      <c r="D221">
        <f t="shared" si="12"/>
        <v>1.0960510000000001</v>
      </c>
      <c r="E221">
        <f t="shared" si="13"/>
        <v>27.859218000000055</v>
      </c>
      <c r="F221">
        <f t="shared" si="11"/>
        <v>2.1742246395089444E-2</v>
      </c>
    </row>
    <row r="222" spans="1:6" x14ac:dyDescent="0.2">
      <c r="A222">
        <v>1169.9371510000001</v>
      </c>
      <c r="B222">
        <v>19.929061000000001</v>
      </c>
      <c r="C222">
        <v>7.5266820000000001</v>
      </c>
      <c r="D222">
        <f t="shared" si="12"/>
        <v>1.1010559999999998</v>
      </c>
      <c r="E222">
        <f t="shared" si="13"/>
        <v>28.744593000000123</v>
      </c>
      <c r="F222">
        <f t="shared" si="11"/>
        <v>2.2314349133109233E-2</v>
      </c>
    </row>
    <row r="223" spans="1:6" x14ac:dyDescent="0.2">
      <c r="A223">
        <v>1171.3335950000001</v>
      </c>
      <c r="B223">
        <v>19.866375999999999</v>
      </c>
      <c r="C223">
        <v>7.5316859999999997</v>
      </c>
      <c r="D223">
        <f t="shared" si="12"/>
        <v>1.1060599999999994</v>
      </c>
      <c r="E223">
        <f t="shared" si="13"/>
        <v>30.141037000000097</v>
      </c>
      <c r="F223">
        <f t="shared" si="11"/>
        <v>2.3264777535298362E-2</v>
      </c>
    </row>
    <row r="224" spans="1:6" x14ac:dyDescent="0.2">
      <c r="A224">
        <v>1173.1316240000001</v>
      </c>
      <c r="B224">
        <v>19.876920999999999</v>
      </c>
      <c r="C224">
        <v>7.5366910000000003</v>
      </c>
      <c r="D224">
        <f t="shared" si="12"/>
        <v>1.111065</v>
      </c>
      <c r="E224">
        <f t="shared" si="13"/>
        <v>31.939066000000139</v>
      </c>
      <c r="F224">
        <f t="shared" si="11"/>
        <v>2.450394464314912E-2</v>
      </c>
    </row>
    <row r="225" spans="1:6" x14ac:dyDescent="0.2">
      <c r="A225">
        <v>1174.8327919999999</v>
      </c>
      <c r="B225">
        <v>19.88241</v>
      </c>
      <c r="C225">
        <v>7.541696</v>
      </c>
      <c r="D225">
        <f t="shared" si="12"/>
        <v>1.1160699999999997</v>
      </c>
      <c r="E225">
        <f t="shared" si="13"/>
        <v>33.640233999999964</v>
      </c>
      <c r="F225">
        <f t="shared" si="11"/>
        <v>2.5656151624818567E-2</v>
      </c>
    </row>
    <row r="226" spans="1:6" x14ac:dyDescent="0.2">
      <c r="A226">
        <v>1175.86537</v>
      </c>
      <c r="B226">
        <v>19.937408000000001</v>
      </c>
      <c r="C226">
        <v>7.5467009999999997</v>
      </c>
      <c r="D226">
        <f t="shared" si="12"/>
        <v>1.1210749999999994</v>
      </c>
      <c r="E226">
        <f t="shared" si="13"/>
        <v>34.672812000000022</v>
      </c>
      <c r="F226">
        <f t="shared" si="11"/>
        <v>2.6302485908740212E-2</v>
      </c>
    </row>
    <row r="227" spans="1:6" x14ac:dyDescent="0.2">
      <c r="A227">
        <v>1176.518624</v>
      </c>
      <c r="B227">
        <v>19.953970999999999</v>
      </c>
      <c r="C227">
        <v>7.5517060000000003</v>
      </c>
      <c r="D227">
        <f t="shared" si="12"/>
        <v>1.12608</v>
      </c>
      <c r="E227">
        <f t="shared" si="13"/>
        <v>35.326066000000083</v>
      </c>
      <c r="F227">
        <f t="shared" si="11"/>
        <v>2.6664118117063193E-2</v>
      </c>
    </row>
    <row r="228" spans="1:6" x14ac:dyDescent="0.2">
      <c r="A228">
        <v>1176.7878949999999</v>
      </c>
      <c r="B228">
        <v>19.983460999999998</v>
      </c>
      <c r="C228">
        <v>7.5567099999999998</v>
      </c>
      <c r="D228">
        <f t="shared" si="12"/>
        <v>1.1310839999999995</v>
      </c>
      <c r="E228">
        <f t="shared" si="13"/>
        <v>35.595336999999972</v>
      </c>
      <c r="F228">
        <f t="shared" si="11"/>
        <v>2.6742380116830687E-2</v>
      </c>
    </row>
    <row r="229" spans="1:6" x14ac:dyDescent="0.2">
      <c r="A229">
        <v>1176.919877</v>
      </c>
      <c r="B229">
        <v>19.994505</v>
      </c>
      <c r="C229">
        <v>7.5617150000000004</v>
      </c>
      <c r="D229">
        <f t="shared" si="12"/>
        <v>1.1360890000000001</v>
      </c>
      <c r="E229">
        <f t="shared" si="13"/>
        <v>35.72731900000008</v>
      </c>
      <c r="F229">
        <f t="shared" si="11"/>
        <v>2.6720290480635272E-2</v>
      </c>
    </row>
    <row r="230" spans="1:6" x14ac:dyDescent="0.2">
      <c r="A230">
        <v>1176.409928</v>
      </c>
      <c r="B230">
        <v>20.06288</v>
      </c>
      <c r="C230">
        <v>7.5667200000000001</v>
      </c>
      <c r="D230">
        <f t="shared" si="12"/>
        <v>1.1410939999999998</v>
      </c>
      <c r="E230">
        <f t="shared" si="13"/>
        <v>35.217370000000074</v>
      </c>
      <c r="F230">
        <f t="shared" si="11"/>
        <v>2.623474319553586E-2</v>
      </c>
    </row>
    <row r="231" spans="1:6" x14ac:dyDescent="0.2">
      <c r="A231">
        <v>1175.5620530000001</v>
      </c>
      <c r="B231">
        <v>20.072872</v>
      </c>
      <c r="C231">
        <v>7.5717249999999998</v>
      </c>
      <c r="D231">
        <f t="shared" si="12"/>
        <v>1.1460989999999995</v>
      </c>
      <c r="E231">
        <f t="shared" si="13"/>
        <v>34.369495000000143</v>
      </c>
      <c r="F231">
        <f t="shared" si="11"/>
        <v>2.5509706314054997E-2</v>
      </c>
    </row>
    <row r="232" spans="1:6" x14ac:dyDescent="0.2">
      <c r="A232">
        <v>1174.374849</v>
      </c>
      <c r="B232">
        <v>20.073765999999999</v>
      </c>
      <c r="C232">
        <v>7.5767300000000004</v>
      </c>
      <c r="D232">
        <f t="shared" si="12"/>
        <v>1.1511040000000001</v>
      </c>
      <c r="E232">
        <f t="shared" si="13"/>
        <v>33.182291000000077</v>
      </c>
      <c r="F232">
        <f t="shared" si="11"/>
        <v>2.4546244905155268E-2</v>
      </c>
    </row>
    <row r="233" spans="1:6" x14ac:dyDescent="0.2">
      <c r="A233">
        <v>1173.2485429999999</v>
      </c>
      <c r="B233">
        <v>20.091034000000001</v>
      </c>
      <c r="C233">
        <v>7.581734</v>
      </c>
      <c r="D233">
        <f t="shared" si="12"/>
        <v>1.1561079999999997</v>
      </c>
      <c r="E233">
        <f t="shared" si="13"/>
        <v>32.055984999999964</v>
      </c>
      <c r="F233">
        <f t="shared" si="11"/>
        <v>2.3633100196347352E-2</v>
      </c>
    </row>
    <row r="234" spans="1:6" x14ac:dyDescent="0.2">
      <c r="A234">
        <v>1172.2056560000001</v>
      </c>
      <c r="B234">
        <v>20.055916</v>
      </c>
      <c r="C234">
        <v>7.5867389999999997</v>
      </c>
      <c r="D234">
        <f t="shared" si="12"/>
        <v>1.1611129999999994</v>
      </c>
      <c r="E234">
        <f t="shared" si="13"/>
        <v>31.013098000000127</v>
      </c>
      <c r="F234">
        <f t="shared" si="11"/>
        <v>2.2785934856564247E-2</v>
      </c>
    </row>
    <row r="235" spans="1:6" x14ac:dyDescent="0.2">
      <c r="A235">
        <v>1171.349305</v>
      </c>
      <c r="B235">
        <v>20.069552000000002</v>
      </c>
      <c r="C235">
        <v>7.5917440000000003</v>
      </c>
      <c r="D235">
        <f t="shared" si="12"/>
        <v>1.166118</v>
      </c>
      <c r="E235">
        <f t="shared" si="13"/>
        <v>30.156746999999996</v>
      </c>
      <c r="F235">
        <f t="shared" si="11"/>
        <v>2.2077788530871383E-2</v>
      </c>
    </row>
    <row r="236" spans="1:6" x14ac:dyDescent="0.2">
      <c r="A236">
        <v>1170.3648969999999</v>
      </c>
      <c r="B236">
        <v>20.073605000000001</v>
      </c>
      <c r="C236">
        <v>7.596749</v>
      </c>
      <c r="D236">
        <f t="shared" si="12"/>
        <v>1.1711229999999997</v>
      </c>
      <c r="E236">
        <f t="shared" si="13"/>
        <v>29.172338999999965</v>
      </c>
      <c r="F236">
        <f t="shared" si="11"/>
        <v>2.1283715936282616E-2</v>
      </c>
    </row>
    <row r="237" spans="1:6" x14ac:dyDescent="0.2">
      <c r="A237">
        <v>1169.5166139999999</v>
      </c>
      <c r="B237">
        <v>20.049896</v>
      </c>
      <c r="C237">
        <v>7.6017539999999997</v>
      </c>
      <c r="D237">
        <f t="shared" si="12"/>
        <v>1.1761279999999994</v>
      </c>
      <c r="E237">
        <f t="shared" si="13"/>
        <v>28.324055999999928</v>
      </c>
      <c r="F237">
        <f t="shared" si="11"/>
        <v>2.0591807011706178E-2</v>
      </c>
    </row>
    <row r="238" spans="1:6" x14ac:dyDescent="0.2">
      <c r="A238">
        <v>1168.876518</v>
      </c>
      <c r="B238">
        <v>20.039118999999999</v>
      </c>
      <c r="C238">
        <v>7.6067580000000001</v>
      </c>
      <c r="D238">
        <f t="shared" si="12"/>
        <v>1.1811319999999998</v>
      </c>
      <c r="E238">
        <f t="shared" si="13"/>
        <v>27.68396000000007</v>
      </c>
      <c r="F238">
        <f t="shared" si="11"/>
        <v>2.0052159165105811E-2</v>
      </c>
    </row>
    <row r="239" spans="1:6" x14ac:dyDescent="0.2">
      <c r="A239">
        <v>1168.7186180000001</v>
      </c>
      <c r="B239">
        <v>19.990970000000001</v>
      </c>
      <c r="C239">
        <v>7.6117629999999998</v>
      </c>
      <c r="D239">
        <f t="shared" si="12"/>
        <v>1.1861369999999996</v>
      </c>
      <c r="E239">
        <f t="shared" si="13"/>
        <v>27.526060000000143</v>
      </c>
      <c r="F239">
        <f t="shared" si="11"/>
        <v>1.9856341630595388E-2</v>
      </c>
    </row>
    <row r="240" spans="1:6" x14ac:dyDescent="0.2">
      <c r="A240">
        <v>1169.387119</v>
      </c>
      <c r="B240">
        <v>19.933350000000001</v>
      </c>
      <c r="C240">
        <v>7.6167680000000004</v>
      </c>
      <c r="D240">
        <f t="shared" si="12"/>
        <v>1.1911420000000001</v>
      </c>
      <c r="E240">
        <f t="shared" si="13"/>
        <v>28.194561000000022</v>
      </c>
      <c r="F240">
        <f t="shared" si="11"/>
        <v>2.0241537288964488E-2</v>
      </c>
    </row>
    <row r="241" spans="1:6" x14ac:dyDescent="0.2">
      <c r="A241">
        <v>1170.3949270000001</v>
      </c>
      <c r="B241">
        <v>19.933327999999999</v>
      </c>
      <c r="C241">
        <v>7.6217730000000001</v>
      </c>
      <c r="D241">
        <f t="shared" si="12"/>
        <v>1.1961469999999998</v>
      </c>
      <c r="E241">
        <f t="shared" si="13"/>
        <v>29.20236900000009</v>
      </c>
      <c r="F241">
        <f t="shared" si="11"/>
        <v>2.0859365710742865E-2</v>
      </c>
    </row>
    <row r="242" spans="1:6" x14ac:dyDescent="0.2">
      <c r="A242">
        <v>1171.1856230000001</v>
      </c>
      <c r="B242">
        <v>19.946746000000001</v>
      </c>
      <c r="C242">
        <v>7.6267779999999998</v>
      </c>
      <c r="D242">
        <f t="shared" si="12"/>
        <v>1.2011519999999996</v>
      </c>
      <c r="E242">
        <f t="shared" si="13"/>
        <v>29.993065000000115</v>
      </c>
      <c r="F242">
        <f t="shared" si="11"/>
        <v>2.1320488318456142E-2</v>
      </c>
    </row>
    <row r="243" spans="1:6" x14ac:dyDescent="0.2">
      <c r="A243">
        <v>1171.5964750000001</v>
      </c>
      <c r="B243">
        <v>19.971733</v>
      </c>
      <c r="C243">
        <v>7.6317820000000003</v>
      </c>
      <c r="D243">
        <f t="shared" si="12"/>
        <v>1.206156</v>
      </c>
      <c r="E243">
        <f t="shared" si="13"/>
        <v>30.403917000000092</v>
      </c>
      <c r="F243">
        <f t="shared" si="11"/>
        <v>2.1515329441735356E-2</v>
      </c>
    </row>
    <row r="244" spans="1:6" x14ac:dyDescent="0.2">
      <c r="A244">
        <v>1172.2643439999999</v>
      </c>
      <c r="B244">
        <v>19.930685</v>
      </c>
      <c r="C244">
        <v>7.636787</v>
      </c>
      <c r="D244">
        <f t="shared" si="12"/>
        <v>1.2111609999999997</v>
      </c>
      <c r="E244">
        <f t="shared" si="13"/>
        <v>31.071785999999975</v>
      </c>
      <c r="F244">
        <f t="shared" si="11"/>
        <v>2.1884608596648633E-2</v>
      </c>
    </row>
    <row r="245" spans="1:6" x14ac:dyDescent="0.2">
      <c r="A245">
        <v>1173.0782369999999</v>
      </c>
      <c r="B245">
        <v>19.958773000000001</v>
      </c>
      <c r="C245">
        <v>7.6417919999999997</v>
      </c>
      <c r="D245">
        <f t="shared" si="12"/>
        <v>1.2161659999999994</v>
      </c>
      <c r="E245">
        <f t="shared" si="13"/>
        <v>31.885678999999982</v>
      </c>
      <c r="F245">
        <f t="shared" si="11"/>
        <v>2.2349912851244047E-2</v>
      </c>
    </row>
    <row r="246" spans="1:6" x14ac:dyDescent="0.2">
      <c r="A246">
        <v>1173.4365720000001</v>
      </c>
      <c r="B246">
        <v>19.961556999999999</v>
      </c>
      <c r="C246">
        <v>7.6467970000000003</v>
      </c>
      <c r="D246">
        <f t="shared" si="12"/>
        <v>1.221171</v>
      </c>
      <c r="E246">
        <f t="shared" si="13"/>
        <v>32.244014000000107</v>
      </c>
      <c r="F246">
        <f t="shared" si="11"/>
        <v>2.2501579226160858E-2</v>
      </c>
    </row>
    <row r="247" spans="1:6" x14ac:dyDescent="0.2">
      <c r="A247">
        <v>1173.9805530000001</v>
      </c>
      <c r="B247">
        <v>19.975822000000001</v>
      </c>
      <c r="C247">
        <v>7.651802</v>
      </c>
      <c r="D247">
        <f t="shared" si="12"/>
        <v>1.2261759999999997</v>
      </c>
      <c r="E247">
        <f t="shared" si="13"/>
        <v>32.787995000000137</v>
      </c>
      <c r="F247">
        <f t="shared" si="11"/>
        <v>2.277724251698612E-2</v>
      </c>
    </row>
    <row r="248" spans="1:6" x14ac:dyDescent="0.2">
      <c r="A248">
        <v>1174.4895730000001</v>
      </c>
      <c r="B248">
        <v>19.955577999999999</v>
      </c>
      <c r="C248">
        <v>7.6568059999999996</v>
      </c>
      <c r="D248">
        <f t="shared" si="12"/>
        <v>1.2311799999999993</v>
      </c>
      <c r="E248">
        <f t="shared" si="13"/>
        <v>33.297015000000101</v>
      </c>
      <c r="F248">
        <f t="shared" si="11"/>
        <v>2.3026852777351472E-2</v>
      </c>
    </row>
    <row r="249" spans="1:6" x14ac:dyDescent="0.2">
      <c r="A249">
        <v>1175.2008800000001</v>
      </c>
      <c r="B249">
        <v>19.945350999999999</v>
      </c>
      <c r="C249">
        <v>7.6618110000000001</v>
      </c>
      <c r="D249">
        <f t="shared" si="12"/>
        <v>1.2361849999999999</v>
      </c>
      <c r="E249">
        <f t="shared" si="13"/>
        <v>34.008322000000135</v>
      </c>
      <c r="F249">
        <f t="shared" si="11"/>
        <v>2.3409364637174523E-2</v>
      </c>
    </row>
    <row r="250" spans="1:6" x14ac:dyDescent="0.2">
      <c r="A250">
        <v>1175.663738</v>
      </c>
      <c r="B250">
        <v>19.960059999999999</v>
      </c>
      <c r="C250">
        <v>7.6668159999999999</v>
      </c>
      <c r="D250">
        <f t="shared" si="12"/>
        <v>1.2411899999999996</v>
      </c>
      <c r="E250">
        <f t="shared" si="13"/>
        <v>34.471180000000004</v>
      </c>
      <c r="F250">
        <f t="shared" si="11"/>
        <v>2.3622984185426851E-2</v>
      </c>
    </row>
    <row r="251" spans="1:6" x14ac:dyDescent="0.2">
      <c r="A251">
        <v>1175.9689550000001</v>
      </c>
      <c r="B251">
        <v>19.984891999999999</v>
      </c>
      <c r="C251">
        <v>7.6718209999999996</v>
      </c>
      <c r="D251">
        <f t="shared" si="12"/>
        <v>1.2461949999999993</v>
      </c>
      <c r="E251">
        <f t="shared" si="13"/>
        <v>34.776397000000088</v>
      </c>
      <c r="F251">
        <f t="shared" si="11"/>
        <v>2.3730272418436716E-2</v>
      </c>
    </row>
    <row r="252" spans="1:6" x14ac:dyDescent="0.2">
      <c r="A252">
        <v>1176.215913</v>
      </c>
      <c r="B252">
        <v>20.000454999999999</v>
      </c>
      <c r="C252">
        <v>7.6768260000000001</v>
      </c>
      <c r="D252">
        <f t="shared" si="12"/>
        <v>1.2511999999999999</v>
      </c>
      <c r="E252">
        <f t="shared" si="13"/>
        <v>35.023355000000038</v>
      </c>
      <c r="F252">
        <f t="shared" si="11"/>
        <v>2.3798191770097097E-2</v>
      </c>
    </row>
    <row r="253" spans="1:6" x14ac:dyDescent="0.2">
      <c r="A253">
        <v>1176.0887769999999</v>
      </c>
      <c r="B253">
        <v>20.012053999999999</v>
      </c>
      <c r="C253">
        <v>7.6818299999999997</v>
      </c>
      <c r="D253">
        <f t="shared" si="12"/>
        <v>1.2562039999999994</v>
      </c>
      <c r="E253">
        <f t="shared" si="13"/>
        <v>34.896218999999974</v>
      </c>
      <c r="F253">
        <f t="shared" si="11"/>
        <v>2.3619902259424785E-2</v>
      </c>
    </row>
    <row r="254" spans="1:6" x14ac:dyDescent="0.2">
      <c r="A254">
        <v>1175.7713530000001</v>
      </c>
      <c r="B254">
        <v>20.018025999999999</v>
      </c>
      <c r="C254">
        <v>7.6868350000000003</v>
      </c>
      <c r="D254">
        <f t="shared" si="12"/>
        <v>1.261209</v>
      </c>
      <c r="E254">
        <f t="shared" si="13"/>
        <v>34.578795000000127</v>
      </c>
      <c r="F254">
        <f t="shared" si="11"/>
        <v>2.3318462886216623E-2</v>
      </c>
    </row>
    <row r="255" spans="1:6" x14ac:dyDescent="0.2">
      <c r="A255">
        <v>1175.288399</v>
      </c>
      <c r="B255">
        <v>20.039248000000001</v>
      </c>
      <c r="C255">
        <v>7.69184</v>
      </c>
      <c r="D255">
        <f t="shared" si="12"/>
        <v>1.2662139999999997</v>
      </c>
      <c r="E255">
        <f t="shared" si="13"/>
        <v>34.095841000000064</v>
      </c>
      <c r="F255">
        <f t="shared" si="11"/>
        <v>2.2911306053114186E-2</v>
      </c>
    </row>
    <row r="256" spans="1:6" x14ac:dyDescent="0.2">
      <c r="A256">
        <v>1174.4083009999999</v>
      </c>
      <c r="B256">
        <v>20.061285000000002</v>
      </c>
      <c r="C256">
        <v>7.6968449999999997</v>
      </c>
      <c r="D256">
        <f t="shared" si="12"/>
        <v>1.2712189999999994</v>
      </c>
      <c r="E256">
        <f t="shared" si="13"/>
        <v>33.215742999999975</v>
      </c>
      <c r="F256">
        <f t="shared" si="11"/>
        <v>2.2248692002932152E-2</v>
      </c>
    </row>
    <row r="257" spans="1:6" x14ac:dyDescent="0.2">
      <c r="A257">
        <v>1173.8225050000001</v>
      </c>
      <c r="B257">
        <v>20.028473999999999</v>
      </c>
      <c r="C257">
        <v>7.7018500000000003</v>
      </c>
      <c r="D257">
        <f t="shared" si="12"/>
        <v>1.276224</v>
      </c>
      <c r="E257">
        <f t="shared" si="13"/>
        <v>32.629947000000129</v>
      </c>
      <c r="F257">
        <f t="shared" si="11"/>
        <v>2.1781462118506834E-2</v>
      </c>
    </row>
    <row r="258" spans="1:6" x14ac:dyDescent="0.2">
      <c r="A258">
        <v>1173.691384</v>
      </c>
      <c r="B258">
        <v>20.019296000000001</v>
      </c>
      <c r="C258">
        <v>7.7068539999999999</v>
      </c>
      <c r="D258">
        <f t="shared" si="12"/>
        <v>1.2812279999999996</v>
      </c>
      <c r="E258">
        <f t="shared" si="13"/>
        <v>32.498826000000008</v>
      </c>
      <c r="F258">
        <f t="shared" si="11"/>
        <v>2.1611620613095111E-2</v>
      </c>
    </row>
    <row r="259" spans="1:6" x14ac:dyDescent="0.2">
      <c r="A259">
        <v>1173.620038</v>
      </c>
      <c r="B259">
        <v>20.003489999999999</v>
      </c>
      <c r="C259">
        <v>7.7118589999999996</v>
      </c>
      <c r="D259">
        <f t="shared" si="12"/>
        <v>1.2862329999999993</v>
      </c>
      <c r="E259">
        <f t="shared" si="13"/>
        <v>32.42748000000006</v>
      </c>
      <c r="F259">
        <f t="shared" ref="F259:F322" si="14">(1/A259)*(E259/D259)</f>
        <v>2.1481570864200855E-2</v>
      </c>
    </row>
    <row r="260" spans="1:6" x14ac:dyDescent="0.2">
      <c r="A260">
        <v>1173.6034360000001</v>
      </c>
      <c r="B260">
        <v>19.98507</v>
      </c>
      <c r="C260">
        <v>7.7168640000000002</v>
      </c>
      <c r="D260">
        <f t="shared" si="12"/>
        <v>1.2912379999999999</v>
      </c>
      <c r="E260">
        <f t="shared" si="13"/>
        <v>32.410878000000139</v>
      </c>
      <c r="F260">
        <f t="shared" si="14"/>
        <v>2.1387652799224867E-2</v>
      </c>
    </row>
    <row r="261" spans="1:6" x14ac:dyDescent="0.2">
      <c r="A261">
        <v>1173.8143259999999</v>
      </c>
      <c r="B261">
        <v>19.975781000000001</v>
      </c>
      <c r="C261">
        <v>7.7218689999999999</v>
      </c>
      <c r="D261">
        <f t="shared" si="12"/>
        <v>1.2962429999999996</v>
      </c>
      <c r="E261">
        <f t="shared" si="13"/>
        <v>32.621767999999975</v>
      </c>
      <c r="F261">
        <f t="shared" si="14"/>
        <v>2.1439846172243825E-2</v>
      </c>
    </row>
    <row r="262" spans="1:6" x14ac:dyDescent="0.2">
      <c r="A262">
        <v>1174.413648</v>
      </c>
      <c r="B262">
        <v>19.945758000000001</v>
      </c>
      <c r="C262">
        <v>7.7268739999999996</v>
      </c>
      <c r="D262">
        <f t="shared" si="12"/>
        <v>1.3012479999999993</v>
      </c>
      <c r="E262">
        <f t="shared" si="13"/>
        <v>33.221090000000004</v>
      </c>
      <c r="F262">
        <f t="shared" si="14"/>
        <v>2.1738657150520223E-2</v>
      </c>
    </row>
    <row r="263" spans="1:6" x14ac:dyDescent="0.2">
      <c r="A263">
        <v>1175.128637</v>
      </c>
      <c r="B263">
        <v>19.958756000000001</v>
      </c>
      <c r="C263">
        <v>7.731878</v>
      </c>
      <c r="D263">
        <f t="shared" ref="D263:D326" si="15">C263-$C$2</f>
        <v>1.3062519999999997</v>
      </c>
      <c r="E263">
        <f t="shared" ref="E263:E326" si="16">A263-$A$2</f>
        <v>33.936079000000063</v>
      </c>
      <c r="F263">
        <f t="shared" si="14"/>
        <v>2.2107991245852571E-2</v>
      </c>
    </row>
    <row r="264" spans="1:6" x14ac:dyDescent="0.2">
      <c r="A264">
        <v>1175.49756</v>
      </c>
      <c r="B264">
        <v>19.979555999999999</v>
      </c>
      <c r="C264">
        <v>7.7368829999999997</v>
      </c>
      <c r="D264">
        <f t="shared" si="15"/>
        <v>1.3112569999999995</v>
      </c>
      <c r="E264">
        <f t="shared" si="16"/>
        <v>34.305002000000059</v>
      </c>
      <c r="F264">
        <f t="shared" si="14"/>
        <v>2.2256040213229293E-2</v>
      </c>
    </row>
    <row r="265" spans="1:6" x14ac:dyDescent="0.2">
      <c r="A265">
        <v>1175.45057</v>
      </c>
      <c r="B265">
        <v>19.987587000000001</v>
      </c>
      <c r="C265">
        <v>7.7418880000000003</v>
      </c>
      <c r="D265">
        <f t="shared" si="15"/>
        <v>1.316262</v>
      </c>
      <c r="E265">
        <f t="shared" si="16"/>
        <v>34.258012000000008</v>
      </c>
      <c r="F265">
        <f t="shared" si="14"/>
        <v>2.2141928431980474E-2</v>
      </c>
    </row>
    <row r="266" spans="1:6" x14ac:dyDescent="0.2">
      <c r="A266">
        <v>1175.5881730000001</v>
      </c>
      <c r="B266">
        <v>19.994691</v>
      </c>
      <c r="C266">
        <v>7.746893</v>
      </c>
      <c r="D266">
        <f t="shared" si="15"/>
        <v>1.3212669999999997</v>
      </c>
      <c r="E266">
        <f t="shared" si="16"/>
        <v>34.395615000000134</v>
      </c>
      <c r="F266">
        <f t="shared" si="14"/>
        <v>2.2144061694339429E-2</v>
      </c>
    </row>
    <row r="267" spans="1:6" x14ac:dyDescent="0.2">
      <c r="A267">
        <v>1176.163609</v>
      </c>
      <c r="B267">
        <v>19.949798000000001</v>
      </c>
      <c r="C267">
        <v>7.7518979999999997</v>
      </c>
      <c r="D267">
        <f t="shared" si="15"/>
        <v>1.3262719999999995</v>
      </c>
      <c r="E267">
        <f t="shared" si="16"/>
        <v>34.971050999999989</v>
      </c>
      <c r="F267">
        <f t="shared" si="14"/>
        <v>2.241859263495247E-2</v>
      </c>
    </row>
    <row r="268" spans="1:6" x14ac:dyDescent="0.2">
      <c r="A268">
        <v>1176.4921360000001</v>
      </c>
      <c r="B268">
        <v>19.983321</v>
      </c>
      <c r="C268">
        <v>7.7569020000000002</v>
      </c>
      <c r="D268">
        <f t="shared" si="15"/>
        <v>1.3312759999999999</v>
      </c>
      <c r="E268">
        <f t="shared" si="16"/>
        <v>35.29957800000011</v>
      </c>
      <c r="F268">
        <f t="shared" si="14"/>
        <v>2.253784471218373E-2</v>
      </c>
    </row>
    <row r="269" spans="1:6" x14ac:dyDescent="0.2">
      <c r="A269">
        <v>1177.087753</v>
      </c>
      <c r="B269">
        <v>19.938683999999999</v>
      </c>
      <c r="C269">
        <v>7.7619069999999999</v>
      </c>
      <c r="D269">
        <f t="shared" si="15"/>
        <v>1.3362809999999996</v>
      </c>
      <c r="E269">
        <f t="shared" si="16"/>
        <v>35.895195000000058</v>
      </c>
      <c r="F269">
        <f t="shared" si="14"/>
        <v>2.2820737868174266E-2</v>
      </c>
    </row>
    <row r="270" spans="1:6" x14ac:dyDescent="0.2">
      <c r="A270">
        <v>1177.8326709999999</v>
      </c>
      <c r="B270">
        <v>19.951837999999999</v>
      </c>
      <c r="C270">
        <v>7.7669119999999996</v>
      </c>
      <c r="D270">
        <f t="shared" si="15"/>
        <v>1.3412859999999993</v>
      </c>
      <c r="E270">
        <f t="shared" si="16"/>
        <v>36.640112999999928</v>
      </c>
      <c r="F270">
        <f t="shared" si="14"/>
        <v>2.3192727007727926E-2</v>
      </c>
    </row>
    <row r="271" spans="1:6" x14ac:dyDescent="0.2">
      <c r="A271">
        <v>1178.112543</v>
      </c>
      <c r="B271">
        <v>19.993711999999999</v>
      </c>
      <c r="C271">
        <v>7.7719170000000002</v>
      </c>
      <c r="D271">
        <f t="shared" si="15"/>
        <v>1.3462909999999999</v>
      </c>
      <c r="E271">
        <f t="shared" si="16"/>
        <v>36.919984999999997</v>
      </c>
      <c r="F271">
        <f t="shared" si="14"/>
        <v>2.3277470962745329E-2</v>
      </c>
    </row>
    <row r="272" spans="1:6" x14ac:dyDescent="0.2">
      <c r="A272">
        <v>1178.4194130000001</v>
      </c>
      <c r="B272">
        <v>19.987653000000002</v>
      </c>
      <c r="C272">
        <v>7.7769219999999999</v>
      </c>
      <c r="D272">
        <f t="shared" si="15"/>
        <v>1.3512959999999996</v>
      </c>
      <c r="E272">
        <f t="shared" si="16"/>
        <v>37.226855000000114</v>
      </c>
      <c r="F272">
        <f t="shared" si="14"/>
        <v>2.3377925383078729E-2</v>
      </c>
    </row>
    <row r="273" spans="1:6" x14ac:dyDescent="0.2">
      <c r="A273">
        <v>1178.395346</v>
      </c>
      <c r="B273">
        <v>20.001642</v>
      </c>
      <c r="C273">
        <v>7.7819260000000003</v>
      </c>
      <c r="D273">
        <f t="shared" si="15"/>
        <v>1.3563000000000001</v>
      </c>
      <c r="E273">
        <f t="shared" si="16"/>
        <v>37.202788000000055</v>
      </c>
      <c r="F273">
        <f t="shared" si="14"/>
        <v>2.3277091139068534E-2</v>
      </c>
    </row>
    <row r="274" spans="1:6" x14ac:dyDescent="0.2">
      <c r="A274">
        <v>1178.0990529999999</v>
      </c>
      <c r="B274">
        <v>20.021754999999999</v>
      </c>
      <c r="C274">
        <v>7.786931</v>
      </c>
      <c r="D274">
        <f t="shared" si="15"/>
        <v>1.3613049999999998</v>
      </c>
      <c r="E274">
        <f t="shared" si="16"/>
        <v>36.90649499999995</v>
      </c>
      <c r="F274">
        <f t="shared" si="14"/>
        <v>2.3012592955413403E-2</v>
      </c>
    </row>
    <row r="275" spans="1:6" x14ac:dyDescent="0.2">
      <c r="A275">
        <v>1177.969355</v>
      </c>
      <c r="B275">
        <v>19.994657</v>
      </c>
      <c r="C275">
        <v>7.7919359999999998</v>
      </c>
      <c r="D275">
        <f t="shared" si="15"/>
        <v>1.3663099999999995</v>
      </c>
      <c r="E275">
        <f t="shared" si="16"/>
        <v>36.776796999999988</v>
      </c>
      <c r="F275">
        <f t="shared" si="14"/>
        <v>2.2850234598480349E-2</v>
      </c>
    </row>
    <row r="276" spans="1:6" x14ac:dyDescent="0.2">
      <c r="A276">
        <v>1177.8110750000001</v>
      </c>
      <c r="B276">
        <v>20.019804000000001</v>
      </c>
      <c r="C276">
        <v>7.7969410000000003</v>
      </c>
      <c r="D276">
        <f t="shared" si="15"/>
        <v>1.3713150000000001</v>
      </c>
      <c r="E276">
        <f t="shared" si="16"/>
        <v>36.618517000000111</v>
      </c>
      <c r="F276">
        <f t="shared" si="14"/>
        <v>2.2671898665090565E-2</v>
      </c>
    </row>
    <row r="277" spans="1:6" x14ac:dyDescent="0.2">
      <c r="A277">
        <v>1177.331373</v>
      </c>
      <c r="B277">
        <v>20.039929999999998</v>
      </c>
      <c r="C277">
        <v>7.801946</v>
      </c>
      <c r="D277">
        <f t="shared" si="15"/>
        <v>1.3763199999999998</v>
      </c>
      <c r="E277">
        <f t="shared" si="16"/>
        <v>36.138815000000022</v>
      </c>
      <c r="F277">
        <f t="shared" si="14"/>
        <v>2.2302614100868725E-2</v>
      </c>
    </row>
    <row r="278" spans="1:6" x14ac:dyDescent="0.2">
      <c r="A278">
        <v>1176.6281019999999</v>
      </c>
      <c r="B278">
        <v>20.056773</v>
      </c>
      <c r="C278">
        <v>7.8069499999999996</v>
      </c>
      <c r="D278">
        <f t="shared" si="15"/>
        <v>1.3813239999999993</v>
      </c>
      <c r="E278">
        <f t="shared" si="16"/>
        <v>35.435543999999936</v>
      </c>
      <c r="F278">
        <f t="shared" si="14"/>
        <v>2.1802401351175022E-2</v>
      </c>
    </row>
    <row r="279" spans="1:6" x14ac:dyDescent="0.2">
      <c r="A279">
        <v>1176.358794</v>
      </c>
      <c r="B279">
        <v>19.994316000000001</v>
      </c>
      <c r="C279">
        <v>7.8119550000000002</v>
      </c>
      <c r="D279">
        <f t="shared" si="15"/>
        <v>1.3863289999999999</v>
      </c>
      <c r="E279">
        <f t="shared" si="16"/>
        <v>35.166236000000026</v>
      </c>
      <c r="F279">
        <f t="shared" si="14"/>
        <v>2.1563525897363382E-2</v>
      </c>
    </row>
    <row r="280" spans="1:6" x14ac:dyDescent="0.2">
      <c r="A280">
        <v>1175.828299</v>
      </c>
      <c r="B280">
        <v>20.050984</v>
      </c>
      <c r="C280">
        <v>7.8169599999999999</v>
      </c>
      <c r="D280">
        <f t="shared" si="15"/>
        <v>1.3913339999999996</v>
      </c>
      <c r="E280">
        <f t="shared" si="16"/>
        <v>34.635741000000053</v>
      </c>
      <c r="F280">
        <f t="shared" si="14"/>
        <v>2.1171380475789658E-2</v>
      </c>
    </row>
    <row r="281" spans="1:6" x14ac:dyDescent="0.2">
      <c r="A281">
        <v>1175.2760599999999</v>
      </c>
      <c r="B281">
        <v>20.023593000000002</v>
      </c>
      <c r="C281">
        <v>7.8219649999999996</v>
      </c>
      <c r="D281">
        <f t="shared" si="15"/>
        <v>1.3963389999999993</v>
      </c>
      <c r="E281">
        <f t="shared" si="16"/>
        <v>34.083501999999953</v>
      </c>
      <c r="F281">
        <f t="shared" si="14"/>
        <v>2.0768897989478785E-2</v>
      </c>
    </row>
    <row r="282" spans="1:6" x14ac:dyDescent="0.2">
      <c r="A282">
        <v>1174.9283009999999</v>
      </c>
      <c r="B282">
        <v>20.035098999999999</v>
      </c>
      <c r="C282">
        <v>7.8269700000000002</v>
      </c>
      <c r="D282">
        <f t="shared" si="15"/>
        <v>1.4013439999999999</v>
      </c>
      <c r="E282">
        <f t="shared" si="16"/>
        <v>33.735742999999957</v>
      </c>
      <c r="F282">
        <f t="shared" si="14"/>
        <v>2.0489631895639092E-2</v>
      </c>
    </row>
    <row r="283" spans="1:6" x14ac:dyDescent="0.2">
      <c r="A283">
        <v>1175.0443499999999</v>
      </c>
      <c r="B283">
        <v>19.960986999999999</v>
      </c>
      <c r="C283">
        <v>7.8319739999999998</v>
      </c>
      <c r="D283">
        <f t="shared" si="15"/>
        <v>1.4063479999999995</v>
      </c>
      <c r="E283">
        <f t="shared" si="16"/>
        <v>33.851791999999932</v>
      </c>
      <c r="F283">
        <f t="shared" si="14"/>
        <v>2.0484935705898752E-2</v>
      </c>
    </row>
    <row r="284" spans="1:6" x14ac:dyDescent="0.2">
      <c r="A284">
        <v>1175.371627</v>
      </c>
      <c r="B284">
        <v>19.982579999999999</v>
      </c>
      <c r="C284">
        <v>7.8369790000000004</v>
      </c>
      <c r="D284">
        <f t="shared" si="15"/>
        <v>1.4113530000000001</v>
      </c>
      <c r="E284">
        <f t="shared" si="16"/>
        <v>34.179069000000027</v>
      </c>
      <c r="F284">
        <f t="shared" si="14"/>
        <v>2.0603897244249689E-2</v>
      </c>
    </row>
    <row r="285" spans="1:6" x14ac:dyDescent="0.2">
      <c r="A285">
        <v>1175.829244</v>
      </c>
      <c r="B285">
        <v>19.967255999999999</v>
      </c>
      <c r="C285">
        <v>7.8419840000000001</v>
      </c>
      <c r="D285">
        <f t="shared" si="15"/>
        <v>1.4163579999999998</v>
      </c>
      <c r="E285">
        <f t="shared" si="16"/>
        <v>34.636686000000054</v>
      </c>
      <c r="F285">
        <f t="shared" si="14"/>
        <v>2.0797878429901669E-2</v>
      </c>
    </row>
    <row r="286" spans="1:6" x14ac:dyDescent="0.2">
      <c r="A286">
        <v>1175.924974</v>
      </c>
      <c r="B286">
        <v>19.987617</v>
      </c>
      <c r="C286">
        <v>7.8469889999999998</v>
      </c>
      <c r="D286">
        <f t="shared" si="15"/>
        <v>1.4213629999999995</v>
      </c>
      <c r="E286">
        <f t="shared" si="16"/>
        <v>34.732416000000057</v>
      </c>
      <c r="F286">
        <f t="shared" si="14"/>
        <v>2.0780231150995358E-2</v>
      </c>
    </row>
    <row r="287" spans="1:6" x14ac:dyDescent="0.2">
      <c r="A287">
        <v>1176.3946570000001</v>
      </c>
      <c r="B287">
        <v>19.950067000000001</v>
      </c>
      <c r="C287">
        <v>7.8519940000000004</v>
      </c>
      <c r="D287">
        <f t="shared" si="15"/>
        <v>1.4263680000000001</v>
      </c>
      <c r="E287">
        <f t="shared" si="16"/>
        <v>35.202099000000089</v>
      </c>
      <c r="F287">
        <f t="shared" si="14"/>
        <v>2.0978958777102725E-2</v>
      </c>
    </row>
    <row r="288" spans="1:6" x14ac:dyDescent="0.2">
      <c r="A288">
        <v>1177.2146479999999</v>
      </c>
      <c r="B288">
        <v>19.940856</v>
      </c>
      <c r="C288">
        <v>7.8569979999999999</v>
      </c>
      <c r="D288">
        <f t="shared" si="15"/>
        <v>1.4313719999999996</v>
      </c>
      <c r="E288">
        <f t="shared" si="16"/>
        <v>36.022089999999935</v>
      </c>
      <c r="F288">
        <f t="shared" si="14"/>
        <v>2.1377687889586983E-2</v>
      </c>
    </row>
    <row r="289" spans="1:6" x14ac:dyDescent="0.2">
      <c r="A289">
        <v>1178.3182939999999</v>
      </c>
      <c r="B289">
        <v>19.922008999999999</v>
      </c>
      <c r="C289">
        <v>7.8620029999999996</v>
      </c>
      <c r="D289">
        <f t="shared" si="15"/>
        <v>1.4363769999999993</v>
      </c>
      <c r="E289">
        <f t="shared" si="16"/>
        <v>37.125735999999961</v>
      </c>
      <c r="F289">
        <f t="shared" si="14"/>
        <v>2.1935321763829913E-2</v>
      </c>
    </row>
    <row r="290" spans="1:6" x14ac:dyDescent="0.2">
      <c r="A290">
        <v>1179.2735680000001</v>
      </c>
      <c r="B290">
        <v>19.946691999999999</v>
      </c>
      <c r="C290">
        <v>7.8670080000000002</v>
      </c>
      <c r="D290">
        <f t="shared" si="15"/>
        <v>1.4413819999999999</v>
      </c>
      <c r="E290">
        <f t="shared" si="16"/>
        <v>38.081010000000106</v>
      </c>
      <c r="F290">
        <f t="shared" si="14"/>
        <v>2.2403444705713406E-2</v>
      </c>
    </row>
    <row r="291" spans="1:6" x14ac:dyDescent="0.2">
      <c r="A291">
        <v>1179.680646</v>
      </c>
      <c r="B291">
        <v>19.984698000000002</v>
      </c>
      <c r="C291">
        <v>7.8720129999999999</v>
      </c>
      <c r="D291">
        <f t="shared" si="15"/>
        <v>1.4463869999999996</v>
      </c>
      <c r="E291">
        <f t="shared" si="16"/>
        <v>38.488088000000062</v>
      </c>
      <c r="F291">
        <f t="shared" si="14"/>
        <v>2.2556793967756453E-2</v>
      </c>
    </row>
    <row r="292" spans="1:6" x14ac:dyDescent="0.2">
      <c r="A292">
        <v>1179.8121900000001</v>
      </c>
      <c r="B292">
        <v>19.973837</v>
      </c>
      <c r="C292">
        <v>7.8770179999999996</v>
      </c>
      <c r="D292">
        <f t="shared" si="15"/>
        <v>1.4513919999999993</v>
      </c>
      <c r="E292">
        <f t="shared" si="16"/>
        <v>38.619632000000138</v>
      </c>
      <c r="F292">
        <f t="shared" si="14"/>
        <v>2.2553322345545693E-2</v>
      </c>
    </row>
    <row r="293" spans="1:6" x14ac:dyDescent="0.2">
      <c r="A293">
        <v>1179.8199030000001</v>
      </c>
      <c r="B293">
        <v>19.995615000000001</v>
      </c>
      <c r="C293">
        <v>7.8820220000000001</v>
      </c>
      <c r="D293">
        <f t="shared" si="15"/>
        <v>1.4563959999999998</v>
      </c>
      <c r="E293">
        <f t="shared" si="16"/>
        <v>38.627345000000105</v>
      </c>
      <c r="F293">
        <f t="shared" si="14"/>
        <v>2.2480173709329677E-2</v>
      </c>
    </row>
    <row r="294" spans="1:6" x14ac:dyDescent="0.2">
      <c r="A294">
        <v>1179.5907910000001</v>
      </c>
      <c r="B294">
        <v>20.039670999999998</v>
      </c>
      <c r="C294">
        <v>7.8870269999999998</v>
      </c>
      <c r="D294">
        <f t="shared" si="15"/>
        <v>1.4614009999999995</v>
      </c>
      <c r="E294">
        <f t="shared" si="16"/>
        <v>38.398233000000118</v>
      </c>
      <c r="F294">
        <f t="shared" si="14"/>
        <v>2.227462831929105E-2</v>
      </c>
    </row>
    <row r="295" spans="1:6" x14ac:dyDescent="0.2">
      <c r="A295">
        <v>1179.11295</v>
      </c>
      <c r="B295">
        <v>20.023886999999998</v>
      </c>
      <c r="C295">
        <v>7.8920320000000004</v>
      </c>
      <c r="D295">
        <f t="shared" si="15"/>
        <v>1.4664060000000001</v>
      </c>
      <c r="E295">
        <f t="shared" si="16"/>
        <v>37.920391999999993</v>
      </c>
      <c r="F295">
        <f t="shared" si="14"/>
        <v>2.1931239623351036E-2</v>
      </c>
    </row>
    <row r="296" spans="1:6" x14ac:dyDescent="0.2">
      <c r="A296">
        <v>1178.8448780000001</v>
      </c>
      <c r="B296">
        <v>20.018498999999998</v>
      </c>
      <c r="C296">
        <v>7.8970370000000001</v>
      </c>
      <c r="D296">
        <f t="shared" si="15"/>
        <v>1.4714109999999998</v>
      </c>
      <c r="E296">
        <f t="shared" si="16"/>
        <v>37.652320000000145</v>
      </c>
      <c r="F296">
        <f t="shared" si="14"/>
        <v>2.1707063751860666E-2</v>
      </c>
    </row>
    <row r="297" spans="1:6" x14ac:dyDescent="0.2">
      <c r="A297">
        <v>1178.497689</v>
      </c>
      <c r="B297">
        <v>20.038094000000001</v>
      </c>
      <c r="C297">
        <v>7.9020419999999998</v>
      </c>
      <c r="D297">
        <f t="shared" si="15"/>
        <v>1.4764159999999995</v>
      </c>
      <c r="E297">
        <f t="shared" si="16"/>
        <v>37.305131000000074</v>
      </c>
      <c r="F297">
        <f t="shared" si="14"/>
        <v>2.1440311516823973E-2</v>
      </c>
    </row>
    <row r="298" spans="1:6" x14ac:dyDescent="0.2">
      <c r="A298">
        <v>1177.674804</v>
      </c>
      <c r="B298">
        <v>20.054417999999998</v>
      </c>
      <c r="C298">
        <v>7.9070460000000002</v>
      </c>
      <c r="D298">
        <f t="shared" si="15"/>
        <v>1.48142</v>
      </c>
      <c r="E298">
        <f t="shared" si="16"/>
        <v>36.482246000000032</v>
      </c>
      <c r="F298">
        <f t="shared" si="14"/>
        <v>2.0911153034508797E-2</v>
      </c>
    </row>
    <row r="299" spans="1:6" x14ac:dyDescent="0.2">
      <c r="A299">
        <v>1176.892699</v>
      </c>
      <c r="B299">
        <v>20.061927000000001</v>
      </c>
      <c r="C299">
        <v>7.9120509999999999</v>
      </c>
      <c r="D299">
        <f t="shared" si="15"/>
        <v>1.4864249999999997</v>
      </c>
      <c r="E299">
        <f t="shared" si="16"/>
        <v>35.700141000000031</v>
      </c>
      <c r="F299">
        <f t="shared" si="14"/>
        <v>2.0407512053108208E-2</v>
      </c>
    </row>
    <row r="300" spans="1:6" x14ac:dyDescent="0.2">
      <c r="A300">
        <v>1176.327196</v>
      </c>
      <c r="B300">
        <v>20.024006</v>
      </c>
      <c r="C300">
        <v>7.9170559999999996</v>
      </c>
      <c r="D300">
        <f t="shared" si="15"/>
        <v>1.4914299999999994</v>
      </c>
      <c r="E300">
        <f t="shared" si="16"/>
        <v>35.134637999999995</v>
      </c>
      <c r="F300">
        <f t="shared" si="14"/>
        <v>2.0026473065094461E-2</v>
      </c>
    </row>
    <row r="301" spans="1:6" x14ac:dyDescent="0.2">
      <c r="A301">
        <v>1176.2852310000001</v>
      </c>
      <c r="B301">
        <v>19.990963000000001</v>
      </c>
      <c r="C301">
        <v>7.9220610000000002</v>
      </c>
      <c r="D301">
        <f t="shared" si="15"/>
        <v>1.496435</v>
      </c>
      <c r="E301">
        <f t="shared" si="16"/>
        <v>35.092673000000104</v>
      </c>
      <c r="F301">
        <f t="shared" si="14"/>
        <v>1.9936363706056344E-2</v>
      </c>
    </row>
    <row r="302" spans="1:6" x14ac:dyDescent="0.2">
      <c r="A302">
        <v>1176.026302</v>
      </c>
      <c r="B302">
        <v>20.029714999999999</v>
      </c>
      <c r="C302">
        <v>7.9270659999999999</v>
      </c>
      <c r="D302">
        <f t="shared" si="15"/>
        <v>1.5014399999999997</v>
      </c>
      <c r="E302">
        <f t="shared" si="16"/>
        <v>34.833744000000024</v>
      </c>
      <c r="F302">
        <f t="shared" si="14"/>
        <v>1.9727640228548445E-2</v>
      </c>
    </row>
    <row r="303" spans="1:6" x14ac:dyDescent="0.2">
      <c r="A303">
        <v>1175.4992890000001</v>
      </c>
      <c r="B303">
        <v>20.032727000000001</v>
      </c>
      <c r="C303">
        <v>7.9320700000000004</v>
      </c>
      <c r="D303">
        <f t="shared" si="15"/>
        <v>1.5064440000000001</v>
      </c>
      <c r="E303">
        <f t="shared" si="16"/>
        <v>34.306731000000127</v>
      </c>
      <c r="F303">
        <f t="shared" si="14"/>
        <v>1.9373316539761591E-2</v>
      </c>
    </row>
    <row r="304" spans="1:6" x14ac:dyDescent="0.2">
      <c r="A304">
        <v>1175.0484980000001</v>
      </c>
      <c r="B304">
        <v>20.026423000000001</v>
      </c>
      <c r="C304">
        <v>7.9370750000000001</v>
      </c>
      <c r="D304">
        <f t="shared" si="15"/>
        <v>1.5114489999999998</v>
      </c>
      <c r="E304">
        <f t="shared" si="16"/>
        <v>33.855940000000146</v>
      </c>
      <c r="F304">
        <f t="shared" si="14"/>
        <v>1.9062751524968797E-2</v>
      </c>
    </row>
    <row r="305" spans="1:6" x14ac:dyDescent="0.2">
      <c r="A305">
        <v>1174.7652680000001</v>
      </c>
      <c r="B305">
        <v>20.019335000000002</v>
      </c>
      <c r="C305">
        <v>7.9420799999999998</v>
      </c>
      <c r="D305">
        <f t="shared" si="15"/>
        <v>1.5164539999999995</v>
      </c>
      <c r="E305">
        <f t="shared" si="16"/>
        <v>33.572710000000143</v>
      </c>
      <c r="F305">
        <f t="shared" si="14"/>
        <v>1.8845430376604452E-2</v>
      </c>
    </row>
    <row r="306" spans="1:6" x14ac:dyDescent="0.2">
      <c r="A306">
        <v>1174.9690660000001</v>
      </c>
      <c r="B306">
        <v>19.972276000000001</v>
      </c>
      <c r="C306">
        <v>7.9470850000000004</v>
      </c>
      <c r="D306">
        <f t="shared" si="15"/>
        <v>1.5214590000000001</v>
      </c>
      <c r="E306">
        <f t="shared" si="16"/>
        <v>33.776508000000149</v>
      </c>
      <c r="F306">
        <f t="shared" si="14"/>
        <v>1.8894180562696757E-2</v>
      </c>
    </row>
    <row r="307" spans="1:6" x14ac:dyDescent="0.2">
      <c r="A307">
        <v>1175.1502399999999</v>
      </c>
      <c r="B307">
        <v>19.99625</v>
      </c>
      <c r="C307">
        <v>7.9520900000000001</v>
      </c>
      <c r="D307">
        <f t="shared" si="15"/>
        <v>1.5264639999999998</v>
      </c>
      <c r="E307">
        <f t="shared" si="16"/>
        <v>33.957681999999977</v>
      </c>
      <c r="F307">
        <f t="shared" si="14"/>
        <v>1.8930325301850345E-2</v>
      </c>
    </row>
    <row r="308" spans="1:6" x14ac:dyDescent="0.2">
      <c r="A308">
        <v>1175.1094399999999</v>
      </c>
      <c r="B308">
        <v>20.008842999999999</v>
      </c>
      <c r="C308">
        <v>7.9570939999999997</v>
      </c>
      <c r="D308">
        <f t="shared" si="15"/>
        <v>1.5314679999999994</v>
      </c>
      <c r="E308">
        <f t="shared" si="16"/>
        <v>33.916881999999987</v>
      </c>
      <c r="F308">
        <f t="shared" si="14"/>
        <v>1.8846455297255919E-2</v>
      </c>
    </row>
    <row r="309" spans="1:6" x14ac:dyDescent="0.2">
      <c r="A309">
        <v>1175.1266089999999</v>
      </c>
      <c r="B309">
        <v>19.989317</v>
      </c>
      <c r="C309">
        <v>7.9620990000000003</v>
      </c>
      <c r="D309">
        <f t="shared" si="15"/>
        <v>1.536473</v>
      </c>
      <c r="E309">
        <f t="shared" si="16"/>
        <v>33.934050999999954</v>
      </c>
      <c r="F309">
        <f t="shared" si="14"/>
        <v>1.8794298270951998E-2</v>
      </c>
    </row>
    <row r="310" spans="1:6" x14ac:dyDescent="0.2">
      <c r="A310">
        <v>1175.2209949999999</v>
      </c>
      <c r="B310">
        <v>19.995709000000002</v>
      </c>
      <c r="C310">
        <v>7.967104</v>
      </c>
      <c r="D310">
        <f t="shared" si="15"/>
        <v>1.5414779999999997</v>
      </c>
      <c r="E310">
        <f t="shared" si="16"/>
        <v>34.02843699999994</v>
      </c>
      <c r="F310">
        <f t="shared" si="14"/>
        <v>1.878387239244415E-2</v>
      </c>
    </row>
    <row r="311" spans="1:6" x14ac:dyDescent="0.2">
      <c r="A311">
        <v>1175.412319</v>
      </c>
      <c r="B311">
        <v>19.976044000000002</v>
      </c>
      <c r="C311">
        <v>7.9721089999999997</v>
      </c>
      <c r="D311">
        <f t="shared" si="15"/>
        <v>1.5464829999999994</v>
      </c>
      <c r="E311">
        <f t="shared" si="16"/>
        <v>34.219761000000062</v>
      </c>
      <c r="F311">
        <f t="shared" si="14"/>
        <v>1.8825286032730426E-2</v>
      </c>
    </row>
    <row r="312" spans="1:6" x14ac:dyDescent="0.2">
      <c r="A312">
        <v>1175.6730150000001</v>
      </c>
      <c r="B312">
        <v>19.970172999999999</v>
      </c>
      <c r="C312">
        <v>7.9771140000000003</v>
      </c>
      <c r="D312">
        <f t="shared" si="15"/>
        <v>1.551488</v>
      </c>
      <c r="E312">
        <f t="shared" si="16"/>
        <v>34.480457000000115</v>
      </c>
      <c r="F312">
        <f t="shared" si="14"/>
        <v>1.8903318090445709E-2</v>
      </c>
    </row>
    <row r="313" spans="1:6" x14ac:dyDescent="0.2">
      <c r="A313">
        <v>1176.2861009999999</v>
      </c>
      <c r="B313">
        <v>19.947562999999999</v>
      </c>
      <c r="C313">
        <v>7.9821179999999998</v>
      </c>
      <c r="D313">
        <f t="shared" si="15"/>
        <v>1.5564919999999995</v>
      </c>
      <c r="E313">
        <f t="shared" si="16"/>
        <v>35.093542999999954</v>
      </c>
      <c r="F313">
        <f t="shared" si="14"/>
        <v>1.9167583240480224E-2</v>
      </c>
    </row>
    <row r="314" spans="1:6" x14ac:dyDescent="0.2">
      <c r="A314">
        <v>1176.7173660000001</v>
      </c>
      <c r="B314">
        <v>19.998339000000001</v>
      </c>
      <c r="C314">
        <v>7.9871230000000004</v>
      </c>
      <c r="D314">
        <f t="shared" si="15"/>
        <v>1.5614970000000001</v>
      </c>
      <c r="E314">
        <f t="shared" si="16"/>
        <v>35.524808000000121</v>
      </c>
      <c r="F314">
        <f t="shared" si="14"/>
        <v>1.9333853452141076E-2</v>
      </c>
    </row>
    <row r="315" spans="1:6" x14ac:dyDescent="0.2">
      <c r="A315">
        <v>1176.916606</v>
      </c>
      <c r="B315">
        <v>19.962557</v>
      </c>
      <c r="C315">
        <v>7.9921280000000001</v>
      </c>
      <c r="D315">
        <f t="shared" si="15"/>
        <v>1.5665019999999998</v>
      </c>
      <c r="E315">
        <f t="shared" si="16"/>
        <v>35.724048000000039</v>
      </c>
      <c r="F315">
        <f t="shared" si="14"/>
        <v>1.9376887591329325E-2</v>
      </c>
    </row>
    <row r="316" spans="1:6" x14ac:dyDescent="0.2">
      <c r="A316">
        <v>1177.4011250000001</v>
      </c>
      <c r="B316">
        <v>19.976685</v>
      </c>
      <c r="C316">
        <v>7.9971329999999998</v>
      </c>
      <c r="D316">
        <f t="shared" si="15"/>
        <v>1.5715069999999995</v>
      </c>
      <c r="E316">
        <f t="shared" si="16"/>
        <v>36.20856700000013</v>
      </c>
      <c r="F316">
        <f t="shared" si="14"/>
        <v>1.9569087319303478E-2</v>
      </c>
    </row>
    <row r="317" spans="1:6" x14ac:dyDescent="0.2">
      <c r="A317">
        <v>1177.7271740000001</v>
      </c>
      <c r="B317">
        <v>19.977495000000001</v>
      </c>
      <c r="C317">
        <v>8.0021380000000004</v>
      </c>
      <c r="D317">
        <f t="shared" si="15"/>
        <v>1.5765120000000001</v>
      </c>
      <c r="E317">
        <f t="shared" si="16"/>
        <v>36.534616000000142</v>
      </c>
      <c r="F317">
        <f t="shared" si="14"/>
        <v>1.9677166951778499E-2</v>
      </c>
    </row>
    <row r="318" spans="1:6" x14ac:dyDescent="0.2">
      <c r="A318">
        <v>1178.212211</v>
      </c>
      <c r="B318">
        <v>19.941932999999999</v>
      </c>
      <c r="C318">
        <v>8.007142</v>
      </c>
      <c r="D318">
        <f t="shared" si="15"/>
        <v>1.5815159999999997</v>
      </c>
      <c r="E318">
        <f t="shared" si="16"/>
        <v>37.019653000000062</v>
      </c>
      <c r="F318">
        <f t="shared" si="14"/>
        <v>1.9867134602308104E-2</v>
      </c>
    </row>
    <row r="319" spans="1:6" x14ac:dyDescent="0.2">
      <c r="A319">
        <v>1178.7207350000001</v>
      </c>
      <c r="B319">
        <v>19.962351000000002</v>
      </c>
      <c r="C319">
        <v>8.0121470000000006</v>
      </c>
      <c r="D319">
        <f t="shared" si="15"/>
        <v>1.5865210000000003</v>
      </c>
      <c r="E319">
        <f t="shared" si="16"/>
        <v>37.528177000000142</v>
      </c>
      <c r="F319">
        <f t="shared" si="14"/>
        <v>2.0067844167034832E-2</v>
      </c>
    </row>
    <row r="320" spans="1:6" x14ac:dyDescent="0.2">
      <c r="A320">
        <v>1178.9934109999999</v>
      </c>
      <c r="B320">
        <v>20.008217999999999</v>
      </c>
      <c r="C320">
        <v>8.0171519999999994</v>
      </c>
      <c r="D320">
        <f t="shared" si="15"/>
        <v>1.5915259999999991</v>
      </c>
      <c r="E320">
        <f t="shared" si="16"/>
        <v>37.800852999999961</v>
      </c>
      <c r="F320">
        <f t="shared" si="14"/>
        <v>2.0145427331639102E-2</v>
      </c>
    </row>
    <row r="321" spans="1:6" x14ac:dyDescent="0.2">
      <c r="A321">
        <v>1179.045014</v>
      </c>
      <c r="B321">
        <v>19.99803</v>
      </c>
      <c r="C321">
        <v>8.022157</v>
      </c>
      <c r="D321">
        <f t="shared" si="15"/>
        <v>1.5965309999999997</v>
      </c>
      <c r="E321">
        <f t="shared" si="16"/>
        <v>37.852456000000075</v>
      </c>
      <c r="F321">
        <f t="shared" si="14"/>
        <v>2.0108807725686521E-2</v>
      </c>
    </row>
    <row r="322" spans="1:6" x14ac:dyDescent="0.2">
      <c r="A322">
        <v>1178.4996249999999</v>
      </c>
      <c r="B322">
        <v>20.026717000000001</v>
      </c>
      <c r="C322">
        <v>8.0271620000000006</v>
      </c>
      <c r="D322">
        <f t="shared" si="15"/>
        <v>1.6015360000000003</v>
      </c>
      <c r="E322">
        <f t="shared" si="16"/>
        <v>37.307066999999961</v>
      </c>
      <c r="F322">
        <f t="shared" si="14"/>
        <v>1.9766280454320072E-2</v>
      </c>
    </row>
    <row r="323" spans="1:6" x14ac:dyDescent="0.2">
      <c r="A323">
        <v>1178.497443</v>
      </c>
      <c r="B323">
        <v>19.989377000000001</v>
      </c>
      <c r="C323">
        <v>8.0321660000000001</v>
      </c>
      <c r="D323">
        <f t="shared" si="15"/>
        <v>1.6065399999999999</v>
      </c>
      <c r="E323">
        <f t="shared" si="16"/>
        <v>37.304885000000013</v>
      </c>
      <c r="F323">
        <f t="shared" ref="F323:F386" si="17">(1/A323)*(E323/D323)</f>
        <v>1.9703597069282694E-2</v>
      </c>
    </row>
    <row r="324" spans="1:6" x14ac:dyDescent="0.2">
      <c r="A324">
        <v>1178.3239610000001</v>
      </c>
      <c r="B324">
        <v>20.031092999999998</v>
      </c>
      <c r="C324">
        <v>8.0371710000000007</v>
      </c>
      <c r="D324">
        <f t="shared" si="15"/>
        <v>1.6115450000000004</v>
      </c>
      <c r="E324">
        <f t="shared" si="16"/>
        <v>37.131403000000091</v>
      </c>
      <c r="F324">
        <f t="shared" si="17"/>
        <v>1.9553937067735359E-2</v>
      </c>
    </row>
    <row r="325" spans="1:6" x14ac:dyDescent="0.2">
      <c r="A325">
        <v>1177.983927</v>
      </c>
      <c r="B325">
        <v>20.023745000000002</v>
      </c>
      <c r="C325">
        <v>8.0421759999999995</v>
      </c>
      <c r="D325">
        <f t="shared" si="15"/>
        <v>1.6165499999999993</v>
      </c>
      <c r="E325">
        <f t="shared" si="16"/>
        <v>36.791369000000032</v>
      </c>
      <c r="F325">
        <f t="shared" si="17"/>
        <v>1.9320459073498782E-2</v>
      </c>
    </row>
    <row r="326" spans="1:6" x14ac:dyDescent="0.2">
      <c r="A326">
        <v>1177.4267689999999</v>
      </c>
      <c r="B326">
        <v>20.034638000000001</v>
      </c>
      <c r="C326">
        <v>8.0471810000000001</v>
      </c>
      <c r="D326">
        <f t="shared" si="15"/>
        <v>1.6215549999999999</v>
      </c>
      <c r="E326">
        <f t="shared" si="16"/>
        <v>36.234210999999959</v>
      </c>
      <c r="F326">
        <f t="shared" si="17"/>
        <v>1.897812137992308E-2</v>
      </c>
    </row>
    <row r="327" spans="1:6" x14ac:dyDescent="0.2">
      <c r="A327">
        <v>1177.652376</v>
      </c>
      <c r="B327">
        <v>19.966567000000001</v>
      </c>
      <c r="C327">
        <v>8.0521860000000007</v>
      </c>
      <c r="D327">
        <f t="shared" ref="D327:D390" si="18">C327-$C$2</f>
        <v>1.6265600000000004</v>
      </c>
      <c r="E327">
        <f t="shared" ref="E327:E390" si="19">A327-$A$2</f>
        <v>36.459818000000041</v>
      </c>
      <c r="F327">
        <f t="shared" si="17"/>
        <v>1.9033878632638807E-2</v>
      </c>
    </row>
    <row r="328" spans="1:6" x14ac:dyDescent="0.2">
      <c r="A328">
        <v>1178.1480759999999</v>
      </c>
      <c r="B328">
        <v>19.957941999999999</v>
      </c>
      <c r="C328">
        <v>8.0571900000000003</v>
      </c>
      <c r="D328">
        <f t="shared" si="18"/>
        <v>1.631564</v>
      </c>
      <c r="E328">
        <f t="shared" si="19"/>
        <v>36.955517999999984</v>
      </c>
      <c r="F328">
        <f t="shared" si="17"/>
        <v>1.9225396333037974E-2</v>
      </c>
    </row>
    <row r="329" spans="1:6" x14ac:dyDescent="0.2">
      <c r="A329">
        <v>1178.381394</v>
      </c>
      <c r="B329">
        <v>19.995245000000001</v>
      </c>
      <c r="C329">
        <v>8.0621949999999991</v>
      </c>
      <c r="D329">
        <f t="shared" si="18"/>
        <v>1.6365689999999988</v>
      </c>
      <c r="E329">
        <f t="shared" si="19"/>
        <v>37.188836000000038</v>
      </c>
      <c r="F329">
        <f t="shared" si="17"/>
        <v>1.9283789769066639E-2</v>
      </c>
    </row>
    <row r="330" spans="1:6" x14ac:dyDescent="0.2">
      <c r="A330">
        <v>1177.9960679999999</v>
      </c>
      <c r="B330">
        <v>20.029861</v>
      </c>
      <c r="C330">
        <v>8.0671999999999997</v>
      </c>
      <c r="D330">
        <f t="shared" si="18"/>
        <v>1.6415739999999994</v>
      </c>
      <c r="E330">
        <f t="shared" si="19"/>
        <v>36.80350999999996</v>
      </c>
      <c r="F330">
        <f t="shared" si="17"/>
        <v>1.9032022134900378E-2</v>
      </c>
    </row>
    <row r="331" spans="1:6" x14ac:dyDescent="0.2">
      <c r="A331">
        <v>1178.080148</v>
      </c>
      <c r="B331">
        <v>19.984378</v>
      </c>
      <c r="C331">
        <v>8.0722050000000003</v>
      </c>
      <c r="D331">
        <f t="shared" si="18"/>
        <v>1.646579</v>
      </c>
      <c r="E331">
        <f t="shared" si="19"/>
        <v>36.887590000000046</v>
      </c>
      <c r="F331">
        <f t="shared" si="17"/>
        <v>1.9016162160479515E-2</v>
      </c>
    </row>
    <row r="332" spans="1:6" x14ac:dyDescent="0.2">
      <c r="A332">
        <v>1178.1713689999999</v>
      </c>
      <c r="B332">
        <v>19.996559000000001</v>
      </c>
      <c r="C332">
        <v>8.0772099999999991</v>
      </c>
      <c r="D332">
        <f t="shared" si="18"/>
        <v>1.6515839999999988</v>
      </c>
      <c r="E332">
        <f t="shared" si="19"/>
        <v>36.978810999999951</v>
      </c>
      <c r="F332">
        <f t="shared" si="17"/>
        <v>1.9003947036177232E-2</v>
      </c>
    </row>
    <row r="333" spans="1:6" x14ac:dyDescent="0.2">
      <c r="A333">
        <v>1178.238728</v>
      </c>
      <c r="B333">
        <v>19.984316</v>
      </c>
      <c r="C333">
        <v>8.0822140000000005</v>
      </c>
      <c r="D333">
        <f t="shared" si="18"/>
        <v>1.6565880000000002</v>
      </c>
      <c r="E333">
        <f t="shared" si="19"/>
        <v>37.046170000000075</v>
      </c>
      <c r="F333">
        <f t="shared" si="17"/>
        <v>1.8979969517168203E-2</v>
      </c>
    </row>
    <row r="334" spans="1:6" x14ac:dyDescent="0.2">
      <c r="A334">
        <v>1178.607968</v>
      </c>
      <c r="B334">
        <v>19.957163999999999</v>
      </c>
      <c r="C334">
        <v>8.0872189999999993</v>
      </c>
      <c r="D334">
        <f t="shared" si="18"/>
        <v>1.661592999999999</v>
      </c>
      <c r="E334">
        <f t="shared" si="19"/>
        <v>37.415410000000065</v>
      </c>
      <c r="F334">
        <f t="shared" si="17"/>
        <v>1.9105415271158336E-2</v>
      </c>
    </row>
    <row r="335" spans="1:6" x14ac:dyDescent="0.2">
      <c r="A335">
        <v>1178.8989549999999</v>
      </c>
      <c r="B335">
        <v>20.003408</v>
      </c>
      <c r="C335">
        <v>8.0922239999999999</v>
      </c>
      <c r="D335">
        <f t="shared" si="18"/>
        <v>1.6665979999999996</v>
      </c>
      <c r="E335">
        <f t="shared" si="19"/>
        <v>37.706396999999924</v>
      </c>
      <c r="F335">
        <f t="shared" si="17"/>
        <v>1.9191441509538023E-2</v>
      </c>
    </row>
    <row r="336" spans="1:6" x14ac:dyDescent="0.2">
      <c r="A336">
        <v>1178.7713249999999</v>
      </c>
      <c r="B336">
        <v>20.015317</v>
      </c>
      <c r="C336">
        <v>8.0972290000000005</v>
      </c>
      <c r="D336">
        <f t="shared" si="18"/>
        <v>1.6716030000000002</v>
      </c>
      <c r="E336">
        <f t="shared" si="19"/>
        <v>37.578766999999971</v>
      </c>
      <c r="F336">
        <f t="shared" si="17"/>
        <v>1.9071279097381804E-2</v>
      </c>
    </row>
    <row r="337" spans="1:6" x14ac:dyDescent="0.2">
      <c r="A337">
        <v>1178.4103689999999</v>
      </c>
      <c r="B337">
        <v>20.028652999999998</v>
      </c>
      <c r="C337">
        <v>8.1022339999999993</v>
      </c>
      <c r="D337">
        <f t="shared" si="18"/>
        <v>1.676607999999999</v>
      </c>
      <c r="E337">
        <f t="shared" si="19"/>
        <v>37.217810999999983</v>
      </c>
      <c r="F337">
        <f t="shared" si="17"/>
        <v>1.8837477073777566E-2</v>
      </c>
    </row>
    <row r="338" spans="1:6" x14ac:dyDescent="0.2">
      <c r="A338">
        <v>1177.646532</v>
      </c>
      <c r="B338">
        <v>20.053515999999998</v>
      </c>
      <c r="C338">
        <v>8.1072380000000006</v>
      </c>
      <c r="D338">
        <f t="shared" si="18"/>
        <v>1.6816120000000003</v>
      </c>
      <c r="E338">
        <f t="shared" si="19"/>
        <v>36.453974000000017</v>
      </c>
      <c r="F338">
        <f t="shared" si="17"/>
        <v>1.8407894820443672E-2</v>
      </c>
    </row>
    <row r="339" spans="1:6" x14ac:dyDescent="0.2">
      <c r="A339">
        <v>1177.2528380000001</v>
      </c>
      <c r="B339">
        <v>20.008979</v>
      </c>
      <c r="C339">
        <v>8.1122429999999994</v>
      </c>
      <c r="D339">
        <f t="shared" si="18"/>
        <v>1.6866169999999991</v>
      </c>
      <c r="E339">
        <f t="shared" si="19"/>
        <v>36.060280000000148</v>
      </c>
      <c r="F339">
        <f t="shared" si="17"/>
        <v>1.8161130331905896E-2</v>
      </c>
    </row>
    <row r="340" spans="1:6" x14ac:dyDescent="0.2">
      <c r="A340">
        <v>1177.273809</v>
      </c>
      <c r="B340">
        <v>20.004411999999999</v>
      </c>
      <c r="C340">
        <v>8.117248</v>
      </c>
      <c r="D340">
        <f t="shared" si="18"/>
        <v>1.6916219999999997</v>
      </c>
      <c r="E340">
        <f t="shared" si="19"/>
        <v>36.081251000000066</v>
      </c>
      <c r="F340">
        <f t="shared" si="17"/>
        <v>1.8117604708261712E-2</v>
      </c>
    </row>
    <row r="341" spans="1:6" x14ac:dyDescent="0.2">
      <c r="A341">
        <v>1177.1857709999999</v>
      </c>
      <c r="B341">
        <v>20.010193000000001</v>
      </c>
      <c r="C341">
        <v>8.1222530000000006</v>
      </c>
      <c r="D341">
        <f t="shared" si="18"/>
        <v>1.6966270000000003</v>
      </c>
      <c r="E341">
        <f t="shared" si="19"/>
        <v>35.993212999999969</v>
      </c>
      <c r="F341">
        <f t="shared" si="17"/>
        <v>1.8021429549607292E-2</v>
      </c>
    </row>
    <row r="342" spans="1:6" x14ac:dyDescent="0.2">
      <c r="A342">
        <v>1176.9412030000001</v>
      </c>
      <c r="B342">
        <v>20.014897999999999</v>
      </c>
      <c r="C342">
        <v>8.1272579999999994</v>
      </c>
      <c r="D342">
        <f t="shared" si="18"/>
        <v>1.7016319999999991</v>
      </c>
      <c r="E342">
        <f t="shared" si="19"/>
        <v>35.748645000000124</v>
      </c>
      <c r="F342">
        <f t="shared" si="17"/>
        <v>1.785003918938266E-2</v>
      </c>
    </row>
    <row r="343" spans="1:6" x14ac:dyDescent="0.2">
      <c r="A343">
        <v>1176.967339</v>
      </c>
      <c r="B343">
        <v>19.991672000000001</v>
      </c>
      <c r="C343">
        <v>8.1322620000000008</v>
      </c>
      <c r="D343">
        <f t="shared" si="18"/>
        <v>1.7066360000000005</v>
      </c>
      <c r="E343">
        <f t="shared" si="19"/>
        <v>35.774781000000075</v>
      </c>
      <c r="F343">
        <f t="shared" si="17"/>
        <v>1.7810317849477106E-2</v>
      </c>
    </row>
    <row r="344" spans="1:6" x14ac:dyDescent="0.2">
      <c r="A344">
        <v>1177.1709840000001</v>
      </c>
      <c r="B344">
        <v>19.966228999999998</v>
      </c>
      <c r="C344">
        <v>8.1372669999999996</v>
      </c>
      <c r="D344">
        <f t="shared" si="18"/>
        <v>1.7116409999999993</v>
      </c>
      <c r="E344">
        <f t="shared" si="19"/>
        <v>35.978426000000127</v>
      </c>
      <c r="F344">
        <f t="shared" si="17"/>
        <v>1.7856236533156919E-2</v>
      </c>
    </row>
    <row r="345" spans="1:6" x14ac:dyDescent="0.2">
      <c r="A345">
        <v>1177.5566739999999</v>
      </c>
      <c r="B345">
        <v>19.974768999999998</v>
      </c>
      <c r="C345">
        <v>8.1422720000000002</v>
      </c>
      <c r="D345">
        <f t="shared" si="18"/>
        <v>1.7166459999999999</v>
      </c>
      <c r="E345">
        <f t="shared" si="19"/>
        <v>36.364115999999967</v>
      </c>
      <c r="F345">
        <f t="shared" si="17"/>
        <v>1.7989142844132222E-2</v>
      </c>
    </row>
    <row r="346" spans="1:6" x14ac:dyDescent="0.2">
      <c r="A346">
        <v>1178.107017</v>
      </c>
      <c r="B346">
        <v>19.964686</v>
      </c>
      <c r="C346">
        <v>8.1472770000000008</v>
      </c>
      <c r="D346">
        <f t="shared" si="18"/>
        <v>1.7216510000000005</v>
      </c>
      <c r="E346">
        <f t="shared" si="19"/>
        <v>36.914459000000079</v>
      </c>
      <c r="F346">
        <f t="shared" si="17"/>
        <v>1.8199801283046189E-2</v>
      </c>
    </row>
    <row r="347" spans="1:6" x14ac:dyDescent="0.2">
      <c r="A347">
        <v>1178.1805119999999</v>
      </c>
      <c r="B347">
        <v>19.979044999999999</v>
      </c>
      <c r="C347">
        <v>8.1522819999999996</v>
      </c>
      <c r="D347">
        <f t="shared" si="18"/>
        <v>1.7266559999999993</v>
      </c>
      <c r="E347">
        <f t="shared" si="19"/>
        <v>36.987953999999945</v>
      </c>
      <c r="F347">
        <f t="shared" si="17"/>
        <v>1.8182041798778248E-2</v>
      </c>
    </row>
    <row r="348" spans="1:6" x14ac:dyDescent="0.2">
      <c r="A348">
        <v>1178.642822</v>
      </c>
      <c r="B348">
        <v>19.976542999999999</v>
      </c>
      <c r="C348">
        <v>8.1572859999999991</v>
      </c>
      <c r="D348">
        <f t="shared" si="18"/>
        <v>1.7316599999999989</v>
      </c>
      <c r="E348">
        <f t="shared" si="19"/>
        <v>37.450264000000061</v>
      </c>
      <c r="F348">
        <f t="shared" si="17"/>
        <v>1.8348900374662896E-2</v>
      </c>
    </row>
    <row r="349" spans="1:6" x14ac:dyDescent="0.2">
      <c r="A349">
        <v>1178.837912</v>
      </c>
      <c r="B349">
        <v>19.986550000000001</v>
      </c>
      <c r="C349">
        <v>8.1622909999999997</v>
      </c>
      <c r="D349">
        <f t="shared" si="18"/>
        <v>1.7366649999999995</v>
      </c>
      <c r="E349">
        <f t="shared" si="19"/>
        <v>37.645353999999998</v>
      </c>
      <c r="F349">
        <f t="shared" si="17"/>
        <v>1.8388285543307646E-2</v>
      </c>
    </row>
    <row r="350" spans="1:6" x14ac:dyDescent="0.2">
      <c r="A350">
        <v>1178.8342580000001</v>
      </c>
      <c r="B350">
        <v>19.98696</v>
      </c>
      <c r="C350">
        <v>8.1672960000000003</v>
      </c>
      <c r="D350">
        <f t="shared" si="18"/>
        <v>1.7416700000000001</v>
      </c>
      <c r="E350">
        <f t="shared" si="19"/>
        <v>37.641700000000128</v>
      </c>
      <c r="F350">
        <f t="shared" si="17"/>
        <v>1.8333720639686611E-2</v>
      </c>
    </row>
    <row r="351" spans="1:6" x14ac:dyDescent="0.2">
      <c r="A351">
        <v>1178.9134409999999</v>
      </c>
      <c r="B351">
        <v>20.010019</v>
      </c>
      <c r="C351">
        <v>8.1723009999999991</v>
      </c>
      <c r="D351">
        <f t="shared" si="18"/>
        <v>1.7466749999999989</v>
      </c>
      <c r="E351">
        <f t="shared" si="19"/>
        <v>37.720882999999958</v>
      </c>
      <c r="F351">
        <f t="shared" si="17"/>
        <v>1.8318412189666271E-2</v>
      </c>
    </row>
    <row r="352" spans="1:6" x14ac:dyDescent="0.2">
      <c r="A352">
        <v>1178.901889</v>
      </c>
      <c r="B352">
        <v>19.980274999999999</v>
      </c>
      <c r="C352">
        <v>8.1773059999999997</v>
      </c>
      <c r="D352">
        <f t="shared" si="18"/>
        <v>1.7516799999999995</v>
      </c>
      <c r="E352">
        <f t="shared" si="19"/>
        <v>37.70933100000002</v>
      </c>
      <c r="F352">
        <f t="shared" si="17"/>
        <v>1.8260656736503844E-2</v>
      </c>
    </row>
    <row r="353" spans="1:6" x14ac:dyDescent="0.2">
      <c r="A353">
        <v>1179.1794870000001</v>
      </c>
      <c r="B353">
        <v>19.986902000000001</v>
      </c>
      <c r="C353">
        <v>8.1823099999999993</v>
      </c>
      <c r="D353">
        <f t="shared" si="18"/>
        <v>1.756683999999999</v>
      </c>
      <c r="E353">
        <f t="shared" si="19"/>
        <v>37.986929000000146</v>
      </c>
      <c r="F353">
        <f t="shared" si="17"/>
        <v>1.8338365473071418E-2</v>
      </c>
    </row>
    <row r="354" spans="1:6" x14ac:dyDescent="0.2">
      <c r="A354">
        <v>1179.6051170000001</v>
      </c>
      <c r="B354">
        <v>19.968259</v>
      </c>
      <c r="C354">
        <v>8.1873149999999999</v>
      </c>
      <c r="D354">
        <f t="shared" si="18"/>
        <v>1.7616889999999996</v>
      </c>
      <c r="E354">
        <f t="shared" si="19"/>
        <v>38.412559000000101</v>
      </c>
      <c r="F354">
        <f t="shared" si="17"/>
        <v>1.8484484778507042E-2</v>
      </c>
    </row>
    <row r="355" spans="1:6" x14ac:dyDescent="0.2">
      <c r="A355">
        <v>1179.6213600000001</v>
      </c>
      <c r="B355">
        <v>20.003813000000001</v>
      </c>
      <c r="C355">
        <v>8.1923200000000005</v>
      </c>
      <c r="D355">
        <f t="shared" si="18"/>
        <v>1.7666940000000002</v>
      </c>
      <c r="E355">
        <f t="shared" si="19"/>
        <v>38.428802000000132</v>
      </c>
      <c r="F355">
        <f t="shared" si="17"/>
        <v>1.8439658924070644E-2</v>
      </c>
    </row>
    <row r="356" spans="1:6" x14ac:dyDescent="0.2">
      <c r="A356">
        <v>1179.297949</v>
      </c>
      <c r="B356">
        <v>20.041941999999999</v>
      </c>
      <c r="C356">
        <v>8.1973249999999993</v>
      </c>
      <c r="D356">
        <f t="shared" si="18"/>
        <v>1.771698999999999</v>
      </c>
      <c r="E356">
        <f t="shared" si="19"/>
        <v>38.105391000000054</v>
      </c>
      <c r="F356">
        <f t="shared" si="17"/>
        <v>1.8237820585198159E-2</v>
      </c>
    </row>
    <row r="357" spans="1:6" x14ac:dyDescent="0.2">
      <c r="A357">
        <v>1178.84088</v>
      </c>
      <c r="B357">
        <v>20.026643</v>
      </c>
      <c r="C357">
        <v>8.2023299999999999</v>
      </c>
      <c r="D357">
        <f t="shared" si="18"/>
        <v>1.7767039999999996</v>
      </c>
      <c r="E357">
        <f t="shared" si="19"/>
        <v>37.648322000000007</v>
      </c>
      <c r="F357">
        <f t="shared" si="17"/>
        <v>1.7975267258158886E-2</v>
      </c>
    </row>
    <row r="358" spans="1:6" x14ac:dyDescent="0.2">
      <c r="A358">
        <v>1178.2824459999999</v>
      </c>
      <c r="B358">
        <v>20.035816000000001</v>
      </c>
      <c r="C358">
        <v>8.2073339999999995</v>
      </c>
      <c r="D358">
        <f t="shared" si="18"/>
        <v>1.7817079999999992</v>
      </c>
      <c r="E358">
        <f t="shared" si="19"/>
        <v>37.089887999999974</v>
      </c>
      <c r="F358">
        <f t="shared" si="17"/>
        <v>1.7667275616200014E-2</v>
      </c>
    </row>
    <row r="359" spans="1:6" x14ac:dyDescent="0.2">
      <c r="A359">
        <v>1178.1833730000001</v>
      </c>
      <c r="B359">
        <v>20.005661</v>
      </c>
      <c r="C359">
        <v>8.2123390000000001</v>
      </c>
      <c r="D359">
        <f t="shared" si="18"/>
        <v>1.7867129999999998</v>
      </c>
      <c r="E359">
        <f t="shared" si="19"/>
        <v>36.990815000000111</v>
      </c>
      <c r="F359">
        <f t="shared" si="17"/>
        <v>1.757220305890032E-2</v>
      </c>
    </row>
    <row r="360" spans="1:6" x14ac:dyDescent="0.2">
      <c r="A360">
        <v>1177.824476</v>
      </c>
      <c r="B360">
        <v>20.022434000000001</v>
      </c>
      <c r="C360">
        <v>8.2173440000000006</v>
      </c>
      <c r="D360">
        <f t="shared" si="18"/>
        <v>1.7917180000000004</v>
      </c>
      <c r="E360">
        <f t="shared" si="19"/>
        <v>36.631918000000042</v>
      </c>
      <c r="F360">
        <f t="shared" si="17"/>
        <v>1.7358389398508089E-2</v>
      </c>
    </row>
    <row r="361" spans="1:6" x14ac:dyDescent="0.2">
      <c r="A361">
        <v>1177.5148160000001</v>
      </c>
      <c r="B361">
        <v>20.033760000000001</v>
      </c>
      <c r="C361">
        <v>8.2223489999999995</v>
      </c>
      <c r="D361">
        <f t="shared" si="18"/>
        <v>1.7967229999999992</v>
      </c>
      <c r="E361">
        <f t="shared" si="19"/>
        <v>36.322258000000147</v>
      </c>
      <c r="F361">
        <f t="shared" si="17"/>
        <v>1.7168222429622019E-2</v>
      </c>
    </row>
    <row r="362" spans="1:6" x14ac:dyDescent="0.2">
      <c r="A362">
        <v>1177.201035</v>
      </c>
      <c r="B362">
        <v>20.000510999999999</v>
      </c>
      <c r="C362">
        <v>8.2273540000000001</v>
      </c>
      <c r="D362">
        <f t="shared" si="18"/>
        <v>1.8017279999999998</v>
      </c>
      <c r="E362">
        <f t="shared" si="19"/>
        <v>36.008477000000084</v>
      </c>
      <c r="F362">
        <f t="shared" si="17"/>
        <v>1.6977154069556299E-2</v>
      </c>
    </row>
    <row r="363" spans="1:6" x14ac:dyDescent="0.2">
      <c r="A363">
        <v>1176.9088609999999</v>
      </c>
      <c r="B363">
        <v>20.026973000000002</v>
      </c>
      <c r="C363">
        <v>8.2323579999999996</v>
      </c>
      <c r="D363">
        <f t="shared" si="18"/>
        <v>1.8067319999999993</v>
      </c>
      <c r="E363">
        <f t="shared" si="19"/>
        <v>35.716302999999925</v>
      </c>
      <c r="F363">
        <f t="shared" si="17"/>
        <v>1.6796930657267162E-2</v>
      </c>
    </row>
    <row r="364" spans="1:6" x14ac:dyDescent="0.2">
      <c r="A364">
        <v>1177.11121</v>
      </c>
      <c r="B364">
        <v>19.968800999999999</v>
      </c>
      <c r="C364">
        <v>8.2373630000000002</v>
      </c>
      <c r="D364">
        <f t="shared" si="18"/>
        <v>1.8117369999999999</v>
      </c>
      <c r="E364">
        <f t="shared" si="19"/>
        <v>35.918652000000066</v>
      </c>
      <c r="F364">
        <f t="shared" si="17"/>
        <v>1.6842531961082045E-2</v>
      </c>
    </row>
    <row r="365" spans="1:6" x14ac:dyDescent="0.2">
      <c r="A365">
        <v>1177.401091</v>
      </c>
      <c r="B365">
        <v>19.984781999999999</v>
      </c>
      <c r="C365">
        <v>8.2423680000000008</v>
      </c>
      <c r="D365">
        <f t="shared" si="18"/>
        <v>1.8167420000000005</v>
      </c>
      <c r="E365">
        <f t="shared" si="19"/>
        <v>36.208532999999989</v>
      </c>
      <c r="F365">
        <f t="shared" si="17"/>
        <v>1.6927516244350793E-2</v>
      </c>
    </row>
    <row r="366" spans="1:6" x14ac:dyDescent="0.2">
      <c r="A366">
        <v>1177.4356620000001</v>
      </c>
      <c r="B366">
        <v>20.013573000000001</v>
      </c>
      <c r="C366">
        <v>8.2473729999999996</v>
      </c>
      <c r="D366">
        <f t="shared" si="18"/>
        <v>1.8217469999999993</v>
      </c>
      <c r="E366">
        <f t="shared" si="19"/>
        <v>36.24310400000013</v>
      </c>
      <c r="F366">
        <f t="shared" si="17"/>
        <v>1.6896631659868343E-2</v>
      </c>
    </row>
    <row r="367" spans="1:6" x14ac:dyDescent="0.2">
      <c r="A367">
        <v>1177.2090209999999</v>
      </c>
      <c r="B367">
        <v>20.014209999999999</v>
      </c>
      <c r="C367">
        <v>8.2523780000000002</v>
      </c>
      <c r="D367">
        <f t="shared" si="18"/>
        <v>1.8267519999999999</v>
      </c>
      <c r="E367">
        <f t="shared" si="19"/>
        <v>36.016462999999931</v>
      </c>
      <c r="F367">
        <f t="shared" si="17"/>
        <v>1.6748190331158288E-2</v>
      </c>
    </row>
    <row r="368" spans="1:6" x14ac:dyDescent="0.2">
      <c r="A368">
        <v>1176.911511</v>
      </c>
      <c r="B368">
        <v>20.009604</v>
      </c>
      <c r="C368">
        <v>8.2573819999999998</v>
      </c>
      <c r="D368">
        <f t="shared" si="18"/>
        <v>1.8317559999999995</v>
      </c>
      <c r="E368">
        <f t="shared" si="19"/>
        <v>35.718953000000056</v>
      </c>
      <c r="F368">
        <f t="shared" si="17"/>
        <v>1.6568656220658732E-2</v>
      </c>
    </row>
    <row r="369" spans="1:6" x14ac:dyDescent="0.2">
      <c r="A369">
        <v>1176.708981</v>
      </c>
      <c r="B369">
        <v>20.014039</v>
      </c>
      <c r="C369">
        <v>8.2623870000000004</v>
      </c>
      <c r="D369">
        <f t="shared" si="18"/>
        <v>1.8367610000000001</v>
      </c>
      <c r="E369">
        <f t="shared" si="19"/>
        <v>35.516423000000032</v>
      </c>
      <c r="F369">
        <f t="shared" si="17"/>
        <v>1.6432646100511102E-2</v>
      </c>
    </row>
    <row r="370" spans="1:6" x14ac:dyDescent="0.2">
      <c r="A370">
        <v>1176.631523</v>
      </c>
      <c r="B370">
        <v>20.001148000000001</v>
      </c>
      <c r="C370">
        <v>8.2673919999999992</v>
      </c>
      <c r="D370">
        <f t="shared" si="18"/>
        <v>1.8417659999999989</v>
      </c>
      <c r="E370">
        <f t="shared" si="19"/>
        <v>35.438965000000053</v>
      </c>
      <c r="F370">
        <f t="shared" si="17"/>
        <v>1.6353326174405519E-2</v>
      </c>
    </row>
    <row r="371" spans="1:6" x14ac:dyDescent="0.2">
      <c r="A371">
        <v>1176.3771650000001</v>
      </c>
      <c r="B371">
        <v>20.023319000000001</v>
      </c>
      <c r="C371">
        <v>8.2723969999999998</v>
      </c>
      <c r="D371">
        <f t="shared" si="18"/>
        <v>1.8467709999999995</v>
      </c>
      <c r="E371">
        <f t="shared" si="19"/>
        <v>35.184607000000142</v>
      </c>
      <c r="F371">
        <f t="shared" si="17"/>
        <v>1.6195451975000816E-2</v>
      </c>
    </row>
    <row r="372" spans="1:6" x14ac:dyDescent="0.2">
      <c r="A372">
        <v>1176.6470429999999</v>
      </c>
      <c r="B372">
        <v>19.967464</v>
      </c>
      <c r="C372">
        <v>8.2774020000000004</v>
      </c>
      <c r="D372">
        <f t="shared" si="18"/>
        <v>1.8517760000000001</v>
      </c>
      <c r="E372">
        <f t="shared" si="19"/>
        <v>35.454484999999977</v>
      </c>
      <c r="F372">
        <f t="shared" si="17"/>
        <v>1.6271834652970794E-2</v>
      </c>
    </row>
    <row r="373" spans="1:6" x14ac:dyDescent="0.2">
      <c r="A373">
        <v>1176.6319659999999</v>
      </c>
      <c r="B373">
        <v>20.008468000000001</v>
      </c>
      <c r="C373">
        <v>8.2824059999999999</v>
      </c>
      <c r="D373">
        <f t="shared" si="18"/>
        <v>1.8567799999999997</v>
      </c>
      <c r="E373">
        <f t="shared" si="19"/>
        <v>35.439407999999958</v>
      </c>
      <c r="F373">
        <f t="shared" si="17"/>
        <v>1.6221289163784271E-2</v>
      </c>
    </row>
    <row r="374" spans="1:6" x14ac:dyDescent="0.2">
      <c r="A374">
        <v>1176.5024900000001</v>
      </c>
      <c r="B374">
        <v>20.010774000000001</v>
      </c>
      <c r="C374">
        <v>8.2874110000000005</v>
      </c>
      <c r="D374">
        <f t="shared" si="18"/>
        <v>1.8617850000000002</v>
      </c>
      <c r="E374">
        <f t="shared" si="19"/>
        <v>35.309932000000117</v>
      </c>
      <c r="F374">
        <f t="shared" si="17"/>
        <v>1.61203513631075E-2</v>
      </c>
    </row>
    <row r="375" spans="1:6" x14ac:dyDescent="0.2">
      <c r="A375">
        <v>1176.320847</v>
      </c>
      <c r="B375">
        <v>20.009025000000001</v>
      </c>
      <c r="C375">
        <v>8.2924159999999993</v>
      </c>
      <c r="D375">
        <f t="shared" si="18"/>
        <v>1.8667899999999991</v>
      </c>
      <c r="E375">
        <f t="shared" si="19"/>
        <v>35.128288999999995</v>
      </c>
      <c r="F375">
        <f t="shared" si="17"/>
        <v>1.5996896595014819E-2</v>
      </c>
    </row>
    <row r="376" spans="1:6" x14ac:dyDescent="0.2">
      <c r="A376">
        <v>1175.896487</v>
      </c>
      <c r="B376">
        <v>20.023219000000001</v>
      </c>
      <c r="C376">
        <v>8.2974209999999999</v>
      </c>
      <c r="D376">
        <f t="shared" si="18"/>
        <v>1.8717949999999997</v>
      </c>
      <c r="E376">
        <f t="shared" si="19"/>
        <v>34.703929000000016</v>
      </c>
      <c r="F376">
        <f t="shared" si="17"/>
        <v>1.5767079971966944E-2</v>
      </c>
    </row>
    <row r="377" spans="1:6" x14ac:dyDescent="0.2">
      <c r="A377">
        <v>1175.6788160000001</v>
      </c>
      <c r="B377">
        <v>20.01971</v>
      </c>
      <c r="C377">
        <v>8.3024260000000005</v>
      </c>
      <c r="D377">
        <f t="shared" si="18"/>
        <v>1.8768000000000002</v>
      </c>
      <c r="E377">
        <f t="shared" si="19"/>
        <v>34.486258000000134</v>
      </c>
      <c r="F377">
        <f t="shared" si="17"/>
        <v>1.562929488360015E-2</v>
      </c>
    </row>
    <row r="378" spans="1:6" x14ac:dyDescent="0.2">
      <c r="A378">
        <v>1175.5711229999999</v>
      </c>
      <c r="B378">
        <v>20.011572000000001</v>
      </c>
      <c r="C378">
        <v>8.3074300000000001</v>
      </c>
      <c r="D378">
        <f t="shared" si="18"/>
        <v>1.8818039999999998</v>
      </c>
      <c r="E378">
        <f t="shared" si="19"/>
        <v>34.378564999999981</v>
      </c>
      <c r="F378">
        <f t="shared" si="17"/>
        <v>1.5540480689381032E-2</v>
      </c>
    </row>
    <row r="379" spans="1:6" x14ac:dyDescent="0.2">
      <c r="A379">
        <v>1175.390678</v>
      </c>
      <c r="B379">
        <v>20.002855</v>
      </c>
      <c r="C379">
        <v>8.3124350000000007</v>
      </c>
      <c r="D379">
        <f t="shared" si="18"/>
        <v>1.8868090000000004</v>
      </c>
      <c r="E379">
        <f t="shared" si="19"/>
        <v>34.198120000000017</v>
      </c>
      <c r="F379">
        <f t="shared" si="17"/>
        <v>1.5420272582009086E-2</v>
      </c>
    </row>
    <row r="380" spans="1:6" x14ac:dyDescent="0.2">
      <c r="A380">
        <v>1175.402405</v>
      </c>
      <c r="B380">
        <v>19.994185999999999</v>
      </c>
      <c r="C380">
        <v>8.3174399999999995</v>
      </c>
      <c r="D380">
        <f t="shared" si="18"/>
        <v>1.8918139999999992</v>
      </c>
      <c r="E380">
        <f t="shared" si="19"/>
        <v>34.209847000000082</v>
      </c>
      <c r="F380">
        <f t="shared" si="17"/>
        <v>1.5384596908953229E-2</v>
      </c>
    </row>
    <row r="381" spans="1:6" x14ac:dyDescent="0.2">
      <c r="A381">
        <v>1175.1540259999999</v>
      </c>
      <c r="B381">
        <v>20.026653</v>
      </c>
      <c r="C381">
        <v>8.3224450000000001</v>
      </c>
      <c r="D381">
        <f t="shared" si="18"/>
        <v>1.8968189999999998</v>
      </c>
      <c r="E381">
        <f t="shared" si="19"/>
        <v>33.961467999999968</v>
      </c>
      <c r="F381">
        <f t="shared" si="17"/>
        <v>1.5235817803924988E-2</v>
      </c>
    </row>
    <row r="382" spans="1:6" x14ac:dyDescent="0.2">
      <c r="A382">
        <v>1174.868649</v>
      </c>
      <c r="B382">
        <v>20.012127</v>
      </c>
      <c r="C382">
        <v>8.3274500000000007</v>
      </c>
      <c r="D382">
        <f t="shared" si="18"/>
        <v>1.9018240000000004</v>
      </c>
      <c r="E382">
        <f t="shared" si="19"/>
        <v>33.676091000000042</v>
      </c>
      <c r="F382">
        <f t="shared" si="17"/>
        <v>1.5071692879923592E-2</v>
      </c>
    </row>
    <row r="383" spans="1:6" x14ac:dyDescent="0.2">
      <c r="A383">
        <v>1174.969859</v>
      </c>
      <c r="B383">
        <v>19.966901</v>
      </c>
      <c r="C383">
        <v>8.3324540000000002</v>
      </c>
      <c r="D383">
        <f t="shared" si="18"/>
        <v>1.906828</v>
      </c>
      <c r="E383">
        <f t="shared" si="19"/>
        <v>33.77730100000008</v>
      </c>
      <c r="F383">
        <f t="shared" si="17"/>
        <v>1.507601974283655E-2</v>
      </c>
    </row>
    <row r="384" spans="1:6" x14ac:dyDescent="0.2">
      <c r="A384">
        <v>1175.298331</v>
      </c>
      <c r="B384">
        <v>19.983312999999999</v>
      </c>
      <c r="C384">
        <v>8.3374590000000008</v>
      </c>
      <c r="D384">
        <f t="shared" si="18"/>
        <v>1.9118330000000006</v>
      </c>
      <c r="E384">
        <f t="shared" si="19"/>
        <v>34.105772999999999</v>
      </c>
      <c r="F384">
        <f t="shared" si="17"/>
        <v>1.5178533870577295E-2</v>
      </c>
    </row>
    <row r="385" spans="1:6" x14ac:dyDescent="0.2">
      <c r="A385">
        <v>1175.834912</v>
      </c>
      <c r="B385">
        <v>19.964521999999999</v>
      </c>
      <c r="C385">
        <v>8.3424639999999997</v>
      </c>
      <c r="D385">
        <f t="shared" si="18"/>
        <v>1.9168379999999994</v>
      </c>
      <c r="E385">
        <f t="shared" si="19"/>
        <v>34.642354000000068</v>
      </c>
      <c r="F385">
        <f t="shared" si="17"/>
        <v>1.537006252274886E-2</v>
      </c>
    </row>
    <row r="386" spans="1:6" x14ac:dyDescent="0.2">
      <c r="A386">
        <v>1176.3927510000001</v>
      </c>
      <c r="B386">
        <v>19.988239</v>
      </c>
      <c r="C386">
        <v>8.3474690000000002</v>
      </c>
      <c r="D386">
        <f t="shared" si="18"/>
        <v>1.921843</v>
      </c>
      <c r="E386">
        <f t="shared" si="19"/>
        <v>35.200193000000127</v>
      </c>
      <c r="F386">
        <f t="shared" si="17"/>
        <v>1.5569504766207247E-2</v>
      </c>
    </row>
    <row r="387" spans="1:6" x14ac:dyDescent="0.2">
      <c r="A387">
        <v>1175.9394090000001</v>
      </c>
      <c r="B387">
        <v>20.017994999999999</v>
      </c>
      <c r="C387">
        <v>8.3524740000000008</v>
      </c>
      <c r="D387">
        <f t="shared" si="18"/>
        <v>1.9268480000000006</v>
      </c>
      <c r="E387">
        <f t="shared" si="19"/>
        <v>34.746851000000106</v>
      </c>
      <c r="F387">
        <f t="shared" ref="F387:F414" si="20">(1/A387)*(E387/D387)</f>
        <v>1.5334974225092972E-2</v>
      </c>
    </row>
    <row r="388" spans="1:6" x14ac:dyDescent="0.2">
      <c r="A388">
        <v>1175.5855939999999</v>
      </c>
      <c r="B388">
        <v>20.009862999999999</v>
      </c>
      <c r="C388">
        <v>8.3574780000000004</v>
      </c>
      <c r="D388">
        <f t="shared" si="18"/>
        <v>1.9318520000000001</v>
      </c>
      <c r="E388">
        <f t="shared" si="19"/>
        <v>34.393035999999938</v>
      </c>
      <c r="F388">
        <f t="shared" si="20"/>
        <v>1.5144062976411096E-2</v>
      </c>
    </row>
    <row r="389" spans="1:6" x14ac:dyDescent="0.2">
      <c r="A389">
        <v>1175.728402</v>
      </c>
      <c r="B389">
        <v>19.983038000000001</v>
      </c>
      <c r="C389">
        <v>8.3624829999999992</v>
      </c>
      <c r="D389">
        <f t="shared" si="18"/>
        <v>1.9368569999999989</v>
      </c>
      <c r="E389">
        <f t="shared" si="19"/>
        <v>34.535843999999997</v>
      </c>
      <c r="F389">
        <f t="shared" si="20"/>
        <v>1.5165806371140445E-2</v>
      </c>
    </row>
    <row r="390" spans="1:6" x14ac:dyDescent="0.2">
      <c r="A390">
        <v>1175.8501189999999</v>
      </c>
      <c r="B390">
        <v>20.004117999999998</v>
      </c>
      <c r="C390">
        <v>8.3674879999999998</v>
      </c>
      <c r="D390">
        <f t="shared" si="18"/>
        <v>1.9418619999999995</v>
      </c>
      <c r="E390">
        <f t="shared" si="19"/>
        <v>34.657560999999987</v>
      </c>
      <c r="F390">
        <f t="shared" si="20"/>
        <v>1.5178458434458194E-2</v>
      </c>
    </row>
    <row r="391" spans="1:6" x14ac:dyDescent="0.2">
      <c r="A391">
        <v>1176.091543</v>
      </c>
      <c r="B391">
        <v>19.989125999999999</v>
      </c>
      <c r="C391">
        <v>8.3724930000000004</v>
      </c>
      <c r="D391">
        <f t="shared" ref="D391:D409" si="21">C391-$C$2</f>
        <v>1.9468670000000001</v>
      </c>
      <c r="E391">
        <f t="shared" ref="E391:E409" si="22">A391-$A$2</f>
        <v>34.898985000000039</v>
      </c>
      <c r="F391">
        <f t="shared" si="20"/>
        <v>1.5241769351831009E-2</v>
      </c>
    </row>
    <row r="392" spans="1:6" x14ac:dyDescent="0.2">
      <c r="A392">
        <v>1176.169296</v>
      </c>
      <c r="B392">
        <v>19.993476999999999</v>
      </c>
      <c r="C392">
        <v>8.3774979999999992</v>
      </c>
      <c r="D392">
        <f t="shared" si="21"/>
        <v>1.9518719999999989</v>
      </c>
      <c r="E392">
        <f t="shared" si="22"/>
        <v>34.976738000000068</v>
      </c>
      <c r="F392">
        <f t="shared" si="20"/>
        <v>1.5235549828083519E-2</v>
      </c>
    </row>
    <row r="393" spans="1:6" x14ac:dyDescent="0.2">
      <c r="A393">
        <v>1176.0414430000001</v>
      </c>
      <c r="B393">
        <v>20.016085</v>
      </c>
      <c r="C393">
        <v>8.3825020000000006</v>
      </c>
      <c r="D393">
        <f t="shared" si="21"/>
        <v>1.9568760000000003</v>
      </c>
      <c r="E393">
        <f t="shared" si="22"/>
        <v>34.848885000000109</v>
      </c>
      <c r="F393">
        <f t="shared" si="20"/>
        <v>1.5142687297856833E-2</v>
      </c>
    </row>
    <row r="394" spans="1:6" x14ac:dyDescent="0.2">
      <c r="A394">
        <v>1175.916066</v>
      </c>
      <c r="B394">
        <v>19.99315</v>
      </c>
      <c r="C394">
        <v>8.3875069999999994</v>
      </c>
      <c r="D394">
        <f t="shared" si="21"/>
        <v>1.9618809999999991</v>
      </c>
      <c r="E394">
        <f t="shared" si="22"/>
        <v>34.723508000000038</v>
      </c>
      <c r="F394">
        <f t="shared" si="20"/>
        <v>1.5051320679959844E-2</v>
      </c>
    </row>
    <row r="395" spans="1:6" x14ac:dyDescent="0.2">
      <c r="A395">
        <v>1175.9336820000001</v>
      </c>
      <c r="B395">
        <v>19.991451000000001</v>
      </c>
      <c r="C395">
        <v>8.392512</v>
      </c>
      <c r="D395">
        <f t="shared" si="21"/>
        <v>1.9668859999999997</v>
      </c>
      <c r="E395">
        <f t="shared" si="22"/>
        <v>34.741124000000127</v>
      </c>
      <c r="F395">
        <f t="shared" si="20"/>
        <v>1.5020412035944442E-2</v>
      </c>
    </row>
    <row r="396" spans="1:6" x14ac:dyDescent="0.2">
      <c r="A396">
        <v>1176.365751</v>
      </c>
      <c r="B396">
        <v>19.956769000000001</v>
      </c>
      <c r="C396">
        <v>8.3975170000000006</v>
      </c>
      <c r="D396">
        <f t="shared" si="21"/>
        <v>1.9718910000000003</v>
      </c>
      <c r="E396">
        <f t="shared" si="22"/>
        <v>35.173193000000083</v>
      </c>
      <c r="F396">
        <f t="shared" si="20"/>
        <v>1.5163048301100818E-2</v>
      </c>
    </row>
    <row r="397" spans="1:6" x14ac:dyDescent="0.2">
      <c r="A397">
        <v>1176.7020500000001</v>
      </c>
      <c r="B397">
        <v>19.992677</v>
      </c>
      <c r="C397">
        <v>8.4025219999999994</v>
      </c>
      <c r="D397">
        <f t="shared" si="21"/>
        <v>1.9768959999999991</v>
      </c>
      <c r="E397">
        <f t="shared" si="22"/>
        <v>35.509492000000137</v>
      </c>
      <c r="F397">
        <f t="shared" si="20"/>
        <v>1.5264905728874685E-2</v>
      </c>
    </row>
    <row r="398" spans="1:6" x14ac:dyDescent="0.2">
      <c r="A398">
        <v>1176.3378729999999</v>
      </c>
      <c r="B398">
        <v>20.034219</v>
      </c>
      <c r="C398">
        <v>8.4075260000000007</v>
      </c>
      <c r="D398">
        <f t="shared" si="21"/>
        <v>1.9819000000000004</v>
      </c>
      <c r="E398">
        <f t="shared" si="22"/>
        <v>35.145314999999982</v>
      </c>
      <c r="F398">
        <f t="shared" si="20"/>
        <v>1.5074871638578626E-2</v>
      </c>
    </row>
    <row r="399" spans="1:6" x14ac:dyDescent="0.2">
      <c r="A399">
        <v>1175.681865</v>
      </c>
      <c r="B399">
        <v>20.047899999999998</v>
      </c>
      <c r="C399">
        <v>8.4125309999999995</v>
      </c>
      <c r="D399">
        <f t="shared" si="21"/>
        <v>1.9869049999999993</v>
      </c>
      <c r="E399">
        <f t="shared" si="22"/>
        <v>34.489307000000053</v>
      </c>
      <c r="F399">
        <f t="shared" si="20"/>
        <v>1.4764459274177829E-2</v>
      </c>
    </row>
    <row r="400" spans="1:6" x14ac:dyDescent="0.2">
      <c r="A400">
        <v>1175.0880440000001</v>
      </c>
      <c r="B400">
        <v>20.035585999999999</v>
      </c>
      <c r="C400">
        <v>8.4175360000000001</v>
      </c>
      <c r="D400">
        <f t="shared" si="21"/>
        <v>1.9919099999999998</v>
      </c>
      <c r="E400">
        <f t="shared" si="22"/>
        <v>33.895486000000119</v>
      </c>
      <c r="F400">
        <f t="shared" si="20"/>
        <v>1.4481106443851605E-2</v>
      </c>
    </row>
    <row r="401" spans="1:7" x14ac:dyDescent="0.2">
      <c r="A401">
        <v>1174.75432</v>
      </c>
      <c r="B401">
        <v>20.024536999999999</v>
      </c>
      <c r="C401">
        <v>8.4225410000000007</v>
      </c>
      <c r="D401">
        <f t="shared" si="21"/>
        <v>1.9969150000000004</v>
      </c>
      <c r="E401">
        <f t="shared" si="22"/>
        <v>33.561762000000044</v>
      </c>
      <c r="F401">
        <f t="shared" si="20"/>
        <v>1.4306655622666604E-2</v>
      </c>
    </row>
    <row r="402" spans="1:7" x14ac:dyDescent="0.2">
      <c r="A402">
        <v>1174.4673929999999</v>
      </c>
      <c r="B402">
        <v>20.000116999999999</v>
      </c>
      <c r="C402">
        <v>8.4275459999999995</v>
      </c>
      <c r="D402">
        <f t="shared" si="21"/>
        <v>2.0019199999999993</v>
      </c>
      <c r="E402">
        <f t="shared" si="22"/>
        <v>33.274834999999939</v>
      </c>
      <c r="F402">
        <f t="shared" si="20"/>
        <v>1.4152339176553315E-2</v>
      </c>
    </row>
    <row r="403" spans="1:7" x14ac:dyDescent="0.2">
      <c r="A403">
        <v>1174.2952049999999</v>
      </c>
      <c r="B403">
        <v>19.996552000000001</v>
      </c>
      <c r="C403">
        <v>8.4325500000000009</v>
      </c>
      <c r="D403">
        <f t="shared" si="21"/>
        <v>2.0069240000000006</v>
      </c>
      <c r="E403">
        <f t="shared" si="22"/>
        <v>33.102646999999934</v>
      </c>
      <c r="F403">
        <f t="shared" si="20"/>
        <v>1.4046059660610804E-2</v>
      </c>
    </row>
    <row r="404" spans="1:7" x14ac:dyDescent="0.2">
      <c r="A404">
        <v>1173.938686</v>
      </c>
      <c r="B404">
        <v>19.967407000000001</v>
      </c>
      <c r="C404">
        <v>8.4375549999999997</v>
      </c>
      <c r="D404">
        <f t="shared" si="21"/>
        <v>2.0119289999999994</v>
      </c>
      <c r="E404">
        <f t="shared" si="22"/>
        <v>32.746127999999999</v>
      </c>
      <c r="F404">
        <f t="shared" si="20"/>
        <v>1.3864425865087803E-2</v>
      </c>
    </row>
    <row r="405" spans="1:7" x14ac:dyDescent="0.2">
      <c r="A405">
        <v>1173.661261</v>
      </c>
      <c r="B405">
        <v>19.962</v>
      </c>
      <c r="C405">
        <v>8.4425600000000003</v>
      </c>
      <c r="D405">
        <f t="shared" si="21"/>
        <v>2.016934</v>
      </c>
      <c r="E405">
        <f t="shared" si="22"/>
        <v>32.468703000000005</v>
      </c>
      <c r="F405">
        <f t="shared" si="20"/>
        <v>1.3716094968254834E-2</v>
      </c>
    </row>
    <row r="406" spans="1:7" x14ac:dyDescent="0.2">
      <c r="A406">
        <v>1173.705305</v>
      </c>
      <c r="B406">
        <v>19.903796</v>
      </c>
      <c r="C406">
        <v>8.4475650000000009</v>
      </c>
      <c r="D406">
        <f t="shared" si="21"/>
        <v>2.0219390000000006</v>
      </c>
      <c r="E406">
        <f t="shared" si="22"/>
        <v>32.51274699999999</v>
      </c>
      <c r="F406">
        <f t="shared" si="20"/>
        <v>1.3700188663847463E-2</v>
      </c>
    </row>
    <row r="407" spans="1:7" x14ac:dyDescent="0.2">
      <c r="A407">
        <v>1173.9585070000001</v>
      </c>
      <c r="B407">
        <v>19.863334999999999</v>
      </c>
      <c r="C407">
        <v>8.4525699999999997</v>
      </c>
      <c r="D407">
        <f t="shared" si="21"/>
        <v>2.0269439999999994</v>
      </c>
      <c r="E407">
        <f t="shared" si="22"/>
        <v>32.765949000000091</v>
      </c>
      <c r="F407">
        <f t="shared" si="20"/>
        <v>1.3769819691308558E-2</v>
      </c>
    </row>
    <row r="408" spans="1:7" x14ac:dyDescent="0.2">
      <c r="A408">
        <v>1174.4234469999999</v>
      </c>
      <c r="B408">
        <v>19.833024000000002</v>
      </c>
      <c r="C408">
        <v>8.4575739999999993</v>
      </c>
      <c r="D408">
        <f t="shared" si="21"/>
        <v>2.031947999999999</v>
      </c>
      <c r="E408">
        <f t="shared" si="22"/>
        <v>33.230888999999934</v>
      </c>
      <c r="F408">
        <f t="shared" si="20"/>
        <v>1.3925303102151211E-2</v>
      </c>
    </row>
    <row r="409" spans="1:7" s="1" customFormat="1" x14ac:dyDescent="0.2">
      <c r="A409">
        <v>1174.9530950000001</v>
      </c>
      <c r="B409">
        <v>19.830916999999999</v>
      </c>
      <c r="C409">
        <v>8.4625789999999999</v>
      </c>
      <c r="D409">
        <f t="shared" si="21"/>
        <v>2.0369529999999996</v>
      </c>
      <c r="E409">
        <f t="shared" si="22"/>
        <v>33.760537000000113</v>
      </c>
      <c r="F409">
        <f t="shared" si="20"/>
        <v>1.4106127599662559E-2</v>
      </c>
      <c r="G409"/>
    </row>
    <row r="410" spans="1:7" s="1" customFormat="1" x14ac:dyDescent="0.2">
      <c r="A410">
        <v>1175.094147</v>
      </c>
      <c r="B410">
        <v>19.836948</v>
      </c>
      <c r="C410">
        <v>8.4675840000000004</v>
      </c>
      <c r="D410">
        <f t="shared" ref="D410:D414" si="23">C410-$C$2</f>
        <v>2.0419580000000002</v>
      </c>
      <c r="E410">
        <f t="shared" ref="E410:E414" si="24">A410-$A$2</f>
        <v>33.901589000000058</v>
      </c>
      <c r="F410">
        <f t="shared" si="20"/>
        <v>1.4128647382814134E-2</v>
      </c>
      <c r="G410"/>
    </row>
    <row r="411" spans="1:7" s="1" customFormat="1" x14ac:dyDescent="0.2">
      <c r="A411">
        <v>1174.6852260000001</v>
      </c>
      <c r="B411">
        <v>19.858468999999999</v>
      </c>
      <c r="C411">
        <v>8.4725889999999993</v>
      </c>
      <c r="D411">
        <f t="shared" si="23"/>
        <v>2.046962999999999</v>
      </c>
      <c r="E411">
        <f t="shared" si="24"/>
        <v>33.492668000000094</v>
      </c>
      <c r="F411">
        <f t="shared" si="20"/>
        <v>1.3928945694760697E-2</v>
      </c>
      <c r="G411"/>
    </row>
    <row r="412" spans="1:7" x14ac:dyDescent="0.2">
      <c r="A412">
        <v>1174.084926</v>
      </c>
      <c r="B412">
        <v>19.838224</v>
      </c>
      <c r="C412">
        <v>8.4775939999999999</v>
      </c>
      <c r="D412">
        <f t="shared" si="23"/>
        <v>2.0519679999999996</v>
      </c>
      <c r="E412">
        <f t="shared" si="24"/>
        <v>32.892368000000033</v>
      </c>
      <c r="F412">
        <f t="shared" si="20"/>
        <v>1.3652904252226228E-2</v>
      </c>
    </row>
    <row r="413" spans="1:7" x14ac:dyDescent="0.2">
      <c r="A413">
        <v>1173.496543</v>
      </c>
      <c r="B413">
        <v>19.816189000000001</v>
      </c>
      <c r="C413">
        <v>8.4825979999999994</v>
      </c>
      <c r="D413">
        <f t="shared" si="23"/>
        <v>2.0569719999999991</v>
      </c>
      <c r="E413">
        <f t="shared" si="24"/>
        <v>32.303985000000011</v>
      </c>
      <c r="F413">
        <f t="shared" si="20"/>
        <v>1.3382766649078419E-2</v>
      </c>
    </row>
    <row r="414" spans="1:7" x14ac:dyDescent="0.2">
      <c r="A414" s="1">
        <v>1172.6666110000001</v>
      </c>
      <c r="B414">
        <v>19.816040999999998</v>
      </c>
      <c r="C414">
        <v>8.487603</v>
      </c>
      <c r="D414">
        <f t="shared" si="23"/>
        <v>2.0619769999999997</v>
      </c>
      <c r="E414">
        <f t="shared" si="24"/>
        <v>31.47405300000014</v>
      </c>
      <c r="F414">
        <f t="shared" si="20"/>
        <v>1.3016502176073844E-2</v>
      </c>
    </row>
    <row r="415" spans="1:7" ht="15" x14ac:dyDescent="0.25">
      <c r="A415">
        <f>MAX(A2:A414)</f>
        <v>1179.8199030000001</v>
      </c>
      <c r="B415" s="3" t="s">
        <v>16</v>
      </c>
    </row>
    <row r="416" spans="1:7" ht="15" x14ac:dyDescent="0.25">
      <c r="A416">
        <f>MIN(A2:A414)</f>
        <v>1141.192558</v>
      </c>
      <c r="B416" s="3" t="s">
        <v>17</v>
      </c>
    </row>
    <row r="418" spans="1:3" x14ac:dyDescent="0.2">
      <c r="A418" t="s">
        <v>20</v>
      </c>
      <c r="C418" s="14">
        <f>E414/A416</f>
        <v>2.7579966920885005E-2</v>
      </c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12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  <col min="6" max="6" width="11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1132.8908570000001</v>
      </c>
      <c r="B2" s="1">
        <v>19.919813000000001</v>
      </c>
      <c r="C2" s="1">
        <v>6.3606530000000001</v>
      </c>
      <c r="D2">
        <f>C2-$C$2</f>
        <v>0</v>
      </c>
      <c r="E2">
        <f>A2-$A$2</f>
        <v>0</v>
      </c>
      <c r="G2" s="3">
        <f>(A409-A410)/A409</f>
        <v>3.7834942103307651E-2</v>
      </c>
    </row>
    <row r="3" spans="1:7" x14ac:dyDescent="0.2">
      <c r="A3">
        <v>1133.913483</v>
      </c>
      <c r="B3">
        <v>19.923259000000002</v>
      </c>
      <c r="C3">
        <v>6.3656579999999998</v>
      </c>
      <c r="D3">
        <f t="shared" ref="D3:D6" si="0">C3-$C$2</f>
        <v>5.0049999999997041E-3</v>
      </c>
      <c r="E3">
        <f t="shared" ref="E3:E6" si="1">A3-$A$2</f>
        <v>1.0226259999999456</v>
      </c>
      <c r="F3">
        <f t="shared" ref="F3:F66" si="2">(1/A3)*(E3/D3)</f>
        <v>0.18019088950270498</v>
      </c>
      <c r="G3" s="4">
        <f>G2*100</f>
        <v>3.7834942103307649</v>
      </c>
    </row>
    <row r="4" spans="1:7" x14ac:dyDescent="0.2">
      <c r="A4">
        <v>1134.744121</v>
      </c>
      <c r="B4">
        <v>19.931505999999999</v>
      </c>
      <c r="C4">
        <v>6.3706620000000003</v>
      </c>
      <c r="D4">
        <f t="shared" si="0"/>
        <v>1.0009000000000157E-2</v>
      </c>
      <c r="E4">
        <f t="shared" si="1"/>
        <v>1.8532639999998537</v>
      </c>
      <c r="F4">
        <f t="shared" si="2"/>
        <v>0.16317313550495588</v>
      </c>
    </row>
    <row r="5" spans="1:7" x14ac:dyDescent="0.2">
      <c r="A5">
        <v>1135.657631</v>
      </c>
      <c r="B5">
        <v>19.948765999999999</v>
      </c>
      <c r="C5">
        <v>6.375667</v>
      </c>
      <c r="D5">
        <f t="shared" si="0"/>
        <v>1.5013999999999861E-2</v>
      </c>
      <c r="E5">
        <f t="shared" si="1"/>
        <v>2.7667739999999412</v>
      </c>
      <c r="F5">
        <f t="shared" si="2"/>
        <v>0.16226686694217546</v>
      </c>
    </row>
    <row r="6" spans="1:7" x14ac:dyDescent="0.2">
      <c r="A6">
        <v>1135.8018010000001</v>
      </c>
      <c r="B6">
        <v>19.990537</v>
      </c>
      <c r="C6">
        <v>6.3806719999999997</v>
      </c>
      <c r="D6">
        <f t="shared" si="0"/>
        <v>2.0018999999999565E-2</v>
      </c>
      <c r="E6">
        <f t="shared" si="1"/>
        <v>2.9109439999999722</v>
      </c>
      <c r="F6">
        <f t="shared" si="2"/>
        <v>0.12802327066540695</v>
      </c>
    </row>
    <row r="7" spans="1:7" x14ac:dyDescent="0.2">
      <c r="A7">
        <v>1136.3539060000001</v>
      </c>
      <c r="B7">
        <v>19.968592999999998</v>
      </c>
      <c r="C7">
        <v>6.3856770000000003</v>
      </c>
      <c r="D7">
        <f t="shared" ref="D7:D70" si="3">C7-$C$2</f>
        <v>2.5024000000000157E-2</v>
      </c>
      <c r="E7">
        <f t="shared" ref="E7:E70" si="4">A7-$A$2</f>
        <v>3.4630489999999554</v>
      </c>
      <c r="F7">
        <f t="shared" si="2"/>
        <v>0.12178345648050058</v>
      </c>
    </row>
    <row r="8" spans="1:7" x14ac:dyDescent="0.2">
      <c r="A8">
        <v>1136.6460589999999</v>
      </c>
      <c r="B8">
        <v>19.965340999999999</v>
      </c>
      <c r="C8">
        <v>6.390682</v>
      </c>
      <c r="D8">
        <f t="shared" si="3"/>
        <v>3.0028999999999861E-2</v>
      </c>
      <c r="E8">
        <f t="shared" si="4"/>
        <v>3.7552019999998265</v>
      </c>
      <c r="F8">
        <f t="shared" si="2"/>
        <v>0.11001887079194125</v>
      </c>
    </row>
    <row r="9" spans="1:7" x14ac:dyDescent="0.2">
      <c r="A9">
        <v>1136.8087860000001</v>
      </c>
      <c r="B9">
        <v>19.987981000000001</v>
      </c>
      <c r="C9">
        <v>6.3956860000000004</v>
      </c>
      <c r="D9">
        <f t="shared" si="3"/>
        <v>3.5033000000000314E-2</v>
      </c>
      <c r="E9">
        <f t="shared" si="4"/>
        <v>3.9179289999999583</v>
      </c>
      <c r="F9">
        <f t="shared" si="2"/>
        <v>9.8376600496298663E-2</v>
      </c>
    </row>
    <row r="10" spans="1:7" x14ac:dyDescent="0.2">
      <c r="A10">
        <v>1137.0869709999999</v>
      </c>
      <c r="B10">
        <v>19.979937</v>
      </c>
      <c r="C10">
        <v>6.4006910000000001</v>
      </c>
      <c r="D10">
        <f t="shared" si="3"/>
        <v>4.0038000000000018E-2</v>
      </c>
      <c r="E10">
        <f t="shared" si="4"/>
        <v>4.1961139999998522</v>
      </c>
      <c r="F10">
        <f t="shared" si="2"/>
        <v>9.2168224199503795E-2</v>
      </c>
    </row>
    <row r="11" spans="1:7" x14ac:dyDescent="0.2">
      <c r="A11">
        <v>1137.1314070000001</v>
      </c>
      <c r="B11">
        <v>19.984642999999998</v>
      </c>
      <c r="C11">
        <v>6.4056959999999998</v>
      </c>
      <c r="D11">
        <f t="shared" si="3"/>
        <v>4.5042999999999722E-2</v>
      </c>
      <c r="E11">
        <f t="shared" si="4"/>
        <v>4.2405499999999847</v>
      </c>
      <c r="F11">
        <f t="shared" si="2"/>
        <v>8.2791209160210169E-2</v>
      </c>
    </row>
    <row r="12" spans="1:7" x14ac:dyDescent="0.2">
      <c r="A12">
        <v>1137.3787560000001</v>
      </c>
      <c r="B12">
        <v>19.985547</v>
      </c>
      <c r="C12">
        <v>6.4107010000000004</v>
      </c>
      <c r="D12">
        <f t="shared" si="3"/>
        <v>5.0048000000000314E-2</v>
      </c>
      <c r="E12">
        <f t="shared" si="4"/>
        <v>4.4878989999999703</v>
      </c>
      <c r="F12">
        <f t="shared" si="2"/>
        <v>7.8840838645677369E-2</v>
      </c>
    </row>
    <row r="13" spans="1:7" x14ac:dyDescent="0.2">
      <c r="A13">
        <v>1137.678193</v>
      </c>
      <c r="B13">
        <v>19.982858</v>
      </c>
      <c r="C13">
        <v>6.4157060000000001</v>
      </c>
      <c r="D13">
        <f t="shared" si="3"/>
        <v>5.5053000000000019E-2</v>
      </c>
      <c r="E13">
        <f t="shared" si="4"/>
        <v>4.7873359999998684</v>
      </c>
      <c r="F13">
        <f t="shared" si="2"/>
        <v>7.6435214034875132E-2</v>
      </c>
    </row>
    <row r="14" spans="1:7" x14ac:dyDescent="0.2">
      <c r="A14">
        <v>1137.6214399999999</v>
      </c>
      <c r="B14">
        <v>20.020616</v>
      </c>
      <c r="C14">
        <v>6.4207099999999997</v>
      </c>
      <c r="D14">
        <f t="shared" si="3"/>
        <v>6.0056999999999583E-2</v>
      </c>
      <c r="E14">
        <f t="shared" si="4"/>
        <v>4.7305829999997968</v>
      </c>
      <c r="F14">
        <f t="shared" si="2"/>
        <v>6.9239394952697E-2</v>
      </c>
    </row>
    <row r="15" spans="1:7" x14ac:dyDescent="0.2">
      <c r="A15">
        <v>1137.139357</v>
      </c>
      <c r="B15">
        <v>20.031880999999998</v>
      </c>
      <c r="C15">
        <v>6.4257150000000003</v>
      </c>
      <c r="D15">
        <f t="shared" si="3"/>
        <v>6.5062000000000175E-2</v>
      </c>
      <c r="E15">
        <f t="shared" si="4"/>
        <v>4.2484999999999218</v>
      </c>
      <c r="F15">
        <f t="shared" si="2"/>
        <v>5.7424142976167117E-2</v>
      </c>
    </row>
    <row r="16" spans="1:7" x14ac:dyDescent="0.2">
      <c r="A16">
        <v>1136.452268</v>
      </c>
      <c r="B16">
        <v>20.057653999999999</v>
      </c>
      <c r="C16">
        <v>6.43072</v>
      </c>
      <c r="D16">
        <f t="shared" si="3"/>
        <v>7.0066999999999879E-2</v>
      </c>
      <c r="E16">
        <f t="shared" si="4"/>
        <v>3.5614109999999073</v>
      </c>
      <c r="F16">
        <f t="shared" si="2"/>
        <v>4.4725723334101443E-2</v>
      </c>
    </row>
    <row r="17" spans="1:6" x14ac:dyDescent="0.2">
      <c r="A17">
        <v>1136.178719</v>
      </c>
      <c r="B17">
        <v>20.021255</v>
      </c>
      <c r="C17">
        <v>6.4357249999999997</v>
      </c>
      <c r="D17">
        <f t="shared" si="3"/>
        <v>7.5071999999999584E-2</v>
      </c>
      <c r="E17">
        <f t="shared" si="4"/>
        <v>3.2878619999999046</v>
      </c>
      <c r="F17">
        <f t="shared" si="2"/>
        <v>3.8546854466211165E-2</v>
      </c>
    </row>
    <row r="18" spans="1:6" x14ac:dyDescent="0.2">
      <c r="A18">
        <v>1136.3075799999999</v>
      </c>
      <c r="B18">
        <v>19.964929000000001</v>
      </c>
      <c r="C18">
        <v>6.4407300000000003</v>
      </c>
      <c r="D18">
        <f t="shared" si="3"/>
        <v>8.0077000000000176E-2</v>
      </c>
      <c r="E18">
        <f t="shared" si="4"/>
        <v>3.4167229999998199</v>
      </c>
      <c r="F18">
        <f t="shared" si="2"/>
        <v>3.7549665539745501E-2</v>
      </c>
    </row>
    <row r="19" spans="1:6" x14ac:dyDescent="0.2">
      <c r="A19">
        <v>1136.739767</v>
      </c>
      <c r="B19">
        <v>19.945969999999999</v>
      </c>
      <c r="C19">
        <v>6.4457339999999999</v>
      </c>
      <c r="D19">
        <f t="shared" si="3"/>
        <v>8.508099999999974E-2</v>
      </c>
      <c r="E19">
        <f t="shared" si="4"/>
        <v>3.8489099999999326</v>
      </c>
      <c r="F19">
        <f t="shared" si="2"/>
        <v>3.9796430196158125E-2</v>
      </c>
    </row>
    <row r="20" spans="1:6" x14ac:dyDescent="0.2">
      <c r="A20">
        <v>1137.15103</v>
      </c>
      <c r="B20">
        <v>19.98714</v>
      </c>
      <c r="C20">
        <v>6.4507389999999996</v>
      </c>
      <c r="D20">
        <f t="shared" si="3"/>
        <v>9.0085999999999444E-2</v>
      </c>
      <c r="E20">
        <f t="shared" si="4"/>
        <v>4.2601729999998952</v>
      </c>
      <c r="F20">
        <f t="shared" si="2"/>
        <v>4.1586443683785029E-2</v>
      </c>
    </row>
    <row r="21" spans="1:6" x14ac:dyDescent="0.2">
      <c r="A21">
        <v>1137.7104469999999</v>
      </c>
      <c r="B21">
        <v>19.954280000000001</v>
      </c>
      <c r="C21">
        <v>6.4557440000000001</v>
      </c>
      <c r="D21">
        <f t="shared" si="3"/>
        <v>9.5091000000000037E-2</v>
      </c>
      <c r="E21">
        <f t="shared" si="4"/>
        <v>4.8195899999998346</v>
      </c>
      <c r="F21">
        <f t="shared" si="2"/>
        <v>4.4549099935926352E-2</v>
      </c>
    </row>
    <row r="22" spans="1:6" x14ac:dyDescent="0.2">
      <c r="A22">
        <v>1138.3248610000001</v>
      </c>
      <c r="B22">
        <v>19.935668</v>
      </c>
      <c r="C22">
        <v>6.4607489999999999</v>
      </c>
      <c r="D22">
        <f t="shared" si="3"/>
        <v>0.10009599999999974</v>
      </c>
      <c r="E22">
        <f t="shared" si="4"/>
        <v>5.434003999999959</v>
      </c>
      <c r="F22">
        <f t="shared" si="2"/>
        <v>4.7691063819566455E-2</v>
      </c>
    </row>
    <row r="23" spans="1:6" x14ac:dyDescent="0.2">
      <c r="A23">
        <v>1139.357274</v>
      </c>
      <c r="B23">
        <v>19.922474000000001</v>
      </c>
      <c r="C23">
        <v>6.4657539999999996</v>
      </c>
      <c r="D23">
        <f t="shared" si="3"/>
        <v>0.10510099999999944</v>
      </c>
      <c r="E23">
        <f t="shared" si="4"/>
        <v>6.4664169999998649</v>
      </c>
      <c r="F23">
        <f t="shared" si="2"/>
        <v>5.4000394177853218E-2</v>
      </c>
    </row>
    <row r="24" spans="1:6" x14ac:dyDescent="0.2">
      <c r="A24">
        <v>1140.3309549999999</v>
      </c>
      <c r="B24">
        <v>19.931857999999998</v>
      </c>
      <c r="C24">
        <v>6.470758</v>
      </c>
      <c r="D24">
        <f t="shared" si="3"/>
        <v>0.1101049999999999</v>
      </c>
      <c r="E24">
        <f t="shared" si="4"/>
        <v>7.4400979999998071</v>
      </c>
      <c r="F24">
        <f t="shared" si="2"/>
        <v>5.9257141959245863E-2</v>
      </c>
    </row>
    <row r="25" spans="1:6" x14ac:dyDescent="0.2">
      <c r="A25">
        <v>1141.324537</v>
      </c>
      <c r="B25">
        <v>19.93572</v>
      </c>
      <c r="C25">
        <v>6.4757629999999997</v>
      </c>
      <c r="D25">
        <f t="shared" si="3"/>
        <v>0.1151099999999996</v>
      </c>
      <c r="E25">
        <f t="shared" si="4"/>
        <v>8.4336799999998675</v>
      </c>
      <c r="F25">
        <f t="shared" si="2"/>
        <v>6.4194069849309518E-2</v>
      </c>
    </row>
    <row r="26" spans="1:6" x14ac:dyDescent="0.2">
      <c r="A26">
        <v>1141.931765</v>
      </c>
      <c r="B26">
        <v>19.956268000000001</v>
      </c>
      <c r="C26">
        <v>6.4807680000000003</v>
      </c>
      <c r="D26">
        <f t="shared" si="3"/>
        <v>0.12011500000000019</v>
      </c>
      <c r="E26">
        <f t="shared" si="4"/>
        <v>9.0409079999999449</v>
      </c>
      <c r="F26">
        <f t="shared" si="2"/>
        <v>6.5913542068085973E-2</v>
      </c>
    </row>
    <row r="27" spans="1:6" x14ac:dyDescent="0.2">
      <c r="A27">
        <v>1142.4841779999999</v>
      </c>
      <c r="B27">
        <v>19.968437000000002</v>
      </c>
      <c r="C27">
        <v>6.485773</v>
      </c>
      <c r="D27">
        <f t="shared" si="3"/>
        <v>0.1251199999999999</v>
      </c>
      <c r="E27">
        <f t="shared" si="4"/>
        <v>9.5933209999998326</v>
      </c>
      <c r="F27">
        <f t="shared" si="2"/>
        <v>6.7110742917019614E-2</v>
      </c>
    </row>
    <row r="28" spans="1:6" x14ac:dyDescent="0.2">
      <c r="A28">
        <v>1142.612353</v>
      </c>
      <c r="B28">
        <v>19.989307</v>
      </c>
      <c r="C28">
        <v>6.4907779999999997</v>
      </c>
      <c r="D28">
        <f t="shared" si="3"/>
        <v>0.1301249999999996</v>
      </c>
      <c r="E28">
        <f t="shared" si="4"/>
        <v>9.7214959999998882</v>
      </c>
      <c r="F28">
        <f t="shared" si="2"/>
        <v>6.5384294841336468E-2</v>
      </c>
    </row>
    <row r="29" spans="1:6" x14ac:dyDescent="0.2">
      <c r="A29">
        <v>1143.020246</v>
      </c>
      <c r="B29">
        <v>19.961148000000001</v>
      </c>
      <c r="C29">
        <v>6.4957820000000002</v>
      </c>
      <c r="D29">
        <f t="shared" si="3"/>
        <v>0.13512900000000005</v>
      </c>
      <c r="E29">
        <f t="shared" si="4"/>
        <v>10.129388999999946</v>
      </c>
      <c r="F29">
        <f t="shared" si="2"/>
        <v>6.5581412128402822E-2</v>
      </c>
    </row>
    <row r="30" spans="1:6" x14ac:dyDescent="0.2">
      <c r="A30">
        <v>1143.445543</v>
      </c>
      <c r="B30">
        <v>19.980777</v>
      </c>
      <c r="C30">
        <v>6.5007869999999999</v>
      </c>
      <c r="D30">
        <f t="shared" si="3"/>
        <v>0.14013399999999976</v>
      </c>
      <c r="E30">
        <f t="shared" si="4"/>
        <v>10.554685999999947</v>
      </c>
      <c r="F30">
        <f t="shared" si="2"/>
        <v>6.5869795164128109E-2</v>
      </c>
    </row>
    <row r="31" spans="1:6" x14ac:dyDescent="0.2">
      <c r="A31">
        <v>1143.382124</v>
      </c>
      <c r="B31">
        <v>20.007301999999999</v>
      </c>
      <c r="C31">
        <v>6.5057919999999996</v>
      </c>
      <c r="D31">
        <f t="shared" si="3"/>
        <v>0.14513899999999946</v>
      </c>
      <c r="E31">
        <f t="shared" si="4"/>
        <v>10.49126699999988</v>
      </c>
      <c r="F31">
        <f t="shared" si="2"/>
        <v>6.3219697772937955E-2</v>
      </c>
    </row>
    <row r="32" spans="1:6" x14ac:dyDescent="0.2">
      <c r="A32">
        <v>1143.2140609999999</v>
      </c>
      <c r="B32">
        <v>20.030715000000001</v>
      </c>
      <c r="C32">
        <v>6.5107970000000002</v>
      </c>
      <c r="D32">
        <f t="shared" si="3"/>
        <v>0.15014400000000006</v>
      </c>
      <c r="E32">
        <f t="shared" si="4"/>
        <v>10.323203999999805</v>
      </c>
      <c r="F32">
        <f t="shared" si="2"/>
        <v>6.0142152904585147E-2</v>
      </c>
    </row>
    <row r="33" spans="1:6" x14ac:dyDescent="0.2">
      <c r="A33">
        <v>1142.713614</v>
      </c>
      <c r="B33">
        <v>20.023723</v>
      </c>
      <c r="C33">
        <v>6.5158019999999999</v>
      </c>
      <c r="D33">
        <f t="shared" si="3"/>
        <v>0.15514899999999976</v>
      </c>
      <c r="E33">
        <f t="shared" si="4"/>
        <v>9.8227569999999105</v>
      </c>
      <c r="F33">
        <f t="shared" si="2"/>
        <v>5.5404752375361591E-2</v>
      </c>
    </row>
    <row r="34" spans="1:6" x14ac:dyDescent="0.2">
      <c r="A34">
        <v>1142.366129</v>
      </c>
      <c r="B34">
        <v>20.027231</v>
      </c>
      <c r="C34">
        <v>6.5208060000000003</v>
      </c>
      <c r="D34">
        <f t="shared" si="3"/>
        <v>0.16015300000000021</v>
      </c>
      <c r="E34">
        <f t="shared" si="4"/>
        <v>9.4752719999999044</v>
      </c>
      <c r="F34">
        <f t="shared" si="2"/>
        <v>5.1790641409121908E-2</v>
      </c>
    </row>
    <row r="35" spans="1:6" x14ac:dyDescent="0.2">
      <c r="A35">
        <v>1141.84095</v>
      </c>
      <c r="B35">
        <v>20.028917</v>
      </c>
      <c r="C35">
        <v>6.525811</v>
      </c>
      <c r="D35">
        <f t="shared" si="3"/>
        <v>0.16515799999999992</v>
      </c>
      <c r="E35">
        <f t="shared" si="4"/>
        <v>8.9500929999999244</v>
      </c>
      <c r="F35">
        <f t="shared" si="2"/>
        <v>4.7459408246983692E-2</v>
      </c>
    </row>
    <row r="36" spans="1:6" x14ac:dyDescent="0.2">
      <c r="A36">
        <v>1141.7367369999999</v>
      </c>
      <c r="B36">
        <v>19.990988999999999</v>
      </c>
      <c r="C36">
        <v>6.5308159999999997</v>
      </c>
      <c r="D36">
        <f t="shared" si="3"/>
        <v>0.17016299999999962</v>
      </c>
      <c r="E36">
        <f t="shared" si="4"/>
        <v>8.8458799999998519</v>
      </c>
      <c r="F36">
        <f t="shared" si="2"/>
        <v>4.553128786600287E-2</v>
      </c>
    </row>
    <row r="37" spans="1:6" x14ac:dyDescent="0.2">
      <c r="A37">
        <v>1141.823005</v>
      </c>
      <c r="B37">
        <v>19.999365999999998</v>
      </c>
      <c r="C37">
        <v>6.5358210000000003</v>
      </c>
      <c r="D37">
        <f t="shared" si="3"/>
        <v>0.17516800000000021</v>
      </c>
      <c r="E37">
        <f t="shared" si="4"/>
        <v>8.9321479999998701</v>
      </c>
      <c r="F37">
        <f t="shared" si="2"/>
        <v>4.465831680850417E-2</v>
      </c>
    </row>
    <row r="38" spans="1:6" x14ac:dyDescent="0.2">
      <c r="A38">
        <v>1141.63636</v>
      </c>
      <c r="B38">
        <v>20.013083000000002</v>
      </c>
      <c r="C38">
        <v>6.540826</v>
      </c>
      <c r="D38">
        <f t="shared" si="3"/>
        <v>0.18017299999999992</v>
      </c>
      <c r="E38">
        <f t="shared" si="4"/>
        <v>8.7455029999998715</v>
      </c>
      <c r="F38">
        <f t="shared" si="2"/>
        <v>4.2517457965438175E-2</v>
      </c>
    </row>
    <row r="39" spans="1:6" x14ac:dyDescent="0.2">
      <c r="A39">
        <v>1141.616779</v>
      </c>
      <c r="B39">
        <v>19.988638000000002</v>
      </c>
      <c r="C39">
        <v>6.5458299999999996</v>
      </c>
      <c r="D39">
        <f t="shared" si="3"/>
        <v>0.18517699999999948</v>
      </c>
      <c r="E39">
        <f t="shared" si="4"/>
        <v>8.725921999999855</v>
      </c>
      <c r="F39">
        <f t="shared" si="2"/>
        <v>4.1276602150503133E-2</v>
      </c>
    </row>
    <row r="40" spans="1:6" x14ac:dyDescent="0.2">
      <c r="A40">
        <v>1142.5434929999999</v>
      </c>
      <c r="B40">
        <v>19.922307</v>
      </c>
      <c r="C40">
        <v>6.5508350000000002</v>
      </c>
      <c r="D40">
        <f t="shared" si="3"/>
        <v>0.19018200000000007</v>
      </c>
      <c r="E40">
        <f t="shared" si="4"/>
        <v>9.6526359999998022</v>
      </c>
      <c r="F40">
        <f t="shared" si="2"/>
        <v>4.4422579963868121E-2</v>
      </c>
    </row>
    <row r="41" spans="1:6" x14ac:dyDescent="0.2">
      <c r="A41">
        <v>1143.8654799999999</v>
      </c>
      <c r="B41">
        <v>19.89452</v>
      </c>
      <c r="C41">
        <v>6.5558399999999999</v>
      </c>
      <c r="D41">
        <f t="shared" si="3"/>
        <v>0.19518699999999978</v>
      </c>
      <c r="E41">
        <f t="shared" si="4"/>
        <v>10.974622999999838</v>
      </c>
      <c r="F41">
        <f t="shared" si="2"/>
        <v>4.9154554839862467E-2</v>
      </c>
    </row>
    <row r="42" spans="1:6" x14ac:dyDescent="0.2">
      <c r="A42">
        <v>1144.7535049999999</v>
      </c>
      <c r="B42">
        <v>19.945623999999999</v>
      </c>
      <c r="C42">
        <v>6.5608449999999996</v>
      </c>
      <c r="D42">
        <f t="shared" si="3"/>
        <v>0.20019199999999948</v>
      </c>
      <c r="E42">
        <f t="shared" si="4"/>
        <v>11.862647999999808</v>
      </c>
      <c r="F42">
        <f t="shared" si="2"/>
        <v>5.17634177501426E-2</v>
      </c>
    </row>
    <row r="43" spans="1:6" x14ac:dyDescent="0.2">
      <c r="A43">
        <v>1145.8599979999999</v>
      </c>
      <c r="B43">
        <v>19.913985</v>
      </c>
      <c r="C43">
        <v>6.5658500000000002</v>
      </c>
      <c r="D43">
        <f t="shared" si="3"/>
        <v>0.20519700000000007</v>
      </c>
      <c r="E43">
        <f t="shared" si="4"/>
        <v>12.969140999999809</v>
      </c>
      <c r="F43">
        <f t="shared" si="2"/>
        <v>5.5158017259172153E-2</v>
      </c>
    </row>
    <row r="44" spans="1:6" x14ac:dyDescent="0.2">
      <c r="A44">
        <v>1147.2429030000001</v>
      </c>
      <c r="B44">
        <v>19.894746000000001</v>
      </c>
      <c r="C44">
        <v>6.5708539999999998</v>
      </c>
      <c r="D44">
        <f t="shared" si="3"/>
        <v>0.21020099999999964</v>
      </c>
      <c r="E44">
        <f t="shared" si="4"/>
        <v>14.352045999999973</v>
      </c>
      <c r="F44">
        <f t="shared" si="2"/>
        <v>5.9514619332556119E-2</v>
      </c>
    </row>
    <row r="45" spans="1:6" x14ac:dyDescent="0.2">
      <c r="A45">
        <v>1148.665319</v>
      </c>
      <c r="B45">
        <v>19.902125999999999</v>
      </c>
      <c r="C45">
        <v>6.5758590000000003</v>
      </c>
      <c r="D45">
        <f t="shared" si="3"/>
        <v>0.21520600000000023</v>
      </c>
      <c r="E45">
        <f t="shared" si="4"/>
        <v>15.774461999999858</v>
      </c>
      <c r="F45">
        <f t="shared" si="2"/>
        <v>6.3812634081345909E-2</v>
      </c>
    </row>
    <row r="46" spans="1:6" x14ac:dyDescent="0.2">
      <c r="A46">
        <v>1149.5303240000001</v>
      </c>
      <c r="B46">
        <v>19.946567000000002</v>
      </c>
      <c r="C46">
        <v>6.580864</v>
      </c>
      <c r="D46">
        <f t="shared" si="3"/>
        <v>0.22021099999999993</v>
      </c>
      <c r="E46">
        <f t="shared" si="4"/>
        <v>16.639466999999968</v>
      </c>
      <c r="F46">
        <f t="shared" si="2"/>
        <v>6.5732472655998228E-2</v>
      </c>
    </row>
    <row r="47" spans="1:6" x14ac:dyDescent="0.2">
      <c r="A47">
        <v>1149.7801280000001</v>
      </c>
      <c r="B47">
        <v>19.988937</v>
      </c>
      <c r="C47">
        <v>6.5858689999999998</v>
      </c>
      <c r="D47">
        <f t="shared" si="3"/>
        <v>0.22521599999999964</v>
      </c>
      <c r="E47">
        <f t="shared" si="4"/>
        <v>16.889271000000008</v>
      </c>
      <c r="F47">
        <f t="shared" si="2"/>
        <v>6.5222413453620939E-2</v>
      </c>
    </row>
    <row r="48" spans="1:6" x14ac:dyDescent="0.2">
      <c r="A48">
        <v>1149.3741439999999</v>
      </c>
      <c r="B48">
        <v>20.040279999999999</v>
      </c>
      <c r="C48">
        <v>6.5908740000000003</v>
      </c>
      <c r="D48">
        <f t="shared" si="3"/>
        <v>0.23022100000000023</v>
      </c>
      <c r="E48">
        <f t="shared" si="4"/>
        <v>16.483286999999791</v>
      </c>
      <c r="F48">
        <f t="shared" si="2"/>
        <v>6.2292743898821584E-2</v>
      </c>
    </row>
    <row r="49" spans="1:6" x14ac:dyDescent="0.2">
      <c r="A49">
        <v>1148.8874310000001</v>
      </c>
      <c r="B49">
        <v>20.052682999999998</v>
      </c>
      <c r="C49">
        <v>6.5958779999999999</v>
      </c>
      <c r="D49">
        <f t="shared" si="3"/>
        <v>0.2352249999999998</v>
      </c>
      <c r="E49">
        <f t="shared" si="4"/>
        <v>15.99657400000001</v>
      </c>
      <c r="F49">
        <f t="shared" si="2"/>
        <v>5.9192410201393195E-2</v>
      </c>
    </row>
    <row r="50" spans="1:6" x14ac:dyDescent="0.2">
      <c r="A50">
        <v>1148.165236</v>
      </c>
      <c r="B50">
        <v>20.062407</v>
      </c>
      <c r="C50">
        <v>6.6008829999999996</v>
      </c>
      <c r="D50">
        <f t="shared" si="3"/>
        <v>0.2402299999999995</v>
      </c>
      <c r="E50">
        <f t="shared" si="4"/>
        <v>15.274378999999954</v>
      </c>
      <c r="F50">
        <f t="shared" si="2"/>
        <v>5.5377319213296874E-2</v>
      </c>
    </row>
    <row r="51" spans="1:6" x14ac:dyDescent="0.2">
      <c r="A51">
        <v>1146.7793349999999</v>
      </c>
      <c r="B51">
        <v>20.097114000000001</v>
      </c>
      <c r="C51">
        <v>6.6058880000000002</v>
      </c>
      <c r="D51">
        <f t="shared" si="3"/>
        <v>0.24523500000000009</v>
      </c>
      <c r="E51">
        <f t="shared" si="4"/>
        <v>13.88847799999985</v>
      </c>
      <c r="F51">
        <f t="shared" si="2"/>
        <v>4.938469136927387E-2</v>
      </c>
    </row>
    <row r="52" spans="1:6" x14ac:dyDescent="0.2">
      <c r="A52">
        <v>1145.33023</v>
      </c>
      <c r="B52">
        <v>20.092911999999998</v>
      </c>
      <c r="C52">
        <v>6.6108929999999999</v>
      </c>
      <c r="D52">
        <f t="shared" si="3"/>
        <v>0.2502399999999998</v>
      </c>
      <c r="E52">
        <f t="shared" si="4"/>
        <v>12.439372999999932</v>
      </c>
      <c r="F52">
        <f t="shared" si="2"/>
        <v>4.3402129200941789E-2</v>
      </c>
    </row>
    <row r="53" spans="1:6" x14ac:dyDescent="0.2">
      <c r="A53">
        <v>1144.6272080000001</v>
      </c>
      <c r="B53">
        <v>20.033384999999999</v>
      </c>
      <c r="C53">
        <v>6.6158979999999996</v>
      </c>
      <c r="D53">
        <f t="shared" si="3"/>
        <v>0.2552449999999995</v>
      </c>
      <c r="E53">
        <f t="shared" si="4"/>
        <v>11.736351000000013</v>
      </c>
      <c r="F53">
        <f t="shared" si="2"/>
        <v>4.0170920277346485E-2</v>
      </c>
    </row>
    <row r="54" spans="1:6" x14ac:dyDescent="0.2">
      <c r="A54">
        <v>1144.4429259999999</v>
      </c>
      <c r="B54">
        <v>20.007701999999998</v>
      </c>
      <c r="C54">
        <v>6.6209020000000001</v>
      </c>
      <c r="D54">
        <f t="shared" si="3"/>
        <v>0.26024899999999995</v>
      </c>
      <c r="E54">
        <f t="shared" si="4"/>
        <v>11.552068999999847</v>
      </c>
      <c r="F54">
        <f t="shared" si="2"/>
        <v>3.878614045217571E-2</v>
      </c>
    </row>
    <row r="55" spans="1:6" x14ac:dyDescent="0.2">
      <c r="A55">
        <v>1144.701601</v>
      </c>
      <c r="B55">
        <v>19.967487999999999</v>
      </c>
      <c r="C55">
        <v>6.6259069999999998</v>
      </c>
      <c r="D55">
        <f t="shared" si="3"/>
        <v>0.26525399999999966</v>
      </c>
      <c r="E55">
        <f t="shared" si="4"/>
        <v>11.810743999999886</v>
      </c>
      <c r="F55">
        <f t="shared" si="2"/>
        <v>3.8897619547970691E-2</v>
      </c>
    </row>
    <row r="56" spans="1:6" x14ac:dyDescent="0.2">
      <c r="A56">
        <v>1144.7133920000001</v>
      </c>
      <c r="B56">
        <v>19.995740000000001</v>
      </c>
      <c r="C56">
        <v>6.6309120000000004</v>
      </c>
      <c r="D56">
        <f t="shared" si="3"/>
        <v>0.27025900000000025</v>
      </c>
      <c r="E56">
        <f t="shared" si="4"/>
        <v>11.822535000000016</v>
      </c>
      <c r="F56">
        <f t="shared" si="2"/>
        <v>3.8214983751140796E-2</v>
      </c>
    </row>
    <row r="57" spans="1:6" x14ac:dyDescent="0.2">
      <c r="A57">
        <v>1144.8945120000001</v>
      </c>
      <c r="B57">
        <v>19.985621999999999</v>
      </c>
      <c r="C57">
        <v>6.6359170000000001</v>
      </c>
      <c r="D57">
        <f t="shared" si="3"/>
        <v>0.27526399999999995</v>
      </c>
      <c r="E57">
        <f t="shared" si="4"/>
        <v>12.003654999999981</v>
      </c>
      <c r="F57">
        <f t="shared" si="2"/>
        <v>3.8088916148137753E-2</v>
      </c>
    </row>
    <row r="58" spans="1:6" x14ac:dyDescent="0.2">
      <c r="A58">
        <v>1145.516447</v>
      </c>
      <c r="B58">
        <v>19.951349</v>
      </c>
      <c r="C58">
        <v>6.6409219999999998</v>
      </c>
      <c r="D58">
        <f t="shared" si="3"/>
        <v>0.28026899999999966</v>
      </c>
      <c r="E58">
        <f t="shared" si="4"/>
        <v>12.625589999999875</v>
      </c>
      <c r="F58">
        <f t="shared" si="2"/>
        <v>3.9325593803549663E-2</v>
      </c>
    </row>
    <row r="59" spans="1:6" x14ac:dyDescent="0.2">
      <c r="A59">
        <v>1146.1305379999999</v>
      </c>
      <c r="B59">
        <v>19.943671999999999</v>
      </c>
      <c r="C59">
        <v>6.6459260000000002</v>
      </c>
      <c r="D59">
        <f t="shared" si="3"/>
        <v>0.28527300000000011</v>
      </c>
      <c r="E59">
        <f t="shared" si="4"/>
        <v>13.239680999999791</v>
      </c>
      <c r="F59">
        <f t="shared" si="2"/>
        <v>4.0493262397524821E-2</v>
      </c>
    </row>
    <row r="60" spans="1:6" x14ac:dyDescent="0.2">
      <c r="A60">
        <v>1146.7683</v>
      </c>
      <c r="B60">
        <v>19.958110999999999</v>
      </c>
      <c r="C60">
        <v>6.6509309999999999</v>
      </c>
      <c r="D60">
        <f t="shared" si="3"/>
        <v>0.29027799999999981</v>
      </c>
      <c r="E60">
        <f t="shared" si="4"/>
        <v>13.877442999999857</v>
      </c>
      <c r="F60">
        <f t="shared" si="2"/>
        <v>4.168882462113032E-2</v>
      </c>
    </row>
    <row r="61" spans="1:6" x14ac:dyDescent="0.2">
      <c r="A61">
        <v>1147.176052</v>
      </c>
      <c r="B61">
        <v>19.986483</v>
      </c>
      <c r="C61">
        <v>6.6559359999999996</v>
      </c>
      <c r="D61">
        <f t="shared" si="3"/>
        <v>0.29528299999999952</v>
      </c>
      <c r="E61">
        <f t="shared" si="4"/>
        <v>14.285194999999931</v>
      </c>
      <c r="F61">
        <f t="shared" si="2"/>
        <v>4.2171364791147893E-2</v>
      </c>
    </row>
    <row r="62" spans="1:6" x14ac:dyDescent="0.2">
      <c r="A62">
        <v>1147.1124050000001</v>
      </c>
      <c r="B62">
        <v>19.985833</v>
      </c>
      <c r="C62">
        <v>6.6609410000000002</v>
      </c>
      <c r="D62">
        <f t="shared" si="3"/>
        <v>0.30028800000000011</v>
      </c>
      <c r="E62">
        <f t="shared" si="4"/>
        <v>14.221547999999984</v>
      </c>
      <c r="F62">
        <f t="shared" si="2"/>
        <v>4.1286010408975185E-2</v>
      </c>
    </row>
    <row r="63" spans="1:6" x14ac:dyDescent="0.2">
      <c r="A63">
        <v>1147.4254860000001</v>
      </c>
      <c r="B63">
        <v>19.999431000000001</v>
      </c>
      <c r="C63">
        <v>6.6659459999999999</v>
      </c>
      <c r="D63">
        <f t="shared" si="3"/>
        <v>0.30529299999999981</v>
      </c>
      <c r="E63">
        <f t="shared" si="4"/>
        <v>14.534628999999995</v>
      </c>
      <c r="F63">
        <f t="shared" si="2"/>
        <v>4.1491832140085082E-2</v>
      </c>
    </row>
    <row r="64" spans="1:6" x14ac:dyDescent="0.2">
      <c r="A64">
        <v>1147.7735359999999</v>
      </c>
      <c r="B64">
        <v>19.965588</v>
      </c>
      <c r="C64">
        <v>6.6709500000000004</v>
      </c>
      <c r="D64">
        <f t="shared" si="3"/>
        <v>0.31029700000000027</v>
      </c>
      <c r="E64">
        <f t="shared" si="4"/>
        <v>14.882678999999825</v>
      </c>
      <c r="F64">
        <f t="shared" si="2"/>
        <v>4.1787590564849118E-2</v>
      </c>
    </row>
    <row r="65" spans="1:6" x14ac:dyDescent="0.2">
      <c r="A65">
        <v>1148.3271910000001</v>
      </c>
      <c r="B65">
        <v>19.953118</v>
      </c>
      <c r="C65">
        <v>6.6759550000000001</v>
      </c>
      <c r="D65">
        <f t="shared" si="3"/>
        <v>0.31530199999999997</v>
      </c>
      <c r="E65">
        <f t="shared" si="4"/>
        <v>15.436333999999988</v>
      </c>
      <c r="F65">
        <f t="shared" si="2"/>
        <v>4.2633579058456064E-2</v>
      </c>
    </row>
    <row r="66" spans="1:6" x14ac:dyDescent="0.2">
      <c r="A66">
        <v>1148.8888899999999</v>
      </c>
      <c r="B66">
        <v>19.952660000000002</v>
      </c>
      <c r="C66">
        <v>6.6809599999999998</v>
      </c>
      <c r="D66">
        <f t="shared" si="3"/>
        <v>0.32030699999999968</v>
      </c>
      <c r="E66">
        <f t="shared" si="4"/>
        <v>15.99803299999985</v>
      </c>
      <c r="F66">
        <f t="shared" si="2"/>
        <v>4.3473252006481687E-2</v>
      </c>
    </row>
    <row r="67" spans="1:6" x14ac:dyDescent="0.2">
      <c r="A67">
        <v>1149.7468730000001</v>
      </c>
      <c r="B67">
        <v>19.930871</v>
      </c>
      <c r="C67">
        <v>6.6859650000000004</v>
      </c>
      <c r="D67">
        <f t="shared" si="3"/>
        <v>0.32531200000000027</v>
      </c>
      <c r="E67">
        <f t="shared" si="4"/>
        <v>16.856015999999954</v>
      </c>
      <c r="F67">
        <f t="shared" ref="F67:F130" si="5">(1/A67)*(E67/D67)</f>
        <v>4.5066373744324192E-2</v>
      </c>
    </row>
    <row r="68" spans="1:6" x14ac:dyDescent="0.2">
      <c r="A68">
        <v>1150.572073</v>
      </c>
      <c r="B68">
        <v>19.948753</v>
      </c>
      <c r="C68">
        <v>6.6909700000000001</v>
      </c>
      <c r="D68">
        <f t="shared" si="3"/>
        <v>0.33031699999999997</v>
      </c>
      <c r="E68">
        <f t="shared" si="4"/>
        <v>17.681215999999949</v>
      </c>
      <c r="F68">
        <f t="shared" si="5"/>
        <v>4.6522963955912509E-2</v>
      </c>
    </row>
    <row r="69" spans="1:6" x14ac:dyDescent="0.2">
      <c r="A69">
        <v>1151.4957469999999</v>
      </c>
      <c r="B69">
        <v>19.917152999999999</v>
      </c>
      <c r="C69">
        <v>6.6959739999999996</v>
      </c>
      <c r="D69">
        <f t="shared" si="3"/>
        <v>0.33532099999999954</v>
      </c>
      <c r="E69">
        <f t="shared" si="4"/>
        <v>18.604889999999841</v>
      </c>
      <c r="F69">
        <f t="shared" si="5"/>
        <v>4.8184129317023185E-2</v>
      </c>
    </row>
    <row r="70" spans="1:6" x14ac:dyDescent="0.2">
      <c r="A70">
        <v>1152.2005630000001</v>
      </c>
      <c r="B70">
        <v>19.966567999999999</v>
      </c>
      <c r="C70">
        <v>6.7009790000000002</v>
      </c>
      <c r="D70">
        <f t="shared" si="3"/>
        <v>0.34032600000000013</v>
      </c>
      <c r="E70">
        <f t="shared" si="4"/>
        <v>19.309706000000006</v>
      </c>
      <c r="F70">
        <f t="shared" si="5"/>
        <v>4.9243900947811489E-2</v>
      </c>
    </row>
    <row r="71" spans="1:6" x14ac:dyDescent="0.2">
      <c r="A71">
        <v>1152.6215810000001</v>
      </c>
      <c r="B71">
        <v>19.964963999999998</v>
      </c>
      <c r="C71">
        <v>6.7059839999999999</v>
      </c>
      <c r="D71">
        <f t="shared" ref="D71:D134" si="6">C71-$C$2</f>
        <v>0.34533099999999983</v>
      </c>
      <c r="E71">
        <f t="shared" ref="E71:E134" si="7">A71-$A$2</f>
        <v>19.730724000000009</v>
      </c>
      <c r="F71">
        <f t="shared" si="5"/>
        <v>4.9570204264847796E-2</v>
      </c>
    </row>
    <row r="72" spans="1:6" x14ac:dyDescent="0.2">
      <c r="A72">
        <v>1152.5116270000001</v>
      </c>
      <c r="B72">
        <v>20.018362</v>
      </c>
      <c r="C72">
        <v>6.7109889999999996</v>
      </c>
      <c r="D72">
        <f t="shared" si="6"/>
        <v>0.35033599999999954</v>
      </c>
      <c r="E72">
        <f t="shared" si="7"/>
        <v>19.620769999999993</v>
      </c>
      <c r="F72">
        <f t="shared" si="5"/>
        <v>4.8594370929275037E-2</v>
      </c>
    </row>
    <row r="73" spans="1:6" x14ac:dyDescent="0.2">
      <c r="A73">
        <v>1152.410394</v>
      </c>
      <c r="B73">
        <v>20.009219000000002</v>
      </c>
      <c r="C73">
        <v>6.7159940000000002</v>
      </c>
      <c r="D73">
        <f t="shared" si="6"/>
        <v>0.35534100000000013</v>
      </c>
      <c r="E73">
        <f t="shared" si="7"/>
        <v>19.5195369999999</v>
      </c>
      <c r="F73">
        <f t="shared" si="5"/>
        <v>4.7666912789202383E-2</v>
      </c>
    </row>
    <row r="74" spans="1:6" x14ac:dyDescent="0.2">
      <c r="A74">
        <v>1151.8725119999999</v>
      </c>
      <c r="B74">
        <v>20.051307999999999</v>
      </c>
      <c r="C74">
        <v>6.7209979999999998</v>
      </c>
      <c r="D74">
        <f t="shared" si="6"/>
        <v>0.36034499999999969</v>
      </c>
      <c r="E74">
        <f t="shared" si="7"/>
        <v>18.981654999999819</v>
      </c>
      <c r="F74">
        <f t="shared" si="5"/>
        <v>4.5731048709932956E-2</v>
      </c>
    </row>
    <row r="75" spans="1:6" x14ac:dyDescent="0.2">
      <c r="A75">
        <v>1151.2277300000001</v>
      </c>
      <c r="B75">
        <v>20.048026</v>
      </c>
      <c r="C75">
        <v>6.7260030000000004</v>
      </c>
      <c r="D75">
        <f t="shared" si="6"/>
        <v>0.36535000000000029</v>
      </c>
      <c r="E75">
        <f t="shared" si="7"/>
        <v>18.336872999999969</v>
      </c>
      <c r="F75">
        <f t="shared" si="5"/>
        <v>4.3596831129222843E-2</v>
      </c>
    </row>
    <row r="76" spans="1:6" x14ac:dyDescent="0.2">
      <c r="A76">
        <v>1150.289113</v>
      </c>
      <c r="B76">
        <v>20.070193</v>
      </c>
      <c r="C76">
        <v>6.7310080000000001</v>
      </c>
      <c r="D76">
        <f t="shared" si="6"/>
        <v>0.37035499999999999</v>
      </c>
      <c r="E76">
        <f t="shared" si="7"/>
        <v>17.398255999999947</v>
      </c>
      <c r="F76">
        <f t="shared" si="5"/>
        <v>4.0839507411291311E-2</v>
      </c>
    </row>
    <row r="77" spans="1:6" x14ac:dyDescent="0.2">
      <c r="A77">
        <v>1149.1400229999999</v>
      </c>
      <c r="B77">
        <v>20.088441</v>
      </c>
      <c r="C77">
        <v>6.7360129999999998</v>
      </c>
      <c r="D77">
        <f t="shared" si="6"/>
        <v>0.37535999999999969</v>
      </c>
      <c r="E77">
        <f t="shared" si="7"/>
        <v>16.249165999999832</v>
      </c>
      <c r="F77">
        <f t="shared" si="5"/>
        <v>3.7671258939367271E-2</v>
      </c>
    </row>
    <row r="78" spans="1:6" x14ac:dyDescent="0.2">
      <c r="A78">
        <v>1147.969906</v>
      </c>
      <c r="B78">
        <v>20.090368999999999</v>
      </c>
      <c r="C78">
        <v>6.7410180000000004</v>
      </c>
      <c r="D78">
        <f t="shared" si="6"/>
        <v>0.38036500000000029</v>
      </c>
      <c r="E78">
        <f t="shared" si="7"/>
        <v>15.079048999999941</v>
      </c>
      <c r="F78">
        <f t="shared" si="5"/>
        <v>3.4533683277311301E-2</v>
      </c>
    </row>
    <row r="79" spans="1:6" x14ac:dyDescent="0.2">
      <c r="A79">
        <v>1146.7697920000001</v>
      </c>
      <c r="B79">
        <v>20.080190999999999</v>
      </c>
      <c r="C79">
        <v>6.746022</v>
      </c>
      <c r="D79">
        <f t="shared" si="6"/>
        <v>0.38536899999999985</v>
      </c>
      <c r="E79">
        <f t="shared" si="7"/>
        <v>13.878934999999956</v>
      </c>
      <c r="F79">
        <f t="shared" si="5"/>
        <v>3.1405312660710276E-2</v>
      </c>
    </row>
    <row r="80" spans="1:6" x14ac:dyDescent="0.2">
      <c r="A80">
        <v>1145.7834130000001</v>
      </c>
      <c r="B80">
        <v>20.068804</v>
      </c>
      <c r="C80">
        <v>6.7510269999999997</v>
      </c>
      <c r="D80">
        <f t="shared" si="6"/>
        <v>0.39037399999999955</v>
      </c>
      <c r="E80">
        <f t="shared" si="7"/>
        <v>12.892556000000013</v>
      </c>
      <c r="F80">
        <f t="shared" si="5"/>
        <v>2.8824090380124127E-2</v>
      </c>
    </row>
    <row r="81" spans="1:6" x14ac:dyDescent="0.2">
      <c r="A81">
        <v>1145.182421</v>
      </c>
      <c r="B81">
        <v>20.033828</v>
      </c>
      <c r="C81">
        <v>6.7560320000000003</v>
      </c>
      <c r="D81">
        <f t="shared" si="6"/>
        <v>0.39537900000000015</v>
      </c>
      <c r="E81">
        <f t="shared" si="7"/>
        <v>12.29156399999988</v>
      </c>
      <c r="F81">
        <f t="shared" si="5"/>
        <v>2.7146814500856081E-2</v>
      </c>
    </row>
    <row r="82" spans="1:6" x14ac:dyDescent="0.2">
      <c r="A82">
        <v>1144.94892</v>
      </c>
      <c r="B82">
        <v>20.005922000000002</v>
      </c>
      <c r="C82">
        <v>6.761037</v>
      </c>
      <c r="D82">
        <f t="shared" si="6"/>
        <v>0.40038399999999985</v>
      </c>
      <c r="E82">
        <f t="shared" si="7"/>
        <v>12.058062999999947</v>
      </c>
      <c r="F82">
        <f t="shared" si="5"/>
        <v>2.6303571607309874E-2</v>
      </c>
    </row>
    <row r="83" spans="1:6" x14ac:dyDescent="0.2">
      <c r="A83">
        <v>1144.9445659999999</v>
      </c>
      <c r="B83">
        <v>19.994527000000001</v>
      </c>
      <c r="C83">
        <v>6.7660419999999997</v>
      </c>
      <c r="D83">
        <f t="shared" si="6"/>
        <v>0.40538899999999956</v>
      </c>
      <c r="E83">
        <f t="shared" si="7"/>
        <v>12.053708999999799</v>
      </c>
      <c r="F83">
        <f t="shared" si="5"/>
        <v>2.5969541501047945E-2</v>
      </c>
    </row>
    <row r="84" spans="1:6" x14ac:dyDescent="0.2">
      <c r="A84">
        <v>1145.28827</v>
      </c>
      <c r="B84">
        <v>19.966759</v>
      </c>
      <c r="C84">
        <v>6.7710460000000001</v>
      </c>
      <c r="D84">
        <f t="shared" si="6"/>
        <v>0.41039300000000001</v>
      </c>
      <c r="E84">
        <f t="shared" si="7"/>
        <v>12.397412999999915</v>
      </c>
      <c r="F84">
        <f t="shared" si="5"/>
        <v>2.6376448088088714E-2</v>
      </c>
    </row>
    <row r="85" spans="1:6" x14ac:dyDescent="0.2">
      <c r="A85">
        <v>1145.545617</v>
      </c>
      <c r="B85">
        <v>19.985019000000001</v>
      </c>
      <c r="C85">
        <v>6.7760509999999998</v>
      </c>
      <c r="D85">
        <f t="shared" si="6"/>
        <v>0.41539799999999971</v>
      </c>
      <c r="E85">
        <f t="shared" si="7"/>
        <v>12.654759999999897</v>
      </c>
      <c r="F85">
        <f t="shared" si="5"/>
        <v>2.6593599492897191E-2</v>
      </c>
    </row>
    <row r="86" spans="1:6" x14ac:dyDescent="0.2">
      <c r="A86">
        <v>1146.1158840000001</v>
      </c>
      <c r="B86">
        <v>19.943771000000002</v>
      </c>
      <c r="C86">
        <v>6.7810560000000004</v>
      </c>
      <c r="D86">
        <f t="shared" si="6"/>
        <v>0.4204030000000003</v>
      </c>
      <c r="E86">
        <f t="shared" si="7"/>
        <v>13.225026999999955</v>
      </c>
      <c r="F86">
        <f t="shared" si="5"/>
        <v>2.7447464333321629E-2</v>
      </c>
    </row>
    <row r="87" spans="1:6" x14ac:dyDescent="0.2">
      <c r="A87">
        <v>1146.9397730000001</v>
      </c>
      <c r="B87">
        <v>19.934567000000001</v>
      </c>
      <c r="C87">
        <v>6.7860610000000001</v>
      </c>
      <c r="D87">
        <f t="shared" si="6"/>
        <v>0.42540800000000001</v>
      </c>
      <c r="E87">
        <f t="shared" si="7"/>
        <v>14.048915999999963</v>
      </c>
      <c r="F87">
        <f t="shared" si="5"/>
        <v>2.8793638630400836E-2</v>
      </c>
    </row>
    <row r="88" spans="1:6" x14ac:dyDescent="0.2">
      <c r="A88">
        <v>1148.2410890000001</v>
      </c>
      <c r="B88">
        <v>19.866143000000001</v>
      </c>
      <c r="C88">
        <v>6.7910659999999998</v>
      </c>
      <c r="D88">
        <f t="shared" si="6"/>
        <v>0.43041299999999971</v>
      </c>
      <c r="E88">
        <f t="shared" si="7"/>
        <v>15.350232000000005</v>
      </c>
      <c r="F88">
        <f t="shared" si="5"/>
        <v>3.1059644447225122E-2</v>
      </c>
    </row>
    <row r="89" spans="1:6" x14ac:dyDescent="0.2">
      <c r="A89">
        <v>1150.008188</v>
      </c>
      <c r="B89">
        <v>19.867270000000001</v>
      </c>
      <c r="C89">
        <v>6.7960700000000003</v>
      </c>
      <c r="D89">
        <f t="shared" si="6"/>
        <v>0.43541700000000017</v>
      </c>
      <c r="E89">
        <f t="shared" si="7"/>
        <v>17.117330999999922</v>
      </c>
      <c r="F89">
        <f t="shared" si="5"/>
        <v>3.4184539589227243E-2</v>
      </c>
    </row>
    <row r="90" spans="1:6" x14ac:dyDescent="0.2">
      <c r="A90">
        <v>1151.671634</v>
      </c>
      <c r="B90">
        <v>19.902809999999999</v>
      </c>
      <c r="C90">
        <v>6.801075</v>
      </c>
      <c r="D90">
        <f t="shared" si="6"/>
        <v>0.44042199999999987</v>
      </c>
      <c r="E90">
        <f t="shared" si="7"/>
        <v>18.780776999999944</v>
      </c>
      <c r="F90">
        <f t="shared" si="5"/>
        <v>3.7026774489909549E-2</v>
      </c>
    </row>
    <row r="91" spans="1:6" x14ac:dyDescent="0.2">
      <c r="A91">
        <v>1152.8223009999999</v>
      </c>
      <c r="B91">
        <v>19.922257999999999</v>
      </c>
      <c r="C91">
        <v>6.8060799999999997</v>
      </c>
      <c r="D91">
        <f t="shared" si="6"/>
        <v>0.44542699999999957</v>
      </c>
      <c r="E91">
        <f t="shared" si="7"/>
        <v>19.931443999999829</v>
      </c>
      <c r="F91">
        <f t="shared" si="5"/>
        <v>3.8815023718669871E-2</v>
      </c>
    </row>
    <row r="92" spans="1:6" x14ac:dyDescent="0.2">
      <c r="A92">
        <v>1153.6161649999999</v>
      </c>
      <c r="B92">
        <v>19.951699000000001</v>
      </c>
      <c r="C92">
        <v>6.8110850000000003</v>
      </c>
      <c r="D92">
        <f t="shared" si="6"/>
        <v>0.45043200000000017</v>
      </c>
      <c r="E92">
        <f t="shared" si="7"/>
        <v>20.725307999999814</v>
      </c>
      <c r="F92">
        <f t="shared" si="5"/>
        <v>3.9885075998672248E-2</v>
      </c>
    </row>
    <row r="93" spans="1:6" x14ac:dyDescent="0.2">
      <c r="A93">
        <v>1154.338231</v>
      </c>
      <c r="B93">
        <v>19.953157999999998</v>
      </c>
      <c r="C93">
        <v>6.81609</v>
      </c>
      <c r="D93">
        <f t="shared" si="6"/>
        <v>0.45543699999999987</v>
      </c>
      <c r="E93">
        <f t="shared" si="7"/>
        <v>21.447373999999854</v>
      </c>
      <c r="F93">
        <f t="shared" si="5"/>
        <v>4.0795544639645041E-2</v>
      </c>
    </row>
    <row r="94" spans="1:6" x14ac:dyDescent="0.2">
      <c r="A94">
        <v>1155.124024</v>
      </c>
      <c r="B94">
        <v>19.942644999999999</v>
      </c>
      <c r="C94">
        <v>6.8210940000000004</v>
      </c>
      <c r="D94">
        <f t="shared" si="6"/>
        <v>0.46044100000000032</v>
      </c>
      <c r="E94">
        <f t="shared" si="7"/>
        <v>22.233166999999867</v>
      </c>
      <c r="F94">
        <f t="shared" si="5"/>
        <v>4.1802160206328209E-2</v>
      </c>
    </row>
    <row r="95" spans="1:6" x14ac:dyDescent="0.2">
      <c r="A95">
        <v>1155.2769310000001</v>
      </c>
      <c r="B95">
        <v>19.994795</v>
      </c>
      <c r="C95">
        <v>6.8260990000000001</v>
      </c>
      <c r="D95">
        <f t="shared" si="6"/>
        <v>0.46544600000000003</v>
      </c>
      <c r="E95">
        <f t="shared" si="7"/>
        <v>22.386074000000008</v>
      </c>
      <c r="F95">
        <f t="shared" si="5"/>
        <v>4.1631545286358457E-2</v>
      </c>
    </row>
    <row r="96" spans="1:6" x14ac:dyDescent="0.2">
      <c r="A96">
        <v>1155.103038</v>
      </c>
      <c r="B96">
        <v>20.026982</v>
      </c>
      <c r="C96">
        <v>6.8311039999999998</v>
      </c>
      <c r="D96">
        <f t="shared" si="6"/>
        <v>0.47045099999999973</v>
      </c>
      <c r="E96">
        <f t="shared" si="7"/>
        <v>22.212180999999873</v>
      </c>
      <c r="F96">
        <f t="shared" si="5"/>
        <v>4.0874841503408268E-2</v>
      </c>
    </row>
    <row r="97" spans="1:6" x14ac:dyDescent="0.2">
      <c r="A97">
        <v>1154.6101080000001</v>
      </c>
      <c r="B97">
        <v>20.045248000000001</v>
      </c>
      <c r="C97">
        <v>6.8361090000000004</v>
      </c>
      <c r="D97">
        <f t="shared" si="6"/>
        <v>0.47545600000000032</v>
      </c>
      <c r="E97">
        <f t="shared" si="7"/>
        <v>21.719250999999986</v>
      </c>
      <c r="F97">
        <f t="shared" si="5"/>
        <v>3.9563905582474579E-2</v>
      </c>
    </row>
    <row r="98" spans="1:6" x14ac:dyDescent="0.2">
      <c r="A98">
        <v>1153.750965</v>
      </c>
      <c r="B98">
        <v>20.056892999999999</v>
      </c>
      <c r="C98">
        <v>6.8411140000000001</v>
      </c>
      <c r="D98">
        <f t="shared" si="6"/>
        <v>0.48046100000000003</v>
      </c>
      <c r="E98">
        <f t="shared" si="7"/>
        <v>20.860107999999855</v>
      </c>
      <c r="F98">
        <f t="shared" si="5"/>
        <v>3.7631049831728332E-2</v>
      </c>
    </row>
    <row r="99" spans="1:6" x14ac:dyDescent="0.2">
      <c r="A99">
        <v>1153.128864</v>
      </c>
      <c r="B99">
        <v>20.038549</v>
      </c>
      <c r="C99">
        <v>6.8461179999999997</v>
      </c>
      <c r="D99">
        <f t="shared" si="6"/>
        <v>0.48546499999999959</v>
      </c>
      <c r="E99">
        <f t="shared" si="7"/>
        <v>20.238006999999925</v>
      </c>
      <c r="F99">
        <f t="shared" si="5"/>
        <v>3.6151970515333344E-2</v>
      </c>
    </row>
    <row r="100" spans="1:6" x14ac:dyDescent="0.2">
      <c r="A100">
        <v>1152.0735299999999</v>
      </c>
      <c r="B100">
        <v>20.082767</v>
      </c>
      <c r="C100">
        <v>6.8511230000000003</v>
      </c>
      <c r="D100">
        <f t="shared" si="6"/>
        <v>0.49047000000000018</v>
      </c>
      <c r="E100">
        <f t="shared" si="7"/>
        <v>19.182672999999795</v>
      </c>
      <c r="F100">
        <f t="shared" si="5"/>
        <v>3.3948178469290477E-2</v>
      </c>
    </row>
    <row r="101" spans="1:6" x14ac:dyDescent="0.2">
      <c r="A101">
        <v>1151.058959</v>
      </c>
      <c r="B101">
        <v>20.085834999999999</v>
      </c>
      <c r="C101">
        <v>6.856128</v>
      </c>
      <c r="D101">
        <f t="shared" si="6"/>
        <v>0.49547499999999989</v>
      </c>
      <c r="E101">
        <f t="shared" si="7"/>
        <v>18.168101999999863</v>
      </c>
      <c r="F101">
        <f t="shared" si="5"/>
        <v>3.1855926722475267E-2</v>
      </c>
    </row>
    <row r="102" spans="1:6" x14ac:dyDescent="0.2">
      <c r="A102">
        <v>1149.562852</v>
      </c>
      <c r="B102">
        <v>20.098490000000002</v>
      </c>
      <c r="C102">
        <v>6.8611329999999997</v>
      </c>
      <c r="D102">
        <f t="shared" si="6"/>
        <v>0.50047999999999959</v>
      </c>
      <c r="E102">
        <f t="shared" si="7"/>
        <v>16.671994999999924</v>
      </c>
      <c r="F102">
        <f t="shared" si="5"/>
        <v>2.8977980988158032E-2</v>
      </c>
    </row>
    <row r="103" spans="1:6" x14ac:dyDescent="0.2">
      <c r="A103">
        <v>1148.296697</v>
      </c>
      <c r="B103">
        <v>20.081209000000001</v>
      </c>
      <c r="C103">
        <v>6.8661380000000003</v>
      </c>
      <c r="D103">
        <f t="shared" si="6"/>
        <v>0.50548500000000018</v>
      </c>
      <c r="E103">
        <f t="shared" si="7"/>
        <v>15.405839999999898</v>
      </c>
      <c r="F103">
        <f t="shared" si="5"/>
        <v>2.6541349131261296E-2</v>
      </c>
    </row>
    <row r="104" spans="1:6" x14ac:dyDescent="0.2">
      <c r="A104">
        <v>1147.6724389999999</v>
      </c>
      <c r="B104">
        <v>20.058855999999999</v>
      </c>
      <c r="C104">
        <v>6.8711419999999999</v>
      </c>
      <c r="D104">
        <f t="shared" si="6"/>
        <v>0.51048899999999975</v>
      </c>
      <c r="E104">
        <f t="shared" si="7"/>
        <v>14.781581999999844</v>
      </c>
      <c r="F104">
        <f t="shared" si="5"/>
        <v>2.5229960830102142E-2</v>
      </c>
    </row>
    <row r="105" spans="1:6" x14ac:dyDescent="0.2">
      <c r="A105">
        <v>1146.902953</v>
      </c>
      <c r="B105">
        <v>20.043303000000002</v>
      </c>
      <c r="C105">
        <v>6.8761469999999996</v>
      </c>
      <c r="D105">
        <f t="shared" si="6"/>
        <v>0.51549399999999945</v>
      </c>
      <c r="E105">
        <f t="shared" si="7"/>
        <v>14.012095999999929</v>
      </c>
      <c r="F105">
        <f t="shared" si="5"/>
        <v>2.3700244065452857E-2</v>
      </c>
    </row>
    <row r="106" spans="1:6" x14ac:dyDescent="0.2">
      <c r="A106">
        <v>1146.39598</v>
      </c>
      <c r="B106">
        <v>20.008030999999999</v>
      </c>
      <c r="C106">
        <v>6.8811520000000002</v>
      </c>
      <c r="D106">
        <f t="shared" si="6"/>
        <v>0.52049900000000004</v>
      </c>
      <c r="E106">
        <f t="shared" si="7"/>
        <v>13.505122999999912</v>
      </c>
      <c r="F106">
        <f t="shared" si="5"/>
        <v>2.2633097275840428E-2</v>
      </c>
    </row>
    <row r="107" spans="1:6" x14ac:dyDescent="0.2">
      <c r="A107">
        <v>1146.4938529999999</v>
      </c>
      <c r="B107">
        <v>19.98207</v>
      </c>
      <c r="C107">
        <v>6.8861569999999999</v>
      </c>
      <c r="D107">
        <f t="shared" si="6"/>
        <v>0.52550399999999975</v>
      </c>
      <c r="E107">
        <f t="shared" si="7"/>
        <v>13.602995999999848</v>
      </c>
      <c r="F107">
        <f t="shared" si="5"/>
        <v>2.2578069921658461E-2</v>
      </c>
    </row>
    <row r="108" spans="1:6" x14ac:dyDescent="0.2">
      <c r="A108">
        <v>1147.3346610000001</v>
      </c>
      <c r="B108">
        <v>19.939170000000001</v>
      </c>
      <c r="C108">
        <v>6.8911619999999996</v>
      </c>
      <c r="D108">
        <f t="shared" si="6"/>
        <v>0.53050899999999945</v>
      </c>
      <c r="E108">
        <f t="shared" si="7"/>
        <v>14.443804</v>
      </c>
      <c r="F108">
        <f t="shared" si="5"/>
        <v>2.3730053460791392E-2</v>
      </c>
    </row>
    <row r="109" spans="1:6" x14ac:dyDescent="0.2">
      <c r="A109">
        <v>1148.505056</v>
      </c>
      <c r="B109">
        <v>19.903603</v>
      </c>
      <c r="C109">
        <v>6.896166</v>
      </c>
      <c r="D109">
        <f t="shared" si="6"/>
        <v>0.53551299999999991</v>
      </c>
      <c r="E109">
        <f t="shared" si="7"/>
        <v>15.614198999999871</v>
      </c>
      <c r="F109">
        <f t="shared" si="5"/>
        <v>2.5387315517158171E-2</v>
      </c>
    </row>
    <row r="110" spans="1:6" x14ac:dyDescent="0.2">
      <c r="A110">
        <v>1149.020432</v>
      </c>
      <c r="B110">
        <v>19.963256999999999</v>
      </c>
      <c r="C110">
        <v>6.9011709999999997</v>
      </c>
      <c r="D110">
        <f t="shared" si="6"/>
        <v>0.54051799999999961</v>
      </c>
      <c r="E110">
        <f t="shared" si="7"/>
        <v>16.129574999999932</v>
      </c>
      <c r="F110">
        <f t="shared" si="5"/>
        <v>2.5970781099176669E-2</v>
      </c>
    </row>
    <row r="111" spans="1:6" x14ac:dyDescent="0.2">
      <c r="A111">
        <v>1149.8854249999999</v>
      </c>
      <c r="B111">
        <v>19.933696999999999</v>
      </c>
      <c r="C111">
        <v>6.9061760000000003</v>
      </c>
      <c r="D111">
        <f t="shared" si="6"/>
        <v>0.5455230000000002</v>
      </c>
      <c r="E111">
        <f t="shared" si="7"/>
        <v>16.994567999999845</v>
      </c>
      <c r="F111">
        <f t="shared" si="5"/>
        <v>2.7092089043401924E-2</v>
      </c>
    </row>
    <row r="112" spans="1:6" x14ac:dyDescent="0.2">
      <c r="A112">
        <v>1151.5065999999999</v>
      </c>
      <c r="B112">
        <v>19.865615999999999</v>
      </c>
      <c r="C112">
        <v>6.911181</v>
      </c>
      <c r="D112">
        <f t="shared" si="6"/>
        <v>0.55052799999999991</v>
      </c>
      <c r="E112">
        <f t="shared" si="7"/>
        <v>18.615742999999839</v>
      </c>
      <c r="F112">
        <f t="shared" si="5"/>
        <v>2.9365306012668919E-2</v>
      </c>
    </row>
    <row r="113" spans="1:6" x14ac:dyDescent="0.2">
      <c r="A113">
        <v>1153.1192140000001</v>
      </c>
      <c r="B113">
        <v>19.874770999999999</v>
      </c>
      <c r="C113">
        <v>6.9161859999999997</v>
      </c>
      <c r="D113">
        <f t="shared" si="6"/>
        <v>0.55553299999999961</v>
      </c>
      <c r="E113">
        <f t="shared" si="7"/>
        <v>20.22835699999996</v>
      </c>
      <c r="F113">
        <f t="shared" si="5"/>
        <v>3.1577412383964019E-2</v>
      </c>
    </row>
    <row r="114" spans="1:6" x14ac:dyDescent="0.2">
      <c r="A114">
        <v>1154.6096640000001</v>
      </c>
      <c r="B114">
        <v>19.918821000000001</v>
      </c>
      <c r="C114">
        <v>6.9211900000000002</v>
      </c>
      <c r="D114">
        <f t="shared" si="6"/>
        <v>0.56053700000000006</v>
      </c>
      <c r="E114">
        <f t="shared" si="7"/>
        <v>21.71880699999997</v>
      </c>
      <c r="F114">
        <f t="shared" si="5"/>
        <v>3.355803270921371E-2</v>
      </c>
    </row>
    <row r="115" spans="1:6" x14ac:dyDescent="0.2">
      <c r="A115">
        <v>1155.7739549999999</v>
      </c>
      <c r="B115">
        <v>19.922836</v>
      </c>
      <c r="C115">
        <v>6.9261949999999999</v>
      </c>
      <c r="D115">
        <f t="shared" si="6"/>
        <v>0.56554199999999977</v>
      </c>
      <c r="E115">
        <f t="shared" si="7"/>
        <v>22.883097999999791</v>
      </c>
      <c r="F115">
        <f t="shared" si="5"/>
        <v>3.5008786211442086E-2</v>
      </c>
    </row>
    <row r="116" spans="1:6" x14ac:dyDescent="0.2">
      <c r="A116">
        <v>1156.0151470000001</v>
      </c>
      <c r="B116">
        <v>19.984151000000001</v>
      </c>
      <c r="C116">
        <v>6.9311999999999996</v>
      </c>
      <c r="D116">
        <f t="shared" si="6"/>
        <v>0.57054699999999947</v>
      </c>
      <c r="E116">
        <f t="shared" si="7"/>
        <v>23.124289999999974</v>
      </c>
      <c r="F116">
        <f t="shared" si="5"/>
        <v>3.5060124702520901E-2</v>
      </c>
    </row>
    <row r="117" spans="1:6" x14ac:dyDescent="0.2">
      <c r="A117">
        <v>1155.9619829999999</v>
      </c>
      <c r="B117">
        <v>20.004225999999999</v>
      </c>
      <c r="C117">
        <v>6.9362050000000002</v>
      </c>
      <c r="D117">
        <f t="shared" si="6"/>
        <v>0.57555200000000006</v>
      </c>
      <c r="E117">
        <f t="shared" si="7"/>
        <v>23.071125999999822</v>
      </c>
      <c r="F117">
        <f t="shared" si="5"/>
        <v>3.4676932437096478E-2</v>
      </c>
    </row>
    <row r="118" spans="1:6" x14ac:dyDescent="0.2">
      <c r="A118">
        <v>1155.7795699999999</v>
      </c>
      <c r="B118">
        <v>20.057862</v>
      </c>
      <c r="C118">
        <v>6.9412099999999999</v>
      </c>
      <c r="D118">
        <f t="shared" si="6"/>
        <v>0.58055699999999977</v>
      </c>
      <c r="E118">
        <f t="shared" si="7"/>
        <v>22.888712999999825</v>
      </c>
      <c r="F118">
        <f t="shared" si="5"/>
        <v>3.4111553176244654E-2</v>
      </c>
    </row>
    <row r="119" spans="1:6" x14ac:dyDescent="0.2">
      <c r="A119">
        <v>1155.1163200000001</v>
      </c>
      <c r="B119">
        <v>20.038314</v>
      </c>
      <c r="C119">
        <v>6.9462140000000003</v>
      </c>
      <c r="D119">
        <f t="shared" si="6"/>
        <v>0.58556100000000022</v>
      </c>
      <c r="E119">
        <f t="shared" si="7"/>
        <v>22.225462999999991</v>
      </c>
      <c r="F119">
        <f t="shared" si="5"/>
        <v>3.2858894904701778E-2</v>
      </c>
    </row>
    <row r="120" spans="1:6" x14ac:dyDescent="0.2">
      <c r="A120">
        <v>1154.581115</v>
      </c>
      <c r="B120">
        <v>20.033127</v>
      </c>
      <c r="C120">
        <v>6.951219</v>
      </c>
      <c r="D120">
        <f t="shared" si="6"/>
        <v>0.59056599999999992</v>
      </c>
      <c r="E120">
        <f t="shared" si="7"/>
        <v>21.690257999999858</v>
      </c>
      <c r="F120">
        <f t="shared" si="5"/>
        <v>3.1810597607236674E-2</v>
      </c>
    </row>
    <row r="121" spans="1:6" x14ac:dyDescent="0.2">
      <c r="A121">
        <v>1153.757098</v>
      </c>
      <c r="B121">
        <v>20.053124</v>
      </c>
      <c r="C121">
        <v>6.9562239999999997</v>
      </c>
      <c r="D121">
        <f t="shared" si="6"/>
        <v>0.59557099999999963</v>
      </c>
      <c r="E121">
        <f t="shared" si="7"/>
        <v>20.866240999999945</v>
      </c>
      <c r="F121">
        <f t="shared" si="5"/>
        <v>3.0366608517480204E-2</v>
      </c>
    </row>
    <row r="122" spans="1:6" x14ac:dyDescent="0.2">
      <c r="A122">
        <v>1152.3525950000001</v>
      </c>
      <c r="B122">
        <v>20.125744000000001</v>
      </c>
      <c r="C122">
        <v>6.9612290000000003</v>
      </c>
      <c r="D122">
        <f t="shared" si="6"/>
        <v>0.60057600000000022</v>
      </c>
      <c r="E122">
        <f t="shared" si="7"/>
        <v>19.461737999999968</v>
      </c>
      <c r="F122">
        <f t="shared" si="5"/>
        <v>2.8120838382595496E-2</v>
      </c>
    </row>
    <row r="123" spans="1:6" x14ac:dyDescent="0.2">
      <c r="A123">
        <v>1150.9370180000001</v>
      </c>
      <c r="B123">
        <v>20.099339000000001</v>
      </c>
      <c r="C123">
        <v>6.966234</v>
      </c>
      <c r="D123">
        <f t="shared" si="6"/>
        <v>0.60558099999999992</v>
      </c>
      <c r="E123">
        <f t="shared" si="7"/>
        <v>18.046160999999984</v>
      </c>
      <c r="F123">
        <f t="shared" si="5"/>
        <v>2.5891727535282735E-2</v>
      </c>
    </row>
    <row r="124" spans="1:6" x14ac:dyDescent="0.2">
      <c r="A124">
        <v>1149.6223339999999</v>
      </c>
      <c r="B124">
        <v>20.079487</v>
      </c>
      <c r="C124">
        <v>6.9712379999999996</v>
      </c>
      <c r="D124">
        <f t="shared" si="6"/>
        <v>0.61058499999999949</v>
      </c>
      <c r="E124">
        <f t="shared" si="7"/>
        <v>16.731476999999813</v>
      </c>
      <c r="F124">
        <f t="shared" si="5"/>
        <v>2.3835976986323757E-2</v>
      </c>
    </row>
    <row r="125" spans="1:6" x14ac:dyDescent="0.2">
      <c r="A125">
        <v>1148.7581660000001</v>
      </c>
      <c r="B125">
        <v>20.053369</v>
      </c>
      <c r="C125">
        <v>6.9762430000000002</v>
      </c>
      <c r="D125">
        <f t="shared" si="6"/>
        <v>0.61559000000000008</v>
      </c>
      <c r="E125">
        <f t="shared" si="7"/>
        <v>15.867308999999977</v>
      </c>
      <c r="F125">
        <f t="shared" si="5"/>
        <v>2.2437946665507177E-2</v>
      </c>
    </row>
    <row r="126" spans="1:6" x14ac:dyDescent="0.2">
      <c r="A126">
        <v>1147.8450640000001</v>
      </c>
      <c r="B126">
        <v>20.06925</v>
      </c>
      <c r="C126">
        <v>6.9812479999999999</v>
      </c>
      <c r="D126">
        <f t="shared" si="6"/>
        <v>0.62059499999999979</v>
      </c>
      <c r="E126">
        <f t="shared" si="7"/>
        <v>14.954206999999997</v>
      </c>
      <c r="F126">
        <f t="shared" si="5"/>
        <v>2.0992871370253366E-2</v>
      </c>
    </row>
    <row r="127" spans="1:6" x14ac:dyDescent="0.2">
      <c r="A127">
        <v>1147.4683640000001</v>
      </c>
      <c r="B127">
        <v>20.023892</v>
      </c>
      <c r="C127">
        <v>6.9862529999999996</v>
      </c>
      <c r="D127">
        <f t="shared" si="6"/>
        <v>0.62559999999999949</v>
      </c>
      <c r="E127">
        <f t="shared" si="7"/>
        <v>14.577506999999969</v>
      </c>
      <c r="F127">
        <f t="shared" si="5"/>
        <v>2.0307001356283921E-2</v>
      </c>
    </row>
    <row r="128" spans="1:6" x14ac:dyDescent="0.2">
      <c r="A128">
        <v>1147.7635560000001</v>
      </c>
      <c r="B128">
        <v>19.946881000000001</v>
      </c>
      <c r="C128">
        <v>6.9912580000000002</v>
      </c>
      <c r="D128">
        <f t="shared" si="6"/>
        <v>0.63060500000000008</v>
      </c>
      <c r="E128">
        <f t="shared" si="7"/>
        <v>14.872699000000011</v>
      </c>
      <c r="F128">
        <f t="shared" si="5"/>
        <v>2.0548491631568293E-2</v>
      </c>
    </row>
    <row r="129" spans="1:6" x14ac:dyDescent="0.2">
      <c r="A129">
        <v>1148.3739</v>
      </c>
      <c r="B129">
        <v>19.941856999999999</v>
      </c>
      <c r="C129">
        <v>6.9962619999999998</v>
      </c>
      <c r="D129">
        <f t="shared" si="6"/>
        <v>0.63560899999999965</v>
      </c>
      <c r="E129">
        <f t="shared" si="7"/>
        <v>15.483042999999952</v>
      </c>
      <c r="F129">
        <f t="shared" si="5"/>
        <v>2.1212065940417166E-2</v>
      </c>
    </row>
    <row r="130" spans="1:6" x14ac:dyDescent="0.2">
      <c r="A130">
        <v>1149.32206</v>
      </c>
      <c r="B130">
        <v>19.921108</v>
      </c>
      <c r="C130">
        <v>7.0012670000000004</v>
      </c>
      <c r="D130">
        <f t="shared" si="6"/>
        <v>0.64061400000000024</v>
      </c>
      <c r="E130">
        <f t="shared" si="7"/>
        <v>16.431202999999869</v>
      </c>
      <c r="F130">
        <f t="shared" si="5"/>
        <v>2.2316762576176319E-2</v>
      </c>
    </row>
    <row r="131" spans="1:6" x14ac:dyDescent="0.2">
      <c r="A131">
        <v>1150.5115269999999</v>
      </c>
      <c r="B131">
        <v>19.896367999999999</v>
      </c>
      <c r="C131">
        <v>7.0062720000000001</v>
      </c>
      <c r="D131">
        <f t="shared" si="6"/>
        <v>0.64561899999999994</v>
      </c>
      <c r="E131">
        <f t="shared" si="7"/>
        <v>17.620669999999791</v>
      </c>
      <c r="F131">
        <f t="shared" ref="F131:F194" si="8">(1/A131)*(E131/D131)</f>
        <v>2.3722209704741495E-2</v>
      </c>
    </row>
    <row r="132" spans="1:6" x14ac:dyDescent="0.2">
      <c r="A132">
        <v>1151.665919</v>
      </c>
      <c r="B132">
        <v>19.922201000000001</v>
      </c>
      <c r="C132">
        <v>7.0112769999999998</v>
      </c>
      <c r="D132">
        <f t="shared" si="6"/>
        <v>0.65062399999999965</v>
      </c>
      <c r="E132">
        <f t="shared" si="7"/>
        <v>18.775061999999934</v>
      </c>
      <c r="F132">
        <f t="shared" si="8"/>
        <v>2.5056752627157348E-2</v>
      </c>
    </row>
    <row r="133" spans="1:6" x14ac:dyDescent="0.2">
      <c r="A133">
        <v>1152.8503940000001</v>
      </c>
      <c r="B133">
        <v>19.925522000000001</v>
      </c>
      <c r="C133">
        <v>7.0162820000000004</v>
      </c>
      <c r="D133">
        <f t="shared" si="6"/>
        <v>0.65562900000000024</v>
      </c>
      <c r="E133">
        <f t="shared" si="7"/>
        <v>19.959536999999955</v>
      </c>
      <c r="F133">
        <f t="shared" si="8"/>
        <v>2.64070176219235E-2</v>
      </c>
    </row>
    <row r="134" spans="1:6" x14ac:dyDescent="0.2">
      <c r="A134">
        <v>1154.292594</v>
      </c>
      <c r="B134">
        <v>19.895064999999999</v>
      </c>
      <c r="C134">
        <v>7.0212859999999999</v>
      </c>
      <c r="D134">
        <f t="shared" si="6"/>
        <v>0.6606329999999998</v>
      </c>
      <c r="E134">
        <f t="shared" si="7"/>
        <v>21.401736999999912</v>
      </c>
      <c r="F134">
        <f t="shared" si="8"/>
        <v>2.8065504266400979E-2</v>
      </c>
    </row>
    <row r="135" spans="1:6" x14ac:dyDescent="0.2">
      <c r="A135">
        <v>1155.931867</v>
      </c>
      <c r="B135">
        <v>19.873021999999999</v>
      </c>
      <c r="C135">
        <v>7.0262909999999996</v>
      </c>
      <c r="D135">
        <f t="shared" ref="D135:D198" si="9">C135-$C$2</f>
        <v>0.66563799999999951</v>
      </c>
      <c r="E135">
        <f t="shared" ref="E135:E198" si="10">A135-$A$2</f>
        <v>23.041009999999915</v>
      </c>
      <c r="F135">
        <f t="shared" si="8"/>
        <v>2.9945472409539899E-2</v>
      </c>
    </row>
    <row r="136" spans="1:6" x14ac:dyDescent="0.2">
      <c r="A136">
        <v>1157.1533139999999</v>
      </c>
      <c r="B136">
        <v>19.933468000000001</v>
      </c>
      <c r="C136">
        <v>7.0312960000000002</v>
      </c>
      <c r="D136">
        <f t="shared" si="9"/>
        <v>0.6706430000000001</v>
      </c>
      <c r="E136">
        <f t="shared" si="10"/>
        <v>24.262456999999813</v>
      </c>
      <c r="F136">
        <f t="shared" si="8"/>
        <v>3.1264571395530905E-2</v>
      </c>
    </row>
    <row r="137" spans="1:6" x14ac:dyDescent="0.2">
      <c r="A137">
        <v>1157.626397</v>
      </c>
      <c r="B137">
        <v>19.977259</v>
      </c>
      <c r="C137">
        <v>7.0363009999999999</v>
      </c>
      <c r="D137">
        <f t="shared" si="9"/>
        <v>0.6756479999999998</v>
      </c>
      <c r="E137">
        <f t="shared" si="10"/>
        <v>24.735539999999901</v>
      </c>
      <c r="F137">
        <f t="shared" si="8"/>
        <v>3.162514162126924E-2</v>
      </c>
    </row>
    <row r="138" spans="1:6" x14ac:dyDescent="0.2">
      <c r="A138">
        <v>1157.371351</v>
      </c>
      <c r="B138">
        <v>20.021813999999999</v>
      </c>
      <c r="C138">
        <v>7.0413059999999996</v>
      </c>
      <c r="D138">
        <f t="shared" si="9"/>
        <v>0.68065299999999951</v>
      </c>
      <c r="E138">
        <f t="shared" si="10"/>
        <v>24.480493999999908</v>
      </c>
      <c r="F138">
        <f t="shared" si="8"/>
        <v>3.1075754830464965E-2</v>
      </c>
    </row>
    <row r="139" spans="1:6" x14ac:dyDescent="0.2">
      <c r="A139">
        <v>1157.237824</v>
      </c>
      <c r="B139">
        <v>20.013855</v>
      </c>
      <c r="C139">
        <v>7.0463100000000001</v>
      </c>
      <c r="D139">
        <f t="shared" si="9"/>
        <v>0.68565699999999996</v>
      </c>
      <c r="E139">
        <f t="shared" si="10"/>
        <v>24.34696699999995</v>
      </c>
      <c r="F139">
        <f t="shared" si="8"/>
        <v>3.0684237313149048E-2</v>
      </c>
    </row>
    <row r="140" spans="1:6" x14ac:dyDescent="0.2">
      <c r="A140">
        <v>1156.6591960000001</v>
      </c>
      <c r="B140">
        <v>20.051348000000001</v>
      </c>
      <c r="C140">
        <v>7.0513149999999998</v>
      </c>
      <c r="D140">
        <f t="shared" si="9"/>
        <v>0.69066199999999967</v>
      </c>
      <c r="E140">
        <f t="shared" si="10"/>
        <v>23.768338999999969</v>
      </c>
      <c r="F140">
        <f t="shared" si="8"/>
        <v>2.9752800901313999E-2</v>
      </c>
    </row>
    <row r="141" spans="1:6" x14ac:dyDescent="0.2">
      <c r="A141">
        <v>1155.6602989999999</v>
      </c>
      <c r="B141">
        <v>20.085522000000001</v>
      </c>
      <c r="C141">
        <v>7.0563200000000004</v>
      </c>
      <c r="D141">
        <f t="shared" si="9"/>
        <v>0.69566700000000026</v>
      </c>
      <c r="E141">
        <f t="shared" si="10"/>
        <v>22.769441999999799</v>
      </c>
      <c r="F141">
        <f t="shared" si="8"/>
        <v>2.8321796065156626E-2</v>
      </c>
    </row>
    <row r="142" spans="1:6" x14ac:dyDescent="0.2">
      <c r="A142">
        <v>1154.5733190000001</v>
      </c>
      <c r="B142">
        <v>20.068652</v>
      </c>
      <c r="C142">
        <v>7.0613250000000001</v>
      </c>
      <c r="D142">
        <f t="shared" si="9"/>
        <v>0.70067199999999996</v>
      </c>
      <c r="E142">
        <f t="shared" si="10"/>
        <v>21.682461999999987</v>
      </c>
      <c r="F142">
        <f t="shared" si="8"/>
        <v>2.6802315432279261E-2</v>
      </c>
    </row>
    <row r="143" spans="1:6" x14ac:dyDescent="0.2">
      <c r="A143">
        <v>1153.4680530000001</v>
      </c>
      <c r="B143">
        <v>20.081229</v>
      </c>
      <c r="C143">
        <v>7.0663299999999998</v>
      </c>
      <c r="D143">
        <f t="shared" si="9"/>
        <v>0.70567699999999967</v>
      </c>
      <c r="E143">
        <f t="shared" si="10"/>
        <v>20.577195999999958</v>
      </c>
      <c r="F143">
        <f t="shared" si="8"/>
        <v>2.5279859791927674E-2</v>
      </c>
    </row>
    <row r="144" spans="1:6" x14ac:dyDescent="0.2">
      <c r="A144">
        <v>1151.8711020000001</v>
      </c>
      <c r="B144">
        <v>20.106570999999999</v>
      </c>
      <c r="C144">
        <v>7.0713340000000002</v>
      </c>
      <c r="D144">
        <f t="shared" si="9"/>
        <v>0.71068100000000012</v>
      </c>
      <c r="E144">
        <f t="shared" si="10"/>
        <v>18.980244999999968</v>
      </c>
      <c r="F144">
        <f t="shared" si="8"/>
        <v>2.3185860919165989E-2</v>
      </c>
    </row>
    <row r="145" spans="1:6" x14ac:dyDescent="0.2">
      <c r="A145">
        <v>1150.8136300000001</v>
      </c>
      <c r="B145">
        <v>20.061053999999999</v>
      </c>
      <c r="C145">
        <v>7.0763389999999999</v>
      </c>
      <c r="D145">
        <f t="shared" si="9"/>
        <v>0.71568599999999982</v>
      </c>
      <c r="E145">
        <f t="shared" si="10"/>
        <v>17.922773000000007</v>
      </c>
      <c r="F145">
        <f t="shared" si="8"/>
        <v>2.1760941706766051E-2</v>
      </c>
    </row>
    <row r="146" spans="1:6" x14ac:dyDescent="0.2">
      <c r="A146">
        <v>1150.1993600000001</v>
      </c>
      <c r="B146">
        <v>20.060652999999999</v>
      </c>
      <c r="C146">
        <v>7.0813439999999996</v>
      </c>
      <c r="D146">
        <f t="shared" si="9"/>
        <v>0.72069099999999953</v>
      </c>
      <c r="E146">
        <f t="shared" si="10"/>
        <v>17.308502999999973</v>
      </c>
      <c r="F146">
        <f t="shared" si="8"/>
        <v>2.0880326602249109E-2</v>
      </c>
    </row>
    <row r="147" spans="1:6" x14ac:dyDescent="0.2">
      <c r="A147">
        <v>1149.6043529999999</v>
      </c>
      <c r="B147">
        <v>20.033667999999999</v>
      </c>
      <c r="C147">
        <v>7.0863490000000002</v>
      </c>
      <c r="D147">
        <f t="shared" si="9"/>
        <v>0.72569600000000012</v>
      </c>
      <c r="E147">
        <f t="shared" si="10"/>
        <v>16.71349599999985</v>
      </c>
      <c r="F147">
        <f t="shared" si="8"/>
        <v>2.0033838704835865E-2</v>
      </c>
    </row>
    <row r="148" spans="1:6" x14ac:dyDescent="0.2">
      <c r="A148">
        <v>1148.9646399999999</v>
      </c>
      <c r="B148">
        <v>20.050367000000001</v>
      </c>
      <c r="C148">
        <v>7.0913539999999999</v>
      </c>
      <c r="D148">
        <f t="shared" si="9"/>
        <v>0.73070099999999982</v>
      </c>
      <c r="E148">
        <f t="shared" si="10"/>
        <v>16.073782999999821</v>
      </c>
      <c r="F148">
        <f t="shared" si="8"/>
        <v>1.914572144575687E-2</v>
      </c>
    </row>
    <row r="149" spans="1:6" x14ac:dyDescent="0.2">
      <c r="A149">
        <v>1148.263492</v>
      </c>
      <c r="B149">
        <v>20.028880999999998</v>
      </c>
      <c r="C149">
        <v>7.0963580000000004</v>
      </c>
      <c r="D149">
        <f t="shared" si="9"/>
        <v>0.73570500000000028</v>
      </c>
      <c r="E149">
        <f t="shared" si="10"/>
        <v>15.372634999999946</v>
      </c>
      <c r="F149">
        <f t="shared" si="8"/>
        <v>1.8197136423437722E-2</v>
      </c>
    </row>
    <row r="150" spans="1:6" x14ac:dyDescent="0.2">
      <c r="A150">
        <v>1148.2964260000001</v>
      </c>
      <c r="B150">
        <v>19.987877000000001</v>
      </c>
      <c r="C150">
        <v>7.1013630000000001</v>
      </c>
      <c r="D150">
        <f t="shared" si="9"/>
        <v>0.74070999999999998</v>
      </c>
      <c r="E150">
        <f t="shared" si="10"/>
        <v>15.405569000000014</v>
      </c>
      <c r="F150">
        <f t="shared" si="8"/>
        <v>1.8112380054401786E-2</v>
      </c>
    </row>
    <row r="151" spans="1:6" x14ac:dyDescent="0.2">
      <c r="A151">
        <v>1148.8525119999999</v>
      </c>
      <c r="B151">
        <v>19.948426999999999</v>
      </c>
      <c r="C151">
        <v>7.1063679999999998</v>
      </c>
      <c r="D151">
        <f t="shared" si="9"/>
        <v>0.74571499999999968</v>
      </c>
      <c r="E151">
        <f t="shared" si="10"/>
        <v>15.961654999999837</v>
      </c>
      <c r="F151">
        <f t="shared" si="8"/>
        <v>1.8631197193083281E-2</v>
      </c>
    </row>
    <row r="152" spans="1:6" x14ac:dyDescent="0.2">
      <c r="A152">
        <v>1149.5821989999999</v>
      </c>
      <c r="B152">
        <v>19.934004000000002</v>
      </c>
      <c r="C152">
        <v>7.1113730000000004</v>
      </c>
      <c r="D152">
        <f t="shared" si="9"/>
        <v>0.75072000000000028</v>
      </c>
      <c r="E152">
        <f t="shared" si="10"/>
        <v>16.69134199999985</v>
      </c>
      <c r="F152">
        <f t="shared" si="8"/>
        <v>1.9340746802531589E-2</v>
      </c>
    </row>
    <row r="153" spans="1:6" x14ac:dyDescent="0.2">
      <c r="A153">
        <v>1150.3208649999999</v>
      </c>
      <c r="B153">
        <v>19.950799</v>
      </c>
      <c r="C153">
        <v>7.1163780000000001</v>
      </c>
      <c r="D153">
        <f t="shared" si="9"/>
        <v>0.75572499999999998</v>
      </c>
      <c r="E153">
        <f t="shared" si="10"/>
        <v>17.430007999999816</v>
      </c>
      <c r="F153">
        <f t="shared" si="8"/>
        <v>2.0050019525664261E-2</v>
      </c>
    </row>
    <row r="154" spans="1:6" x14ac:dyDescent="0.2">
      <c r="A154">
        <v>1151.107127</v>
      </c>
      <c r="B154">
        <v>19.949490999999998</v>
      </c>
      <c r="C154">
        <v>7.1213819999999997</v>
      </c>
      <c r="D154">
        <f t="shared" si="9"/>
        <v>0.76072899999999954</v>
      </c>
      <c r="E154">
        <f t="shared" si="10"/>
        <v>18.216269999999895</v>
      </c>
      <c r="F154">
        <f t="shared" si="8"/>
        <v>2.0802414200862138E-2</v>
      </c>
    </row>
    <row r="155" spans="1:6" x14ac:dyDescent="0.2">
      <c r="A155">
        <v>1152.192202</v>
      </c>
      <c r="B155">
        <v>19.899998</v>
      </c>
      <c r="C155">
        <v>7.1263870000000002</v>
      </c>
      <c r="D155">
        <f t="shared" si="9"/>
        <v>0.76573400000000014</v>
      </c>
      <c r="E155">
        <f t="shared" si="10"/>
        <v>19.301344999999856</v>
      </c>
      <c r="F155">
        <f t="shared" si="8"/>
        <v>2.1876846065884435E-2</v>
      </c>
    </row>
    <row r="156" spans="1:6" x14ac:dyDescent="0.2">
      <c r="A156">
        <v>1153.7851900000001</v>
      </c>
      <c r="B156">
        <v>19.883709</v>
      </c>
      <c r="C156">
        <v>7.131392</v>
      </c>
      <c r="D156">
        <f t="shared" si="9"/>
        <v>0.77073899999999984</v>
      </c>
      <c r="E156">
        <f t="shared" si="10"/>
        <v>20.894332999999961</v>
      </c>
      <c r="F156">
        <f t="shared" si="8"/>
        <v>2.3496123523522143E-2</v>
      </c>
    </row>
    <row r="157" spans="1:6" x14ac:dyDescent="0.2">
      <c r="A157">
        <v>1155.426052</v>
      </c>
      <c r="B157">
        <v>19.895253</v>
      </c>
      <c r="C157">
        <v>7.1363969999999997</v>
      </c>
      <c r="D157">
        <f t="shared" si="9"/>
        <v>0.77574399999999955</v>
      </c>
      <c r="E157">
        <f t="shared" si="10"/>
        <v>22.535194999999931</v>
      </c>
      <c r="F157">
        <f t="shared" si="8"/>
        <v>2.5142053120239843E-2</v>
      </c>
    </row>
    <row r="158" spans="1:6" x14ac:dyDescent="0.2">
      <c r="A158">
        <v>1156.728582</v>
      </c>
      <c r="B158">
        <v>19.892619</v>
      </c>
      <c r="C158">
        <v>7.1414020000000002</v>
      </c>
      <c r="D158">
        <f t="shared" si="9"/>
        <v>0.78074900000000014</v>
      </c>
      <c r="E158">
        <f t="shared" si="10"/>
        <v>23.837724999999864</v>
      </c>
      <c r="F158">
        <f t="shared" si="8"/>
        <v>2.6395014311122827E-2</v>
      </c>
    </row>
    <row r="159" spans="1:6" x14ac:dyDescent="0.2">
      <c r="A159">
        <v>1158.2444680000001</v>
      </c>
      <c r="B159">
        <v>19.882935</v>
      </c>
      <c r="C159">
        <v>7.1464059999999998</v>
      </c>
      <c r="D159">
        <f t="shared" si="9"/>
        <v>0.7857529999999997</v>
      </c>
      <c r="E159">
        <f t="shared" si="10"/>
        <v>25.353611000000001</v>
      </c>
      <c r="F159">
        <f t="shared" si="8"/>
        <v>2.7858231321465147E-2</v>
      </c>
    </row>
    <row r="160" spans="1:6" x14ac:dyDescent="0.2">
      <c r="A160">
        <v>1159.751694</v>
      </c>
      <c r="B160">
        <v>19.911045000000001</v>
      </c>
      <c r="C160">
        <v>7.1514110000000004</v>
      </c>
      <c r="D160">
        <f t="shared" si="9"/>
        <v>0.79075800000000029</v>
      </c>
      <c r="E160">
        <f t="shared" si="10"/>
        <v>26.860836999999947</v>
      </c>
      <c r="F160">
        <f t="shared" si="8"/>
        <v>2.9289430781041445E-2</v>
      </c>
    </row>
    <row r="161" spans="1:6" x14ac:dyDescent="0.2">
      <c r="A161">
        <v>1160.7005979999999</v>
      </c>
      <c r="B161">
        <v>19.946897</v>
      </c>
      <c r="C161">
        <v>7.1564160000000001</v>
      </c>
      <c r="D161">
        <f t="shared" si="9"/>
        <v>0.795763</v>
      </c>
      <c r="E161">
        <f t="shared" si="10"/>
        <v>27.809740999999804</v>
      </c>
      <c r="F161">
        <f t="shared" si="8"/>
        <v>3.0108768588740859E-2</v>
      </c>
    </row>
    <row r="162" spans="1:6" x14ac:dyDescent="0.2">
      <c r="A162">
        <v>1160.866309</v>
      </c>
      <c r="B162">
        <v>19.996873000000001</v>
      </c>
      <c r="C162">
        <v>7.1614209999999998</v>
      </c>
      <c r="D162">
        <f t="shared" si="9"/>
        <v>0.8007679999999997</v>
      </c>
      <c r="E162">
        <f t="shared" si="10"/>
        <v>27.975451999999905</v>
      </c>
      <c r="F162">
        <f t="shared" si="8"/>
        <v>3.0094573667579547E-2</v>
      </c>
    </row>
    <row r="163" spans="1:6" x14ac:dyDescent="0.2">
      <c r="A163">
        <v>1160.8601570000001</v>
      </c>
      <c r="B163">
        <v>19.995747000000001</v>
      </c>
      <c r="C163">
        <v>7.1664260000000004</v>
      </c>
      <c r="D163">
        <f t="shared" si="9"/>
        <v>0.80577300000000029</v>
      </c>
      <c r="E163">
        <f t="shared" si="10"/>
        <v>27.969299999999976</v>
      </c>
      <c r="F163">
        <f t="shared" si="8"/>
        <v>2.9901224985105616E-2</v>
      </c>
    </row>
    <row r="164" spans="1:6" x14ac:dyDescent="0.2">
      <c r="A164">
        <v>1160.509904</v>
      </c>
      <c r="B164">
        <v>20.043507000000002</v>
      </c>
      <c r="C164">
        <v>7.17143</v>
      </c>
      <c r="D164">
        <f t="shared" si="9"/>
        <v>0.81077699999999986</v>
      </c>
      <c r="E164">
        <f t="shared" si="10"/>
        <v>27.61904699999991</v>
      </c>
      <c r="F164">
        <f t="shared" si="8"/>
        <v>2.9353400336704267E-2</v>
      </c>
    </row>
    <row r="165" spans="1:6" x14ac:dyDescent="0.2">
      <c r="A165">
        <v>1159.446181</v>
      </c>
      <c r="B165">
        <v>20.096188000000001</v>
      </c>
      <c r="C165">
        <v>7.1764349999999997</v>
      </c>
      <c r="D165">
        <f t="shared" si="9"/>
        <v>0.81578199999999956</v>
      </c>
      <c r="E165">
        <f t="shared" si="10"/>
        <v>26.555323999999928</v>
      </c>
      <c r="F165">
        <f t="shared" si="8"/>
        <v>2.8075460711757254E-2</v>
      </c>
    </row>
    <row r="166" spans="1:6" x14ac:dyDescent="0.2">
      <c r="A166">
        <v>1157.826965</v>
      </c>
      <c r="B166">
        <v>20.127891999999999</v>
      </c>
      <c r="C166">
        <v>7.1814400000000003</v>
      </c>
      <c r="D166">
        <f t="shared" si="9"/>
        <v>0.82078700000000016</v>
      </c>
      <c r="E166">
        <f t="shared" si="10"/>
        <v>24.936107999999876</v>
      </c>
      <c r="F166">
        <f t="shared" si="8"/>
        <v>2.6239438735378092E-2</v>
      </c>
    </row>
    <row r="167" spans="1:6" x14ac:dyDescent="0.2">
      <c r="A167">
        <v>1156.3235990000001</v>
      </c>
      <c r="B167">
        <v>20.090636</v>
      </c>
      <c r="C167">
        <v>7.186445</v>
      </c>
      <c r="D167">
        <f t="shared" si="9"/>
        <v>0.82579199999999986</v>
      </c>
      <c r="E167">
        <f t="shared" si="10"/>
        <v>23.432741999999962</v>
      </c>
      <c r="F167">
        <f t="shared" si="8"/>
        <v>2.4539914796870288E-2</v>
      </c>
    </row>
    <row r="168" spans="1:6" x14ac:dyDescent="0.2">
      <c r="A168">
        <v>1155.301203</v>
      </c>
      <c r="B168">
        <v>20.073235</v>
      </c>
      <c r="C168">
        <v>7.1914499999999997</v>
      </c>
      <c r="D168">
        <f t="shared" si="9"/>
        <v>0.83079699999999956</v>
      </c>
      <c r="E168">
        <f t="shared" si="10"/>
        <v>22.41034599999989</v>
      </c>
      <c r="F168">
        <f t="shared" si="8"/>
        <v>2.3348469440957257E-2</v>
      </c>
    </row>
    <row r="169" spans="1:6" x14ac:dyDescent="0.2">
      <c r="A169">
        <v>1154.2340850000001</v>
      </c>
      <c r="B169">
        <v>20.066388</v>
      </c>
      <c r="C169">
        <v>7.1964540000000001</v>
      </c>
      <c r="D169">
        <f t="shared" si="9"/>
        <v>0.83580100000000002</v>
      </c>
      <c r="E169">
        <f t="shared" si="10"/>
        <v>21.343227999999954</v>
      </c>
      <c r="F169">
        <f t="shared" si="8"/>
        <v>2.2123983316433917E-2</v>
      </c>
    </row>
    <row r="170" spans="1:6" x14ac:dyDescent="0.2">
      <c r="A170">
        <v>1152.96505</v>
      </c>
      <c r="B170">
        <v>20.098548999999998</v>
      </c>
      <c r="C170">
        <v>7.2014589999999998</v>
      </c>
      <c r="D170">
        <f t="shared" si="9"/>
        <v>0.84080599999999972</v>
      </c>
      <c r="E170">
        <f t="shared" si="10"/>
        <v>20.074192999999923</v>
      </c>
      <c r="F170">
        <f t="shared" si="8"/>
        <v>2.0707427545974967E-2</v>
      </c>
    </row>
    <row r="171" spans="1:6" x14ac:dyDescent="0.2">
      <c r="A171">
        <v>1151.716015</v>
      </c>
      <c r="B171">
        <v>20.084986000000001</v>
      </c>
      <c r="C171">
        <v>7.2064640000000004</v>
      </c>
      <c r="D171">
        <f t="shared" si="9"/>
        <v>0.84581100000000031</v>
      </c>
      <c r="E171">
        <f t="shared" si="10"/>
        <v>18.825157999999874</v>
      </c>
      <c r="F171">
        <f t="shared" si="8"/>
        <v>1.93250174646716E-2</v>
      </c>
    </row>
    <row r="172" spans="1:6" x14ac:dyDescent="0.2">
      <c r="A172">
        <v>1150.9349460000001</v>
      </c>
      <c r="B172">
        <v>20.055834000000001</v>
      </c>
      <c r="C172">
        <v>7.2114690000000001</v>
      </c>
      <c r="D172">
        <f t="shared" si="9"/>
        <v>0.85081600000000002</v>
      </c>
      <c r="E172">
        <f t="shared" si="10"/>
        <v>18.044088999999985</v>
      </c>
      <c r="F172">
        <f t="shared" si="8"/>
        <v>1.8426741157336151E-2</v>
      </c>
    </row>
    <row r="173" spans="1:6" x14ac:dyDescent="0.2">
      <c r="A173">
        <v>1150.1655270000001</v>
      </c>
      <c r="B173">
        <v>20.052826</v>
      </c>
      <c r="C173">
        <v>7.2164739999999998</v>
      </c>
      <c r="D173">
        <f t="shared" si="9"/>
        <v>0.85582099999999972</v>
      </c>
      <c r="E173">
        <f t="shared" si="10"/>
        <v>17.274670000000015</v>
      </c>
      <c r="F173">
        <f t="shared" si="8"/>
        <v>1.7549569769263855E-2</v>
      </c>
    </row>
    <row r="174" spans="1:6" x14ac:dyDescent="0.2">
      <c r="A174">
        <v>1149.6482329999999</v>
      </c>
      <c r="B174">
        <v>20.011305</v>
      </c>
      <c r="C174">
        <v>7.2214780000000003</v>
      </c>
      <c r="D174">
        <f t="shared" si="9"/>
        <v>0.86082500000000017</v>
      </c>
      <c r="E174">
        <f t="shared" si="10"/>
        <v>16.757375999999795</v>
      </c>
      <c r="F174">
        <f t="shared" si="8"/>
        <v>1.6932698169896555E-2</v>
      </c>
    </row>
    <row r="175" spans="1:6" x14ac:dyDescent="0.2">
      <c r="A175">
        <v>1149.874143</v>
      </c>
      <c r="B175">
        <v>19.963761999999999</v>
      </c>
      <c r="C175">
        <v>7.226483</v>
      </c>
      <c r="D175">
        <f t="shared" si="9"/>
        <v>0.86582999999999988</v>
      </c>
      <c r="E175">
        <f t="shared" si="10"/>
        <v>16.983285999999907</v>
      </c>
      <c r="F175">
        <f t="shared" si="8"/>
        <v>1.705841930916659E-2</v>
      </c>
    </row>
    <row r="176" spans="1:6" x14ac:dyDescent="0.2">
      <c r="A176">
        <v>1150.6043279999999</v>
      </c>
      <c r="B176">
        <v>19.946608999999999</v>
      </c>
      <c r="C176">
        <v>7.2314879999999997</v>
      </c>
      <c r="D176">
        <f t="shared" si="9"/>
        <v>0.87083499999999958</v>
      </c>
      <c r="E176">
        <f t="shared" si="10"/>
        <v>17.713470999999799</v>
      </c>
      <c r="F176">
        <f t="shared" si="8"/>
        <v>1.7678352599455698E-2</v>
      </c>
    </row>
    <row r="177" spans="1:6" x14ac:dyDescent="0.2">
      <c r="A177">
        <v>1151.515075</v>
      </c>
      <c r="B177">
        <v>19.926877999999999</v>
      </c>
      <c r="C177">
        <v>7.2364930000000003</v>
      </c>
      <c r="D177">
        <f t="shared" si="9"/>
        <v>0.87584000000000017</v>
      </c>
      <c r="E177">
        <f t="shared" si="10"/>
        <v>18.624217999999928</v>
      </c>
      <c r="F177">
        <f t="shared" si="8"/>
        <v>1.8466459712615717E-2</v>
      </c>
    </row>
    <row r="178" spans="1:6" x14ac:dyDescent="0.2">
      <c r="A178">
        <v>1152.3017050000001</v>
      </c>
      <c r="B178">
        <v>19.936219000000001</v>
      </c>
      <c r="C178">
        <v>7.241498</v>
      </c>
      <c r="D178">
        <f t="shared" si="9"/>
        <v>0.88084499999999988</v>
      </c>
      <c r="E178">
        <f t="shared" si="10"/>
        <v>19.410847999999987</v>
      </c>
      <c r="F178">
        <f t="shared" si="8"/>
        <v>1.912400333823315E-2</v>
      </c>
    </row>
    <row r="179" spans="1:6" x14ac:dyDescent="0.2">
      <c r="A179">
        <v>1153.452571</v>
      </c>
      <c r="B179">
        <v>19.915208</v>
      </c>
      <c r="C179">
        <v>7.2465020000000004</v>
      </c>
      <c r="D179">
        <f t="shared" si="9"/>
        <v>0.88584900000000033</v>
      </c>
      <c r="E179">
        <f t="shared" si="10"/>
        <v>20.561713999999938</v>
      </c>
      <c r="F179">
        <f t="shared" si="8"/>
        <v>2.0123331123964985E-2</v>
      </c>
    </row>
    <row r="180" spans="1:6" x14ac:dyDescent="0.2">
      <c r="A180">
        <v>1155.0257320000001</v>
      </c>
      <c r="B180">
        <v>19.875035</v>
      </c>
      <c r="C180">
        <v>7.2515070000000001</v>
      </c>
      <c r="D180">
        <f t="shared" si="9"/>
        <v>0.89085400000000003</v>
      </c>
      <c r="E180">
        <f t="shared" si="10"/>
        <v>22.134874999999965</v>
      </c>
      <c r="F180">
        <f t="shared" si="8"/>
        <v>2.1511905418214919E-2</v>
      </c>
    </row>
    <row r="181" spans="1:6" x14ac:dyDescent="0.2">
      <c r="A181">
        <v>1156.2740759999999</v>
      </c>
      <c r="B181">
        <v>19.927115000000001</v>
      </c>
      <c r="C181">
        <v>7.2565119999999999</v>
      </c>
      <c r="D181">
        <f t="shared" si="9"/>
        <v>0.89585899999999974</v>
      </c>
      <c r="E181">
        <f t="shared" si="10"/>
        <v>23.383218999999826</v>
      </c>
      <c r="F181">
        <f t="shared" si="8"/>
        <v>2.2573757086111323E-2</v>
      </c>
    </row>
    <row r="182" spans="1:6" x14ac:dyDescent="0.2">
      <c r="A182">
        <v>1157.557767</v>
      </c>
      <c r="B182">
        <v>19.899238</v>
      </c>
      <c r="C182">
        <v>7.2615170000000004</v>
      </c>
      <c r="D182">
        <f t="shared" si="9"/>
        <v>0.90086400000000033</v>
      </c>
      <c r="E182">
        <f t="shared" si="10"/>
        <v>24.666909999999916</v>
      </c>
      <c r="F182">
        <f t="shared" si="8"/>
        <v>2.3654449412719068E-2</v>
      </c>
    </row>
    <row r="183" spans="1:6" x14ac:dyDescent="0.2">
      <c r="A183">
        <v>1158.6309040000001</v>
      </c>
      <c r="B183">
        <v>19.939097</v>
      </c>
      <c r="C183">
        <v>7.2665220000000001</v>
      </c>
      <c r="D183">
        <f t="shared" si="9"/>
        <v>0.90586900000000004</v>
      </c>
      <c r="E183">
        <f t="shared" si="10"/>
        <v>25.740047000000004</v>
      </c>
      <c r="F183">
        <f t="shared" si="8"/>
        <v>2.4524424767365736E-2</v>
      </c>
    </row>
    <row r="184" spans="1:6" x14ac:dyDescent="0.2">
      <c r="A184">
        <v>1159.3849279999999</v>
      </c>
      <c r="B184">
        <v>19.955943000000001</v>
      </c>
      <c r="C184">
        <v>7.2715259999999997</v>
      </c>
      <c r="D184">
        <f t="shared" si="9"/>
        <v>0.9108729999999996</v>
      </c>
      <c r="E184">
        <f t="shared" si="10"/>
        <v>26.494070999999849</v>
      </c>
      <c r="F184">
        <f t="shared" si="8"/>
        <v>2.5087836843634657E-2</v>
      </c>
    </row>
    <row r="185" spans="1:6" x14ac:dyDescent="0.2">
      <c r="A185">
        <v>1160.1318690000001</v>
      </c>
      <c r="B185">
        <v>19.931108999999999</v>
      </c>
      <c r="C185">
        <v>7.2765310000000003</v>
      </c>
      <c r="D185">
        <f t="shared" si="9"/>
        <v>0.91587800000000019</v>
      </c>
      <c r="E185">
        <f t="shared" si="10"/>
        <v>27.241011999999955</v>
      </c>
      <c r="F185">
        <f t="shared" si="8"/>
        <v>2.5637652301623737E-2</v>
      </c>
    </row>
    <row r="186" spans="1:6" x14ac:dyDescent="0.2">
      <c r="A186">
        <v>1160.31711</v>
      </c>
      <c r="B186">
        <v>20.005585</v>
      </c>
      <c r="C186">
        <v>7.281536</v>
      </c>
      <c r="D186">
        <f t="shared" si="9"/>
        <v>0.9208829999999999</v>
      </c>
      <c r="E186">
        <f t="shared" si="10"/>
        <v>27.426252999999861</v>
      </c>
      <c r="F186">
        <f t="shared" si="8"/>
        <v>2.5667603731445242E-2</v>
      </c>
    </row>
    <row r="187" spans="1:6" x14ac:dyDescent="0.2">
      <c r="A187">
        <v>1159.9636800000001</v>
      </c>
      <c r="B187">
        <v>20.024432000000001</v>
      </c>
      <c r="C187">
        <v>7.2865409999999997</v>
      </c>
      <c r="D187">
        <f t="shared" si="9"/>
        <v>0.9258879999999996</v>
      </c>
      <c r="E187">
        <f t="shared" si="10"/>
        <v>27.072822999999971</v>
      </c>
      <c r="F187">
        <f t="shared" si="8"/>
        <v>2.5207553484875311E-2</v>
      </c>
    </row>
    <row r="188" spans="1:6" x14ac:dyDescent="0.2">
      <c r="A188">
        <v>1159.87835</v>
      </c>
      <c r="B188">
        <v>19.994329</v>
      </c>
      <c r="C188">
        <v>7.2915460000000003</v>
      </c>
      <c r="D188">
        <f t="shared" si="9"/>
        <v>0.93089300000000019</v>
      </c>
      <c r="E188">
        <f t="shared" si="10"/>
        <v>26.987492999999859</v>
      </c>
      <c r="F188">
        <f t="shared" si="8"/>
        <v>2.4994838561799473E-2</v>
      </c>
    </row>
    <row r="189" spans="1:6" x14ac:dyDescent="0.2">
      <c r="A189">
        <v>1160.1790189999999</v>
      </c>
      <c r="B189">
        <v>19.971354999999999</v>
      </c>
      <c r="C189">
        <v>7.2965499999999999</v>
      </c>
      <c r="D189">
        <f t="shared" si="9"/>
        <v>0.93589699999999976</v>
      </c>
      <c r="E189">
        <f t="shared" si="10"/>
        <v>27.288161999999829</v>
      </c>
      <c r="F189">
        <f t="shared" si="8"/>
        <v>2.5131662695461431E-2</v>
      </c>
    </row>
    <row r="190" spans="1:6" x14ac:dyDescent="0.2">
      <c r="A190">
        <v>1160.34232</v>
      </c>
      <c r="B190">
        <v>20.000482000000002</v>
      </c>
      <c r="C190">
        <v>7.3015549999999996</v>
      </c>
      <c r="D190">
        <f t="shared" si="9"/>
        <v>0.94090199999999946</v>
      </c>
      <c r="E190">
        <f t="shared" si="10"/>
        <v>27.451462999999876</v>
      </c>
      <c r="F190">
        <f t="shared" si="8"/>
        <v>2.5144034906400568E-2</v>
      </c>
    </row>
    <row r="191" spans="1:6" x14ac:dyDescent="0.2">
      <c r="A191">
        <v>1160.41652</v>
      </c>
      <c r="B191">
        <v>19.992502000000002</v>
      </c>
      <c r="C191">
        <v>7.3065600000000002</v>
      </c>
      <c r="D191">
        <f t="shared" si="9"/>
        <v>0.94590700000000005</v>
      </c>
      <c r="E191">
        <f t="shared" si="10"/>
        <v>27.525662999999895</v>
      </c>
      <c r="F191">
        <f t="shared" si="8"/>
        <v>2.5076992274378623E-2</v>
      </c>
    </row>
    <row r="192" spans="1:6" x14ac:dyDescent="0.2">
      <c r="A192">
        <v>1160.402394</v>
      </c>
      <c r="B192">
        <v>19.991264000000001</v>
      </c>
      <c r="C192">
        <v>7.3115649999999999</v>
      </c>
      <c r="D192">
        <f t="shared" si="9"/>
        <v>0.95091199999999976</v>
      </c>
      <c r="E192">
        <f t="shared" si="10"/>
        <v>27.511536999999862</v>
      </c>
      <c r="F192">
        <f t="shared" si="8"/>
        <v>2.4932504717792219E-2</v>
      </c>
    </row>
    <row r="193" spans="1:6" x14ac:dyDescent="0.2">
      <c r="A193">
        <v>1160.1911600000001</v>
      </c>
      <c r="B193">
        <v>20.035159</v>
      </c>
      <c r="C193">
        <v>7.3165699999999996</v>
      </c>
      <c r="D193">
        <f t="shared" si="9"/>
        <v>0.95591699999999946</v>
      </c>
      <c r="E193">
        <f t="shared" si="10"/>
        <v>27.300302999999985</v>
      </c>
      <c r="F193">
        <f t="shared" si="8"/>
        <v>2.4616013985568366E-2</v>
      </c>
    </row>
    <row r="194" spans="1:6" x14ac:dyDescent="0.2">
      <c r="A194">
        <v>1159.413485</v>
      </c>
      <c r="B194">
        <v>20.065854000000002</v>
      </c>
      <c r="C194">
        <v>7.321574</v>
      </c>
      <c r="D194">
        <f t="shared" si="9"/>
        <v>0.96092099999999991</v>
      </c>
      <c r="E194">
        <f t="shared" si="10"/>
        <v>26.522627999999941</v>
      </c>
      <c r="F194">
        <f t="shared" si="8"/>
        <v>2.3806224354501193E-2</v>
      </c>
    </row>
    <row r="195" spans="1:6" x14ac:dyDescent="0.2">
      <c r="A195">
        <v>1158.786079</v>
      </c>
      <c r="B195">
        <v>20.043095999999998</v>
      </c>
      <c r="C195">
        <v>7.3265789999999997</v>
      </c>
      <c r="D195">
        <f t="shared" si="9"/>
        <v>0.96592599999999962</v>
      </c>
      <c r="E195">
        <f t="shared" si="10"/>
        <v>25.895221999999876</v>
      </c>
      <c r="F195">
        <f t="shared" ref="F195:F258" si="11">(1/A195)*(E195/D195)</f>
        <v>2.3135160309245104E-2</v>
      </c>
    </row>
    <row r="196" spans="1:6" x14ac:dyDescent="0.2">
      <c r="A196">
        <v>1158.475434</v>
      </c>
      <c r="B196">
        <v>19.999130999999998</v>
      </c>
      <c r="C196">
        <v>7.3315840000000003</v>
      </c>
      <c r="D196">
        <f t="shared" si="9"/>
        <v>0.97093100000000021</v>
      </c>
      <c r="E196">
        <f t="shared" si="10"/>
        <v>25.584576999999854</v>
      </c>
      <c r="F196">
        <f t="shared" si="11"/>
        <v>2.2745895767878953E-2</v>
      </c>
    </row>
    <row r="197" spans="1:6" x14ac:dyDescent="0.2">
      <c r="A197">
        <v>1158.3227449999999</v>
      </c>
      <c r="B197">
        <v>20.016649000000001</v>
      </c>
      <c r="C197">
        <v>7.336589</v>
      </c>
      <c r="D197">
        <f t="shared" si="9"/>
        <v>0.97593599999999991</v>
      </c>
      <c r="E197">
        <f t="shared" si="10"/>
        <v>25.431887999999844</v>
      </c>
      <c r="F197">
        <f t="shared" si="11"/>
        <v>2.2497159097113879E-2</v>
      </c>
    </row>
    <row r="198" spans="1:6" x14ac:dyDescent="0.2">
      <c r="A198">
        <v>1157.882165</v>
      </c>
      <c r="B198">
        <v>20.044716999999999</v>
      </c>
      <c r="C198">
        <v>7.3415939999999997</v>
      </c>
      <c r="D198">
        <f t="shared" si="9"/>
        <v>0.98094099999999962</v>
      </c>
      <c r="E198">
        <f t="shared" si="10"/>
        <v>24.99130799999989</v>
      </c>
      <c r="F198">
        <f t="shared" si="11"/>
        <v>2.2002991727302496E-2</v>
      </c>
    </row>
    <row r="199" spans="1:6" x14ac:dyDescent="0.2">
      <c r="A199">
        <v>1157.0492159999999</v>
      </c>
      <c r="B199">
        <v>20.053856</v>
      </c>
      <c r="C199">
        <v>7.3465980000000002</v>
      </c>
      <c r="D199">
        <f t="shared" ref="D199:D262" si="12">C199-$C$2</f>
        <v>0.98594500000000007</v>
      </c>
      <c r="E199">
        <f t="shared" ref="E199:E262" si="13">A199-$A$2</f>
        <v>24.158358999999791</v>
      </c>
      <c r="F199">
        <f t="shared" si="11"/>
        <v>2.1176925530304425E-2</v>
      </c>
    </row>
    <row r="200" spans="1:6" x14ac:dyDescent="0.2">
      <c r="A200">
        <v>1156.400605</v>
      </c>
      <c r="B200">
        <v>20.046167000000001</v>
      </c>
      <c r="C200">
        <v>7.3516029999999999</v>
      </c>
      <c r="D200">
        <f t="shared" si="12"/>
        <v>0.99094999999999978</v>
      </c>
      <c r="E200">
        <f t="shared" si="13"/>
        <v>23.509747999999945</v>
      </c>
      <c r="F200">
        <f t="shared" si="11"/>
        <v>2.0515774731473094E-2</v>
      </c>
    </row>
    <row r="201" spans="1:6" x14ac:dyDescent="0.2">
      <c r="A201">
        <v>1156.261512</v>
      </c>
      <c r="B201">
        <v>19.980699000000001</v>
      </c>
      <c r="C201">
        <v>7.3566079999999996</v>
      </c>
      <c r="D201">
        <f t="shared" si="12"/>
        <v>0.99595499999999948</v>
      </c>
      <c r="E201">
        <f t="shared" si="13"/>
        <v>23.370654999999942</v>
      </c>
      <c r="F201">
        <f t="shared" si="11"/>
        <v>2.0294347775342197E-2</v>
      </c>
    </row>
    <row r="202" spans="1:6" x14ac:dyDescent="0.2">
      <c r="A202">
        <v>1156.224935</v>
      </c>
      <c r="B202">
        <v>20.020719</v>
      </c>
      <c r="C202">
        <v>7.3616130000000002</v>
      </c>
      <c r="D202">
        <f t="shared" si="12"/>
        <v>1.0009600000000001</v>
      </c>
      <c r="E202">
        <f t="shared" si="13"/>
        <v>23.334077999999863</v>
      </c>
      <c r="F202">
        <f t="shared" si="11"/>
        <v>2.0161906272313221E-2</v>
      </c>
    </row>
    <row r="203" spans="1:6" x14ac:dyDescent="0.2">
      <c r="A203">
        <v>1156.508548</v>
      </c>
      <c r="B203">
        <v>19.968112000000001</v>
      </c>
      <c r="C203">
        <v>7.3666179999999999</v>
      </c>
      <c r="D203">
        <f t="shared" si="12"/>
        <v>1.0059649999999998</v>
      </c>
      <c r="E203">
        <f t="shared" si="13"/>
        <v>23.617690999999922</v>
      </c>
      <c r="F203">
        <f t="shared" si="11"/>
        <v>2.0300452493170411E-2</v>
      </c>
    </row>
    <row r="204" spans="1:6" x14ac:dyDescent="0.2">
      <c r="A204">
        <v>1156.699329</v>
      </c>
      <c r="B204">
        <v>19.992384999999999</v>
      </c>
      <c r="C204">
        <v>7.3716220000000003</v>
      </c>
      <c r="D204">
        <f t="shared" si="12"/>
        <v>1.0109690000000002</v>
      </c>
      <c r="E204">
        <f t="shared" si="13"/>
        <v>23.808471999999938</v>
      </c>
      <c r="F204">
        <f t="shared" si="11"/>
        <v>2.0359785650277216E-2</v>
      </c>
    </row>
    <row r="205" spans="1:6" x14ac:dyDescent="0.2">
      <c r="A205">
        <v>1156.941108</v>
      </c>
      <c r="B205">
        <v>19.976748000000001</v>
      </c>
      <c r="C205">
        <v>7.376627</v>
      </c>
      <c r="D205">
        <f t="shared" si="12"/>
        <v>1.0159739999999999</v>
      </c>
      <c r="E205">
        <f t="shared" si="13"/>
        <v>24.050250999999889</v>
      </c>
      <c r="F205">
        <f t="shared" si="11"/>
        <v>2.046094871077446E-2</v>
      </c>
    </row>
    <row r="206" spans="1:6" x14ac:dyDescent="0.2">
      <c r="A206">
        <v>1157.1208389999999</v>
      </c>
      <c r="B206">
        <v>19.970780000000001</v>
      </c>
      <c r="C206">
        <v>7.3816319999999997</v>
      </c>
      <c r="D206">
        <f t="shared" si="12"/>
        <v>1.0209789999999996</v>
      </c>
      <c r="E206">
        <f t="shared" si="13"/>
        <v>24.229981999999836</v>
      </c>
      <c r="F206">
        <f t="shared" si="11"/>
        <v>2.0509617790385428E-2</v>
      </c>
    </row>
    <row r="207" spans="1:6" x14ac:dyDescent="0.2">
      <c r="A207">
        <v>1157.290669</v>
      </c>
      <c r="B207">
        <v>19.987487999999999</v>
      </c>
      <c r="C207">
        <v>7.3866370000000003</v>
      </c>
      <c r="D207">
        <f t="shared" si="12"/>
        <v>1.0259840000000002</v>
      </c>
      <c r="E207">
        <f t="shared" si="13"/>
        <v>24.399811999999883</v>
      </c>
      <c r="F207">
        <f t="shared" si="11"/>
        <v>2.0549603208339137E-2</v>
      </c>
    </row>
    <row r="208" spans="1:6" x14ac:dyDescent="0.2">
      <c r="A208">
        <v>1157.7027499999999</v>
      </c>
      <c r="B208">
        <v>19.977331</v>
      </c>
      <c r="C208">
        <v>7.391642</v>
      </c>
      <c r="D208">
        <f t="shared" si="12"/>
        <v>1.0309889999999999</v>
      </c>
      <c r="E208">
        <f t="shared" si="13"/>
        <v>24.811892999999827</v>
      </c>
      <c r="F208">
        <f t="shared" si="11"/>
        <v>2.0787813078780693E-2</v>
      </c>
    </row>
    <row r="209" spans="1:6" x14ac:dyDescent="0.2">
      <c r="A209">
        <v>1157.951071</v>
      </c>
      <c r="B209">
        <v>19.983204000000001</v>
      </c>
      <c r="C209">
        <v>7.3966459999999996</v>
      </c>
      <c r="D209">
        <f t="shared" si="12"/>
        <v>1.0359929999999995</v>
      </c>
      <c r="E209">
        <f t="shared" si="13"/>
        <v>25.06021399999986</v>
      </c>
      <c r="F209">
        <f t="shared" si="11"/>
        <v>2.0889966598479158E-2</v>
      </c>
    </row>
    <row r="210" spans="1:6" x14ac:dyDescent="0.2">
      <c r="A210">
        <v>1158.045627</v>
      </c>
      <c r="B210">
        <v>19.984248999999998</v>
      </c>
      <c r="C210">
        <v>7.4016510000000002</v>
      </c>
      <c r="D210">
        <f t="shared" si="12"/>
        <v>1.0409980000000001</v>
      </c>
      <c r="E210">
        <f t="shared" si="13"/>
        <v>25.154769999999871</v>
      </c>
      <c r="F210">
        <f t="shared" si="11"/>
        <v>2.0866268176017388E-2</v>
      </c>
    </row>
    <row r="211" spans="1:6" x14ac:dyDescent="0.2">
      <c r="A211">
        <v>1158.2484440000001</v>
      </c>
      <c r="B211">
        <v>19.997987999999999</v>
      </c>
      <c r="C211">
        <v>7.4066559999999999</v>
      </c>
      <c r="D211">
        <f t="shared" si="12"/>
        <v>1.0460029999999998</v>
      </c>
      <c r="E211">
        <f t="shared" si="13"/>
        <v>25.357586999999967</v>
      </c>
      <c r="F211">
        <f t="shared" si="11"/>
        <v>2.093019471534633E-2</v>
      </c>
    </row>
    <row r="212" spans="1:6" x14ac:dyDescent="0.2">
      <c r="A212">
        <v>1158.1793520000001</v>
      </c>
      <c r="B212">
        <v>20.009875999999998</v>
      </c>
      <c r="C212">
        <v>7.4116609999999996</v>
      </c>
      <c r="D212">
        <f t="shared" si="12"/>
        <v>1.0510079999999995</v>
      </c>
      <c r="E212">
        <f t="shared" si="13"/>
        <v>25.288495000000012</v>
      </c>
      <c r="F212">
        <f t="shared" si="11"/>
        <v>2.0775005335660842E-2</v>
      </c>
    </row>
    <row r="213" spans="1:6" x14ac:dyDescent="0.2">
      <c r="A213">
        <v>1158.154446</v>
      </c>
      <c r="B213">
        <v>19.988827000000001</v>
      </c>
      <c r="C213">
        <v>7.4166660000000002</v>
      </c>
      <c r="D213">
        <f t="shared" si="12"/>
        <v>1.0560130000000001</v>
      </c>
      <c r="E213">
        <f t="shared" si="13"/>
        <v>25.263588999999911</v>
      </c>
      <c r="F213">
        <f t="shared" si="11"/>
        <v>2.0656622084227687E-2</v>
      </c>
    </row>
    <row r="214" spans="1:6" x14ac:dyDescent="0.2">
      <c r="A214">
        <v>1158.0493019999999</v>
      </c>
      <c r="B214">
        <v>20.008500000000002</v>
      </c>
      <c r="C214">
        <v>7.4216699999999998</v>
      </c>
      <c r="D214">
        <f t="shared" si="12"/>
        <v>1.0610169999999997</v>
      </c>
      <c r="E214">
        <f t="shared" si="13"/>
        <v>25.158444999999801</v>
      </c>
      <c r="F214">
        <f t="shared" si="11"/>
        <v>2.0475494686765322E-2</v>
      </c>
    </row>
    <row r="215" spans="1:6" x14ac:dyDescent="0.2">
      <c r="A215">
        <v>1158.1521620000001</v>
      </c>
      <c r="B215">
        <v>19.995629000000001</v>
      </c>
      <c r="C215">
        <v>7.4266750000000004</v>
      </c>
      <c r="D215">
        <f t="shared" si="12"/>
        <v>1.0660220000000002</v>
      </c>
      <c r="E215">
        <f t="shared" si="13"/>
        <v>25.261304999999993</v>
      </c>
      <c r="F215">
        <f t="shared" si="11"/>
        <v>2.0460865131201808E-2</v>
      </c>
    </row>
    <row r="216" spans="1:6" x14ac:dyDescent="0.2">
      <c r="A216">
        <v>1158.410337</v>
      </c>
      <c r="B216">
        <v>19.958542999999999</v>
      </c>
      <c r="C216">
        <v>7.4316800000000001</v>
      </c>
      <c r="D216">
        <f t="shared" si="12"/>
        <v>1.071027</v>
      </c>
      <c r="E216">
        <f t="shared" si="13"/>
        <v>25.51947999999993</v>
      </c>
      <c r="F216">
        <f t="shared" si="11"/>
        <v>2.0568801031694763E-2</v>
      </c>
    </row>
    <row r="217" spans="1:6" x14ac:dyDescent="0.2">
      <c r="A217">
        <v>1158.5790179999999</v>
      </c>
      <c r="B217">
        <v>20.001843000000001</v>
      </c>
      <c r="C217">
        <v>7.4366849999999998</v>
      </c>
      <c r="D217">
        <f t="shared" si="12"/>
        <v>1.0760319999999997</v>
      </c>
      <c r="E217">
        <f t="shared" si="13"/>
        <v>25.688160999999809</v>
      </c>
      <c r="F217">
        <f t="shared" si="11"/>
        <v>2.0605453081972518E-2</v>
      </c>
    </row>
    <row r="218" spans="1:6" x14ac:dyDescent="0.2">
      <c r="A218">
        <v>1158.8781300000001</v>
      </c>
      <c r="B218">
        <v>19.971565999999999</v>
      </c>
      <c r="C218">
        <v>7.4416900000000004</v>
      </c>
      <c r="D218">
        <f t="shared" si="12"/>
        <v>1.0810370000000002</v>
      </c>
      <c r="E218">
        <f t="shared" si="13"/>
        <v>25.987272999999959</v>
      </c>
      <c r="F218">
        <f t="shared" si="11"/>
        <v>2.0743516597120433E-2</v>
      </c>
    </row>
    <row r="219" spans="1:6" x14ac:dyDescent="0.2">
      <c r="A219">
        <v>1159.2417989999999</v>
      </c>
      <c r="B219">
        <v>19.990500999999998</v>
      </c>
      <c r="C219">
        <v>7.4466939999999999</v>
      </c>
      <c r="D219">
        <f t="shared" si="12"/>
        <v>1.0860409999999998</v>
      </c>
      <c r="E219">
        <f t="shared" si="13"/>
        <v>26.350941999999804</v>
      </c>
      <c r="F219">
        <f t="shared" si="11"/>
        <v>2.0930321142573243E-2</v>
      </c>
    </row>
    <row r="220" spans="1:6" x14ac:dyDescent="0.2">
      <c r="A220">
        <v>1159.435649</v>
      </c>
      <c r="B220">
        <v>19.968544999999999</v>
      </c>
      <c r="C220">
        <v>7.4516989999999996</v>
      </c>
      <c r="D220">
        <f t="shared" si="12"/>
        <v>1.0910459999999995</v>
      </c>
      <c r="E220">
        <f t="shared" si="13"/>
        <v>26.544791999999916</v>
      </c>
      <c r="F220">
        <f t="shared" si="11"/>
        <v>2.0984064658585769E-2</v>
      </c>
    </row>
    <row r="221" spans="1:6" x14ac:dyDescent="0.2">
      <c r="A221">
        <v>1159.674233</v>
      </c>
      <c r="B221">
        <v>19.970683999999999</v>
      </c>
      <c r="C221">
        <v>7.4567040000000002</v>
      </c>
      <c r="D221">
        <f t="shared" si="12"/>
        <v>1.0960510000000001</v>
      </c>
      <c r="E221">
        <f t="shared" si="13"/>
        <v>26.783375999999862</v>
      </c>
      <c r="F221">
        <f t="shared" si="11"/>
        <v>2.1071650190790051E-2</v>
      </c>
    </row>
    <row r="222" spans="1:6" x14ac:dyDescent="0.2">
      <c r="A222">
        <v>1160.1898719999999</v>
      </c>
      <c r="B222">
        <v>19.964521000000001</v>
      </c>
      <c r="C222">
        <v>7.4617089999999999</v>
      </c>
      <c r="D222">
        <f t="shared" si="12"/>
        <v>1.1010559999999998</v>
      </c>
      <c r="E222">
        <f t="shared" si="13"/>
        <v>27.299014999999827</v>
      </c>
      <c r="F222">
        <f t="shared" si="11"/>
        <v>2.1370195703968829E-2</v>
      </c>
    </row>
    <row r="223" spans="1:6" x14ac:dyDescent="0.2">
      <c r="A223">
        <v>1160.464338</v>
      </c>
      <c r="B223">
        <v>19.987120999999998</v>
      </c>
      <c r="C223">
        <v>7.4667139999999996</v>
      </c>
      <c r="D223">
        <f t="shared" si="12"/>
        <v>1.1060609999999995</v>
      </c>
      <c r="E223">
        <f t="shared" si="13"/>
        <v>27.573480999999902</v>
      </c>
      <c r="F223">
        <f t="shared" si="11"/>
        <v>2.1482297111627281E-2</v>
      </c>
    </row>
    <row r="224" spans="1:6" x14ac:dyDescent="0.2">
      <c r="A224">
        <v>1160.5234820000001</v>
      </c>
      <c r="B224">
        <v>20.015502000000001</v>
      </c>
      <c r="C224">
        <v>7.4717180000000001</v>
      </c>
      <c r="D224">
        <f t="shared" si="12"/>
        <v>1.111065</v>
      </c>
      <c r="E224">
        <f t="shared" si="13"/>
        <v>27.632624999999962</v>
      </c>
      <c r="F224">
        <f t="shared" si="11"/>
        <v>2.1430324338216841E-2</v>
      </c>
    </row>
    <row r="225" spans="1:6" x14ac:dyDescent="0.2">
      <c r="A225">
        <v>1160.461368</v>
      </c>
      <c r="B225">
        <v>19.992498999999999</v>
      </c>
      <c r="C225">
        <v>7.4767229999999998</v>
      </c>
      <c r="D225">
        <f t="shared" si="12"/>
        <v>1.1160699999999997</v>
      </c>
      <c r="E225">
        <f t="shared" si="13"/>
        <v>27.570510999999897</v>
      </c>
      <c r="F225">
        <f t="shared" si="11"/>
        <v>2.1287403576978052E-2</v>
      </c>
    </row>
    <row r="226" spans="1:6" x14ac:dyDescent="0.2">
      <c r="A226">
        <v>1159.877344</v>
      </c>
      <c r="B226">
        <v>20.061668000000001</v>
      </c>
      <c r="C226">
        <v>7.4817280000000004</v>
      </c>
      <c r="D226">
        <f t="shared" si="12"/>
        <v>1.1210750000000003</v>
      </c>
      <c r="E226">
        <f t="shared" si="13"/>
        <v>26.986486999999897</v>
      </c>
      <c r="F226">
        <f t="shared" si="11"/>
        <v>2.0753895235296596E-2</v>
      </c>
    </row>
    <row r="227" spans="1:6" x14ac:dyDescent="0.2">
      <c r="A227">
        <v>1159.3360210000001</v>
      </c>
      <c r="B227">
        <v>20.023199000000002</v>
      </c>
      <c r="C227">
        <v>7.4867330000000001</v>
      </c>
      <c r="D227">
        <f t="shared" si="12"/>
        <v>1.12608</v>
      </c>
      <c r="E227">
        <f t="shared" si="13"/>
        <v>26.445163999999977</v>
      </c>
      <c r="F227">
        <f t="shared" si="11"/>
        <v>2.0256653051582123E-2</v>
      </c>
    </row>
    <row r="228" spans="1:6" x14ac:dyDescent="0.2">
      <c r="A228">
        <v>1158.731912</v>
      </c>
      <c r="B228">
        <v>20.053833999999998</v>
      </c>
      <c r="C228">
        <v>7.4917379999999998</v>
      </c>
      <c r="D228">
        <f t="shared" si="12"/>
        <v>1.1310849999999997</v>
      </c>
      <c r="E228">
        <f t="shared" si="13"/>
        <v>25.841054999999869</v>
      </c>
      <c r="F228">
        <f t="shared" si="11"/>
        <v>1.9716600174412357E-2</v>
      </c>
    </row>
    <row r="229" spans="1:6" x14ac:dyDescent="0.2">
      <c r="A229">
        <v>1158.2873259999999</v>
      </c>
      <c r="B229">
        <v>20.030427</v>
      </c>
      <c r="C229">
        <v>7.4967420000000002</v>
      </c>
      <c r="D229">
        <f t="shared" si="12"/>
        <v>1.1360890000000001</v>
      </c>
      <c r="E229">
        <f t="shared" si="13"/>
        <v>25.396468999999797</v>
      </c>
      <c r="F229">
        <f t="shared" si="11"/>
        <v>1.9299438752634158E-2</v>
      </c>
    </row>
    <row r="230" spans="1:6" x14ac:dyDescent="0.2">
      <c r="A230">
        <v>1158.2006469999999</v>
      </c>
      <c r="B230">
        <v>19.988437999999999</v>
      </c>
      <c r="C230">
        <v>7.5017469999999999</v>
      </c>
      <c r="D230">
        <f t="shared" si="12"/>
        <v>1.1410939999999998</v>
      </c>
      <c r="E230">
        <f t="shared" si="13"/>
        <v>25.309789999999794</v>
      </c>
      <c r="F230">
        <f t="shared" si="11"/>
        <v>1.915064107584236E-2</v>
      </c>
    </row>
    <row r="231" spans="1:6" x14ac:dyDescent="0.2">
      <c r="A231">
        <v>1158.1529880000001</v>
      </c>
      <c r="B231">
        <v>20.011551000000001</v>
      </c>
      <c r="C231">
        <v>7.5067519999999996</v>
      </c>
      <c r="D231">
        <f t="shared" si="12"/>
        <v>1.1460989999999995</v>
      </c>
      <c r="E231">
        <f t="shared" si="13"/>
        <v>25.262130999999954</v>
      </c>
      <c r="F231">
        <f t="shared" si="11"/>
        <v>1.9031889930305829E-2</v>
      </c>
    </row>
    <row r="232" spans="1:6" x14ac:dyDescent="0.2">
      <c r="A232">
        <v>1158.3959150000001</v>
      </c>
      <c r="B232">
        <v>19.969425000000001</v>
      </c>
      <c r="C232">
        <v>7.5117570000000002</v>
      </c>
      <c r="D232">
        <f t="shared" si="12"/>
        <v>1.1511040000000001</v>
      </c>
      <c r="E232">
        <f t="shared" si="13"/>
        <v>25.505057999999963</v>
      </c>
      <c r="F232">
        <f t="shared" si="11"/>
        <v>1.9127346927344944E-2</v>
      </c>
    </row>
    <row r="233" spans="1:6" x14ac:dyDescent="0.2">
      <c r="A233">
        <v>1158.6166519999999</v>
      </c>
      <c r="B233">
        <v>19.982548999999999</v>
      </c>
      <c r="C233">
        <v>7.5167619999999999</v>
      </c>
      <c r="D233">
        <f t="shared" si="12"/>
        <v>1.1561089999999998</v>
      </c>
      <c r="E233">
        <f t="shared" si="13"/>
        <v>25.725794999999835</v>
      </c>
      <c r="F233">
        <f t="shared" si="11"/>
        <v>1.9205705118308384E-2</v>
      </c>
    </row>
    <row r="234" spans="1:6" x14ac:dyDescent="0.2">
      <c r="A234">
        <v>1158.8144480000001</v>
      </c>
      <c r="B234">
        <v>19.996673000000001</v>
      </c>
      <c r="C234">
        <v>7.5217660000000004</v>
      </c>
      <c r="D234">
        <f t="shared" si="12"/>
        <v>1.1611130000000003</v>
      </c>
      <c r="E234">
        <f t="shared" si="13"/>
        <v>25.923590999999988</v>
      </c>
      <c r="F234">
        <f t="shared" si="11"/>
        <v>1.9266675023994009E-2</v>
      </c>
    </row>
    <row r="235" spans="1:6" x14ac:dyDescent="0.2">
      <c r="A235">
        <v>1158.744111</v>
      </c>
      <c r="B235">
        <v>19.994575999999999</v>
      </c>
      <c r="C235">
        <v>7.5267710000000001</v>
      </c>
      <c r="D235">
        <f t="shared" si="12"/>
        <v>1.166118</v>
      </c>
      <c r="E235">
        <f t="shared" si="13"/>
        <v>25.853253999999879</v>
      </c>
      <c r="F235">
        <f t="shared" si="11"/>
        <v>1.9133092623620111E-2</v>
      </c>
    </row>
    <row r="236" spans="1:6" x14ac:dyDescent="0.2">
      <c r="A236">
        <v>1159.082676</v>
      </c>
      <c r="B236">
        <v>19.974136999999999</v>
      </c>
      <c r="C236">
        <v>7.5317759999999998</v>
      </c>
      <c r="D236">
        <f t="shared" si="12"/>
        <v>1.1711229999999997</v>
      </c>
      <c r="E236">
        <f t="shared" si="13"/>
        <v>26.191818999999896</v>
      </c>
      <c r="F236">
        <f t="shared" si="11"/>
        <v>1.929517562115228E-2</v>
      </c>
    </row>
    <row r="237" spans="1:6" x14ac:dyDescent="0.2">
      <c r="A237">
        <v>1159.4204179999999</v>
      </c>
      <c r="B237">
        <v>19.968022000000001</v>
      </c>
      <c r="C237">
        <v>7.5367810000000004</v>
      </c>
      <c r="D237">
        <f t="shared" si="12"/>
        <v>1.1761280000000003</v>
      </c>
      <c r="E237">
        <f t="shared" si="13"/>
        <v>26.529560999999831</v>
      </c>
      <c r="F237">
        <f t="shared" si="11"/>
        <v>1.9455147597451226E-2</v>
      </c>
    </row>
    <row r="238" spans="1:6" x14ac:dyDescent="0.2">
      <c r="A238">
        <v>1159.7182660000001</v>
      </c>
      <c r="B238">
        <v>19.97073</v>
      </c>
      <c r="C238">
        <v>7.5417860000000001</v>
      </c>
      <c r="D238">
        <f t="shared" si="12"/>
        <v>1.181133</v>
      </c>
      <c r="E238">
        <f t="shared" si="13"/>
        <v>26.827408999999989</v>
      </c>
      <c r="F238">
        <f t="shared" si="11"/>
        <v>1.9585173775949056E-2</v>
      </c>
    </row>
    <row r="239" spans="1:6" x14ac:dyDescent="0.2">
      <c r="A239">
        <v>1159.928993</v>
      </c>
      <c r="B239">
        <v>19.971177000000001</v>
      </c>
      <c r="C239">
        <v>7.5467899999999997</v>
      </c>
      <c r="D239">
        <f t="shared" si="12"/>
        <v>1.1861369999999996</v>
      </c>
      <c r="E239">
        <f t="shared" si="13"/>
        <v>27.038135999999895</v>
      </c>
      <c r="F239">
        <f t="shared" si="11"/>
        <v>1.9652169028152394E-2</v>
      </c>
    </row>
    <row r="240" spans="1:6" x14ac:dyDescent="0.2">
      <c r="A240">
        <v>1160.290837</v>
      </c>
      <c r="B240">
        <v>19.972283999999998</v>
      </c>
      <c r="C240">
        <v>7.5517950000000003</v>
      </c>
      <c r="D240">
        <f t="shared" si="12"/>
        <v>1.1911420000000001</v>
      </c>
      <c r="E240">
        <f t="shared" si="13"/>
        <v>27.399979999999914</v>
      </c>
      <c r="F240">
        <f t="shared" si="11"/>
        <v>1.9825303520996304E-2</v>
      </c>
    </row>
    <row r="241" spans="1:6" x14ac:dyDescent="0.2">
      <c r="A241">
        <v>1160.96675</v>
      </c>
      <c r="B241">
        <v>19.966093000000001</v>
      </c>
      <c r="C241">
        <v>7.5568</v>
      </c>
      <c r="D241">
        <f t="shared" si="12"/>
        <v>1.1961469999999998</v>
      </c>
      <c r="E241">
        <f t="shared" si="13"/>
        <v>28.075892999999951</v>
      </c>
      <c r="F241">
        <f t="shared" si="11"/>
        <v>2.0217583314725909E-2</v>
      </c>
    </row>
    <row r="242" spans="1:6" x14ac:dyDescent="0.2">
      <c r="A242">
        <v>1161.1170589999999</v>
      </c>
      <c r="B242">
        <v>19.994291</v>
      </c>
      <c r="C242">
        <v>7.5618049999999997</v>
      </c>
      <c r="D242">
        <f t="shared" si="12"/>
        <v>1.2011519999999996</v>
      </c>
      <c r="E242">
        <f t="shared" si="13"/>
        <v>28.22620199999983</v>
      </c>
      <c r="F242">
        <f t="shared" si="11"/>
        <v>2.0238506973251136E-2</v>
      </c>
    </row>
    <row r="243" spans="1:6" x14ac:dyDescent="0.2">
      <c r="A243">
        <v>1161.0879620000001</v>
      </c>
      <c r="B243">
        <v>19.996023000000001</v>
      </c>
      <c r="C243">
        <v>7.5668100000000003</v>
      </c>
      <c r="D243">
        <f t="shared" si="12"/>
        <v>1.2061570000000001</v>
      </c>
      <c r="E243">
        <f t="shared" si="13"/>
        <v>28.197104999999965</v>
      </c>
      <c r="F243">
        <f t="shared" si="11"/>
        <v>2.0134254670474503E-2</v>
      </c>
    </row>
    <row r="244" spans="1:6" x14ac:dyDescent="0.2">
      <c r="A244">
        <v>1161.2564930000001</v>
      </c>
      <c r="B244">
        <v>19.981081</v>
      </c>
      <c r="C244">
        <v>7.5718139999999998</v>
      </c>
      <c r="D244">
        <f t="shared" si="12"/>
        <v>1.2111609999999997</v>
      </c>
      <c r="E244">
        <f t="shared" si="13"/>
        <v>28.365635999999995</v>
      </c>
      <c r="F244">
        <f t="shared" si="11"/>
        <v>2.0167984196574788E-2</v>
      </c>
    </row>
    <row r="245" spans="1:6" x14ac:dyDescent="0.2">
      <c r="A245">
        <v>1161.654213</v>
      </c>
      <c r="B245">
        <v>19.965769000000002</v>
      </c>
      <c r="C245">
        <v>7.5768190000000004</v>
      </c>
      <c r="D245">
        <f t="shared" si="12"/>
        <v>1.2161660000000003</v>
      </c>
      <c r="E245">
        <f t="shared" si="13"/>
        <v>28.763355999999931</v>
      </c>
      <c r="F245">
        <f t="shared" si="11"/>
        <v>2.0359627453167932E-2</v>
      </c>
    </row>
    <row r="246" spans="1:6" x14ac:dyDescent="0.2">
      <c r="A246">
        <v>1162.1930199999999</v>
      </c>
      <c r="B246">
        <v>19.946576</v>
      </c>
      <c r="C246">
        <v>7.5818240000000001</v>
      </c>
      <c r="D246">
        <f t="shared" si="12"/>
        <v>1.221171</v>
      </c>
      <c r="E246">
        <f t="shared" si="13"/>
        <v>29.302162999999837</v>
      </c>
      <c r="F246">
        <f t="shared" si="11"/>
        <v>2.0646428419845098E-2</v>
      </c>
    </row>
    <row r="247" spans="1:6" x14ac:dyDescent="0.2">
      <c r="A247">
        <v>1162.422509</v>
      </c>
      <c r="B247">
        <v>20.003045</v>
      </c>
      <c r="C247">
        <v>7.5868289999999998</v>
      </c>
      <c r="D247">
        <f t="shared" si="12"/>
        <v>1.2261759999999997</v>
      </c>
      <c r="E247">
        <f t="shared" si="13"/>
        <v>29.531651999999895</v>
      </c>
      <c r="F247">
        <f t="shared" si="11"/>
        <v>2.0719101581304196E-2</v>
      </c>
    </row>
    <row r="248" spans="1:6" x14ac:dyDescent="0.2">
      <c r="A248">
        <v>1162.7075299999999</v>
      </c>
      <c r="B248">
        <v>19.977733000000001</v>
      </c>
      <c r="C248">
        <v>7.5918340000000004</v>
      </c>
      <c r="D248">
        <f t="shared" si="12"/>
        <v>1.2311810000000003</v>
      </c>
      <c r="E248">
        <f t="shared" si="13"/>
        <v>29.81667299999981</v>
      </c>
      <c r="F248">
        <f t="shared" si="11"/>
        <v>2.0828921952950368E-2</v>
      </c>
    </row>
    <row r="249" spans="1:6" x14ac:dyDescent="0.2">
      <c r="A249">
        <v>1162.9163040000001</v>
      </c>
      <c r="B249">
        <v>19.971885</v>
      </c>
      <c r="C249">
        <v>7.596838</v>
      </c>
      <c r="D249">
        <f t="shared" si="12"/>
        <v>1.2361849999999999</v>
      </c>
      <c r="E249">
        <f t="shared" si="13"/>
        <v>30.025446999999986</v>
      </c>
      <c r="F249">
        <f t="shared" si="11"/>
        <v>2.0886109606680987E-2</v>
      </c>
    </row>
    <row r="250" spans="1:6" x14ac:dyDescent="0.2">
      <c r="A250">
        <v>1162.9581969999999</v>
      </c>
      <c r="B250">
        <v>20.009235</v>
      </c>
      <c r="C250">
        <v>7.6018429999999997</v>
      </c>
      <c r="D250">
        <f t="shared" si="12"/>
        <v>1.2411899999999996</v>
      </c>
      <c r="E250">
        <f t="shared" si="13"/>
        <v>30.067339999999831</v>
      </c>
      <c r="F250">
        <f t="shared" si="11"/>
        <v>2.0830161473422055E-2</v>
      </c>
    </row>
    <row r="251" spans="1:6" x14ac:dyDescent="0.2">
      <c r="A251">
        <v>1162.947966</v>
      </c>
      <c r="B251">
        <v>19.985944</v>
      </c>
      <c r="C251">
        <v>7.6068480000000003</v>
      </c>
      <c r="D251">
        <f t="shared" si="12"/>
        <v>1.2461950000000002</v>
      </c>
      <c r="E251">
        <f t="shared" si="13"/>
        <v>30.057108999999855</v>
      </c>
      <c r="F251">
        <f t="shared" si="11"/>
        <v>2.0739625901651914E-2</v>
      </c>
    </row>
    <row r="252" spans="1:6" x14ac:dyDescent="0.2">
      <c r="A252">
        <v>1163.391652</v>
      </c>
      <c r="B252">
        <v>19.974523000000001</v>
      </c>
      <c r="C252">
        <v>7.611853</v>
      </c>
      <c r="D252">
        <f t="shared" si="12"/>
        <v>1.2511999999999999</v>
      </c>
      <c r="E252">
        <f t="shared" si="13"/>
        <v>30.500794999999925</v>
      </c>
      <c r="F252">
        <f t="shared" si="11"/>
        <v>2.0953591865294441E-2</v>
      </c>
    </row>
    <row r="253" spans="1:6" x14ac:dyDescent="0.2">
      <c r="A253">
        <v>1163.5192999999999</v>
      </c>
      <c r="B253">
        <v>20.009696999999999</v>
      </c>
      <c r="C253">
        <v>7.6168579999999997</v>
      </c>
      <c r="D253">
        <f t="shared" si="12"/>
        <v>1.2562049999999996</v>
      </c>
      <c r="E253">
        <f t="shared" si="13"/>
        <v>30.628442999999834</v>
      </c>
      <c r="F253">
        <f t="shared" si="11"/>
        <v>2.0955151774813389E-2</v>
      </c>
    </row>
    <row r="254" spans="1:6" x14ac:dyDescent="0.2">
      <c r="A254">
        <v>1163.125059</v>
      </c>
      <c r="B254">
        <v>20.010573000000001</v>
      </c>
      <c r="C254">
        <v>7.6218620000000001</v>
      </c>
      <c r="D254">
        <f t="shared" si="12"/>
        <v>1.261209</v>
      </c>
      <c r="E254">
        <f t="shared" si="13"/>
        <v>30.234201999999868</v>
      </c>
      <c r="F254">
        <f t="shared" si="11"/>
        <v>2.0610334324892735E-2</v>
      </c>
    </row>
    <row r="255" spans="1:6" x14ac:dyDescent="0.2">
      <c r="A255">
        <v>1162.819696</v>
      </c>
      <c r="B255">
        <v>20.020175999999999</v>
      </c>
      <c r="C255">
        <v>7.6268669999999998</v>
      </c>
      <c r="D255">
        <f t="shared" si="12"/>
        <v>1.2662139999999997</v>
      </c>
      <c r="E255">
        <f t="shared" si="13"/>
        <v>29.928838999999925</v>
      </c>
      <c r="F255">
        <f t="shared" si="11"/>
        <v>2.0326863916652942E-2</v>
      </c>
    </row>
    <row r="256" spans="1:6" x14ac:dyDescent="0.2">
      <c r="A256">
        <v>1162.3726899999999</v>
      </c>
      <c r="B256">
        <v>20.058727000000001</v>
      </c>
      <c r="C256">
        <v>7.6318720000000004</v>
      </c>
      <c r="D256">
        <f t="shared" si="12"/>
        <v>1.2712190000000003</v>
      </c>
      <c r="E256">
        <f t="shared" si="13"/>
        <v>29.481832999999824</v>
      </c>
      <c r="F256">
        <f t="shared" si="11"/>
        <v>1.9952104410254867E-2</v>
      </c>
    </row>
    <row r="257" spans="1:6" x14ac:dyDescent="0.2">
      <c r="A257">
        <v>1161.9400880000001</v>
      </c>
      <c r="B257">
        <v>20.006716999999998</v>
      </c>
      <c r="C257">
        <v>7.6368770000000001</v>
      </c>
      <c r="D257">
        <f t="shared" si="12"/>
        <v>1.276224</v>
      </c>
      <c r="E257">
        <f t="shared" si="13"/>
        <v>29.049230999999963</v>
      </c>
      <c r="F257">
        <f t="shared" si="11"/>
        <v>1.9589529131901331E-2</v>
      </c>
    </row>
    <row r="258" spans="1:6" x14ac:dyDescent="0.2">
      <c r="A258">
        <v>1161.9397839999999</v>
      </c>
      <c r="B258">
        <v>19.989858999999999</v>
      </c>
      <c r="C258">
        <v>7.6418819999999998</v>
      </c>
      <c r="D258">
        <f t="shared" si="12"/>
        <v>1.2812289999999997</v>
      </c>
      <c r="E258">
        <f t="shared" si="13"/>
        <v>29.048926999999821</v>
      </c>
      <c r="F258">
        <f t="shared" si="11"/>
        <v>1.9512805389453342E-2</v>
      </c>
    </row>
    <row r="259" spans="1:6" x14ac:dyDescent="0.2">
      <c r="A259">
        <v>1162.29162</v>
      </c>
      <c r="B259">
        <v>19.977450000000001</v>
      </c>
      <c r="C259">
        <v>7.6468860000000003</v>
      </c>
      <c r="D259">
        <f t="shared" si="12"/>
        <v>1.2862330000000002</v>
      </c>
      <c r="E259">
        <f t="shared" si="13"/>
        <v>29.40076299999987</v>
      </c>
      <c r="F259">
        <f t="shared" ref="F259:F322" si="14">(1/A259)*(E259/D259)</f>
        <v>1.9666353752600754E-2</v>
      </c>
    </row>
    <row r="260" spans="1:6" x14ac:dyDescent="0.2">
      <c r="A260">
        <v>1162.9159030000001</v>
      </c>
      <c r="B260">
        <v>19.949233</v>
      </c>
      <c r="C260">
        <v>7.651891</v>
      </c>
      <c r="D260">
        <f t="shared" si="12"/>
        <v>1.2912379999999999</v>
      </c>
      <c r="E260">
        <f t="shared" si="13"/>
        <v>30.025045999999975</v>
      </c>
      <c r="F260">
        <f t="shared" si="14"/>
        <v>1.9995352897203205E-2</v>
      </c>
    </row>
    <row r="261" spans="1:6" x14ac:dyDescent="0.2">
      <c r="A261">
        <v>1163.5972180000001</v>
      </c>
      <c r="B261">
        <v>19.948353000000001</v>
      </c>
      <c r="C261">
        <v>7.6568959999999997</v>
      </c>
      <c r="D261">
        <f t="shared" si="12"/>
        <v>1.2962429999999996</v>
      </c>
      <c r="E261">
        <f t="shared" si="13"/>
        <v>30.706361000000015</v>
      </c>
      <c r="F261">
        <f t="shared" si="14"/>
        <v>2.0358194209388648E-2</v>
      </c>
    </row>
    <row r="262" spans="1:6" x14ac:dyDescent="0.2">
      <c r="A262">
        <v>1164.0762569999999</v>
      </c>
      <c r="B262">
        <v>19.972327</v>
      </c>
      <c r="C262">
        <v>7.6619010000000003</v>
      </c>
      <c r="D262">
        <f t="shared" si="12"/>
        <v>1.3012480000000002</v>
      </c>
      <c r="E262">
        <f t="shared" si="13"/>
        <v>31.185399999999845</v>
      </c>
      <c r="F262">
        <f t="shared" si="14"/>
        <v>2.0587793931058522E-2</v>
      </c>
    </row>
    <row r="263" spans="1:6" x14ac:dyDescent="0.2">
      <c r="A263">
        <v>1164.4572049999999</v>
      </c>
      <c r="B263">
        <v>19.971115999999999</v>
      </c>
      <c r="C263">
        <v>7.666906</v>
      </c>
      <c r="D263">
        <f t="shared" ref="D263:D326" si="15">C263-$C$2</f>
        <v>1.3062529999999999</v>
      </c>
      <c r="E263">
        <f t="shared" ref="E263:E326" si="16">A263-$A$2</f>
        <v>31.566347999999834</v>
      </c>
      <c r="F263">
        <f t="shared" si="14"/>
        <v>2.0752647378986015E-2</v>
      </c>
    </row>
    <row r="264" spans="1:6" x14ac:dyDescent="0.2">
      <c r="A264">
        <v>1165.0763790000001</v>
      </c>
      <c r="B264">
        <v>19.938734</v>
      </c>
      <c r="C264">
        <v>7.6719099999999996</v>
      </c>
      <c r="D264">
        <f t="shared" si="15"/>
        <v>1.3112569999999995</v>
      </c>
      <c r="E264">
        <f t="shared" si="16"/>
        <v>32.185521999999992</v>
      </c>
      <c r="F264">
        <f t="shared" si="14"/>
        <v>2.1067758922650476E-2</v>
      </c>
    </row>
    <row r="265" spans="1:6" x14ac:dyDescent="0.2">
      <c r="A265">
        <v>1165.410521</v>
      </c>
      <c r="B265">
        <v>19.994641000000001</v>
      </c>
      <c r="C265">
        <v>7.6769150000000002</v>
      </c>
      <c r="D265">
        <f t="shared" si="15"/>
        <v>1.316262</v>
      </c>
      <c r="E265">
        <f t="shared" si="16"/>
        <v>32.519663999999921</v>
      </c>
      <c r="F265">
        <f t="shared" si="14"/>
        <v>2.1199458688732006E-2</v>
      </c>
    </row>
    <row r="266" spans="1:6" x14ac:dyDescent="0.2">
      <c r="A266">
        <v>1165.252919</v>
      </c>
      <c r="B266">
        <v>20.007874000000001</v>
      </c>
      <c r="C266">
        <v>7.6819199999999999</v>
      </c>
      <c r="D266">
        <f t="shared" si="15"/>
        <v>1.3212669999999997</v>
      </c>
      <c r="E266">
        <f t="shared" si="16"/>
        <v>32.362061999999924</v>
      </c>
      <c r="F266">
        <f t="shared" si="14"/>
        <v>2.1019646011921477E-2</v>
      </c>
    </row>
    <row r="267" spans="1:6" x14ac:dyDescent="0.2">
      <c r="A267">
        <v>1164.8529699999999</v>
      </c>
      <c r="B267">
        <v>20.047401000000001</v>
      </c>
      <c r="C267">
        <v>7.6869249999999996</v>
      </c>
      <c r="D267">
        <f t="shared" si="15"/>
        <v>1.3262719999999995</v>
      </c>
      <c r="E267">
        <f t="shared" si="16"/>
        <v>31.962112999999817</v>
      </c>
      <c r="F267">
        <f t="shared" si="14"/>
        <v>2.0688631792166293E-2</v>
      </c>
    </row>
    <row r="268" spans="1:6" x14ac:dyDescent="0.2">
      <c r="A268">
        <v>1164.099768</v>
      </c>
      <c r="B268">
        <v>20.055021</v>
      </c>
      <c r="C268">
        <v>7.6919300000000002</v>
      </c>
      <c r="D268">
        <f t="shared" si="15"/>
        <v>1.331277</v>
      </c>
      <c r="E268">
        <f t="shared" si="16"/>
        <v>31.208910999999944</v>
      </c>
      <c r="F268">
        <f t="shared" si="14"/>
        <v>2.0138169091065687E-2</v>
      </c>
    </row>
    <row r="269" spans="1:6" x14ac:dyDescent="0.2">
      <c r="A269">
        <v>1163.5388310000001</v>
      </c>
      <c r="B269">
        <v>20.025818000000001</v>
      </c>
      <c r="C269">
        <v>7.6969339999999997</v>
      </c>
      <c r="D269">
        <f t="shared" si="15"/>
        <v>1.3362809999999996</v>
      </c>
      <c r="E269">
        <f t="shared" si="16"/>
        <v>30.647973999999977</v>
      </c>
      <c r="F269">
        <f t="shared" si="14"/>
        <v>1.9711655276794211E-2</v>
      </c>
    </row>
    <row r="270" spans="1:6" x14ac:dyDescent="0.2">
      <c r="A270">
        <v>1163.088759</v>
      </c>
      <c r="B270">
        <v>20.030595000000002</v>
      </c>
      <c r="C270">
        <v>7.7019390000000003</v>
      </c>
      <c r="D270">
        <f t="shared" si="15"/>
        <v>1.3412860000000002</v>
      </c>
      <c r="E270">
        <f t="shared" si="16"/>
        <v>30.197901999999885</v>
      </c>
      <c r="F270">
        <f t="shared" si="14"/>
        <v>1.935719929570974E-2</v>
      </c>
    </row>
    <row r="271" spans="1:6" x14ac:dyDescent="0.2">
      <c r="A271">
        <v>1162.7313529999999</v>
      </c>
      <c r="B271">
        <v>20.025759999999998</v>
      </c>
      <c r="C271">
        <v>7.706944</v>
      </c>
      <c r="D271">
        <f t="shared" si="15"/>
        <v>1.3462909999999999</v>
      </c>
      <c r="E271">
        <f t="shared" si="16"/>
        <v>29.840495999999803</v>
      </c>
      <c r="F271">
        <f t="shared" si="14"/>
        <v>1.9062844782920134E-2</v>
      </c>
    </row>
    <row r="272" spans="1:6" x14ac:dyDescent="0.2">
      <c r="A272">
        <v>1162.172262</v>
      </c>
      <c r="B272">
        <v>20.045283000000001</v>
      </c>
      <c r="C272">
        <v>7.7119489999999997</v>
      </c>
      <c r="D272">
        <f t="shared" si="15"/>
        <v>1.3512959999999996</v>
      </c>
      <c r="E272">
        <f t="shared" si="16"/>
        <v>29.28140499999995</v>
      </c>
      <c r="F272">
        <f t="shared" si="14"/>
        <v>1.8645366075216861E-2</v>
      </c>
    </row>
    <row r="273" spans="1:6" x14ac:dyDescent="0.2">
      <c r="A273">
        <v>1161.3737610000001</v>
      </c>
      <c r="B273">
        <v>20.057988999999999</v>
      </c>
      <c r="C273">
        <v>7.7169540000000003</v>
      </c>
      <c r="D273">
        <f t="shared" si="15"/>
        <v>1.3563010000000002</v>
      </c>
      <c r="E273">
        <f t="shared" si="16"/>
        <v>28.482903999999962</v>
      </c>
      <c r="F273">
        <f t="shared" si="14"/>
        <v>1.8082404261919035E-2</v>
      </c>
    </row>
    <row r="274" spans="1:6" x14ac:dyDescent="0.2">
      <c r="A274">
        <v>1160.9638769999999</v>
      </c>
      <c r="B274">
        <v>20.015395000000002</v>
      </c>
      <c r="C274">
        <v>7.7219579999999999</v>
      </c>
      <c r="D274">
        <f t="shared" si="15"/>
        <v>1.3613049999999998</v>
      </c>
      <c r="E274">
        <f t="shared" si="16"/>
        <v>28.073019999999815</v>
      </c>
      <c r="F274">
        <f t="shared" si="14"/>
        <v>1.7762945707747571E-2</v>
      </c>
    </row>
    <row r="275" spans="1:6" x14ac:dyDescent="0.2">
      <c r="A275">
        <v>1160.4730979999999</v>
      </c>
      <c r="B275">
        <v>20.039452000000001</v>
      </c>
      <c r="C275">
        <v>7.7269629999999996</v>
      </c>
      <c r="D275">
        <f t="shared" si="15"/>
        <v>1.3663099999999995</v>
      </c>
      <c r="E275">
        <f t="shared" si="16"/>
        <v>27.58224099999984</v>
      </c>
      <c r="F275">
        <f t="shared" si="14"/>
        <v>1.7395832797625521E-2</v>
      </c>
    </row>
    <row r="276" spans="1:6" x14ac:dyDescent="0.2">
      <c r="A276">
        <v>1159.9660819999999</v>
      </c>
      <c r="B276">
        <v>20.021604</v>
      </c>
      <c r="C276">
        <v>7.7319680000000002</v>
      </c>
      <c r="D276">
        <f t="shared" si="15"/>
        <v>1.3713150000000001</v>
      </c>
      <c r="E276">
        <f t="shared" si="16"/>
        <v>27.075224999999818</v>
      </c>
      <c r="F276">
        <f t="shared" si="14"/>
        <v>1.7021175806579424E-2</v>
      </c>
    </row>
    <row r="277" spans="1:6" x14ac:dyDescent="0.2">
      <c r="A277">
        <v>1160.2516310000001</v>
      </c>
      <c r="B277">
        <v>19.98235</v>
      </c>
      <c r="C277">
        <v>7.7369729999999999</v>
      </c>
      <c r="D277">
        <f t="shared" si="15"/>
        <v>1.3763199999999998</v>
      </c>
      <c r="E277">
        <f t="shared" si="16"/>
        <v>27.360773999999992</v>
      </c>
      <c r="F277">
        <f t="shared" si="14"/>
        <v>1.7133921403148993E-2</v>
      </c>
    </row>
    <row r="278" spans="1:6" x14ac:dyDescent="0.2">
      <c r="A278">
        <v>1160.736506</v>
      </c>
      <c r="B278">
        <v>19.956026999999999</v>
      </c>
      <c r="C278">
        <v>7.7419779999999996</v>
      </c>
      <c r="D278">
        <f t="shared" si="15"/>
        <v>1.3813249999999995</v>
      </c>
      <c r="E278">
        <f t="shared" si="16"/>
        <v>27.845648999999867</v>
      </c>
      <c r="F278">
        <f t="shared" si="14"/>
        <v>1.7367120953592392E-2</v>
      </c>
    </row>
    <row r="279" spans="1:6" x14ac:dyDescent="0.2">
      <c r="A279">
        <v>1161.583617</v>
      </c>
      <c r="B279">
        <v>19.912025</v>
      </c>
      <c r="C279">
        <v>7.746982</v>
      </c>
      <c r="D279">
        <f t="shared" si="15"/>
        <v>1.3863289999999999</v>
      </c>
      <c r="E279">
        <f t="shared" si="16"/>
        <v>28.692759999999907</v>
      </c>
      <c r="F279">
        <f t="shared" si="14"/>
        <v>1.7817859885707728E-2</v>
      </c>
    </row>
    <row r="280" spans="1:6" x14ac:dyDescent="0.2">
      <c r="A280">
        <v>1162.891443</v>
      </c>
      <c r="B280">
        <v>19.917337</v>
      </c>
      <c r="C280">
        <v>7.7519869999999997</v>
      </c>
      <c r="D280">
        <f t="shared" si="15"/>
        <v>1.3913339999999996</v>
      </c>
      <c r="E280">
        <f t="shared" si="16"/>
        <v>30.000585999999885</v>
      </c>
      <c r="F280">
        <f t="shared" si="14"/>
        <v>1.8542110501656064E-2</v>
      </c>
    </row>
    <row r="281" spans="1:6" x14ac:dyDescent="0.2">
      <c r="A281">
        <v>1163.921161</v>
      </c>
      <c r="B281">
        <v>19.918987999999999</v>
      </c>
      <c r="C281">
        <v>7.7569920000000003</v>
      </c>
      <c r="D281">
        <f t="shared" si="15"/>
        <v>1.3963390000000002</v>
      </c>
      <c r="E281">
        <f t="shared" si="16"/>
        <v>31.030303999999887</v>
      </c>
      <c r="F281">
        <f t="shared" si="14"/>
        <v>1.9092886820841665E-2</v>
      </c>
    </row>
    <row r="282" spans="1:6" x14ac:dyDescent="0.2">
      <c r="A282">
        <v>1164.856824</v>
      </c>
      <c r="B282">
        <v>19.935438000000001</v>
      </c>
      <c r="C282">
        <v>7.761997</v>
      </c>
      <c r="D282">
        <f t="shared" si="15"/>
        <v>1.4013439999999999</v>
      </c>
      <c r="E282">
        <f t="shared" si="16"/>
        <v>31.965966999999864</v>
      </c>
      <c r="F282">
        <f t="shared" si="14"/>
        <v>1.9582608440604086E-2</v>
      </c>
    </row>
    <row r="283" spans="1:6" x14ac:dyDescent="0.2">
      <c r="A283">
        <v>1165.853562</v>
      </c>
      <c r="B283">
        <v>19.937011999999999</v>
      </c>
      <c r="C283">
        <v>7.7670019999999997</v>
      </c>
      <c r="D283">
        <f t="shared" si="15"/>
        <v>1.4063489999999996</v>
      </c>
      <c r="E283">
        <f t="shared" si="16"/>
        <v>32.962704999999914</v>
      </c>
      <c r="F283">
        <f t="shared" si="14"/>
        <v>2.0104150702659088E-2</v>
      </c>
    </row>
    <row r="284" spans="1:6" x14ac:dyDescent="0.2">
      <c r="A284">
        <v>1166.643063</v>
      </c>
      <c r="B284">
        <v>19.939322000000001</v>
      </c>
      <c r="C284">
        <v>7.7720060000000002</v>
      </c>
      <c r="D284">
        <f t="shared" si="15"/>
        <v>1.4113530000000001</v>
      </c>
      <c r="E284">
        <f t="shared" si="16"/>
        <v>33.752205999999887</v>
      </c>
      <c r="F284">
        <f t="shared" si="14"/>
        <v>2.0498803354230606E-2</v>
      </c>
    </row>
    <row r="285" spans="1:6" x14ac:dyDescent="0.2">
      <c r="A285">
        <v>1167.313451</v>
      </c>
      <c r="B285">
        <v>19.938165999999999</v>
      </c>
      <c r="C285">
        <v>7.7770109999999999</v>
      </c>
      <c r="D285">
        <f t="shared" si="15"/>
        <v>1.4163579999999998</v>
      </c>
      <c r="E285">
        <f t="shared" si="16"/>
        <v>34.42259399999989</v>
      </c>
      <c r="F285">
        <f t="shared" si="14"/>
        <v>2.0820112156792008E-2</v>
      </c>
    </row>
    <row r="286" spans="1:6" x14ac:dyDescent="0.2">
      <c r="A286">
        <v>1168.2173339999999</v>
      </c>
      <c r="B286">
        <v>19.94706</v>
      </c>
      <c r="C286">
        <v>7.7820159999999996</v>
      </c>
      <c r="D286">
        <f t="shared" si="15"/>
        <v>1.4213629999999995</v>
      </c>
      <c r="E286">
        <f t="shared" si="16"/>
        <v>35.326476999999841</v>
      </c>
      <c r="F286">
        <f t="shared" si="14"/>
        <v>2.1275103266135399E-2</v>
      </c>
    </row>
    <row r="287" spans="1:6" x14ac:dyDescent="0.2">
      <c r="A287">
        <v>1168.580545</v>
      </c>
      <c r="B287">
        <v>19.991913</v>
      </c>
      <c r="C287">
        <v>7.7870210000000002</v>
      </c>
      <c r="D287">
        <f t="shared" si="15"/>
        <v>1.4263680000000001</v>
      </c>
      <c r="E287">
        <f t="shared" si="16"/>
        <v>35.689687999999933</v>
      </c>
      <c r="F287">
        <f t="shared" si="14"/>
        <v>2.1411767186432014E-2</v>
      </c>
    </row>
    <row r="288" spans="1:6" x14ac:dyDescent="0.2">
      <c r="A288">
        <v>1168.7962</v>
      </c>
      <c r="B288">
        <v>19.989909000000001</v>
      </c>
      <c r="C288">
        <v>7.7920259999999999</v>
      </c>
      <c r="D288">
        <f t="shared" si="15"/>
        <v>1.4313729999999998</v>
      </c>
      <c r="E288">
        <f t="shared" si="16"/>
        <v>35.905342999999903</v>
      </c>
      <c r="F288">
        <f t="shared" si="14"/>
        <v>2.1461865460616413E-2</v>
      </c>
    </row>
    <row r="289" spans="1:6" x14ac:dyDescent="0.2">
      <c r="A289">
        <v>1168.4334449999999</v>
      </c>
      <c r="B289">
        <v>20.037146</v>
      </c>
      <c r="C289">
        <v>7.7970300000000003</v>
      </c>
      <c r="D289">
        <f t="shared" si="15"/>
        <v>1.4363770000000002</v>
      </c>
      <c r="E289">
        <f t="shared" si="16"/>
        <v>35.542587999999796</v>
      </c>
      <c r="F289">
        <f t="shared" si="14"/>
        <v>2.1177594354122427E-2</v>
      </c>
    </row>
    <row r="290" spans="1:6" x14ac:dyDescent="0.2">
      <c r="A290">
        <v>1167.327593</v>
      </c>
      <c r="B290">
        <v>20.087289999999999</v>
      </c>
      <c r="C290">
        <v>7.8020350000000001</v>
      </c>
      <c r="D290">
        <f t="shared" si="15"/>
        <v>1.4413819999999999</v>
      </c>
      <c r="E290">
        <f t="shared" si="16"/>
        <v>34.436735999999883</v>
      </c>
      <c r="F290">
        <f t="shared" si="14"/>
        <v>2.0466808947030558E-2</v>
      </c>
    </row>
    <row r="291" spans="1:6" x14ac:dyDescent="0.2">
      <c r="A291">
        <v>1166.4007099999999</v>
      </c>
      <c r="B291">
        <v>20.062745</v>
      </c>
      <c r="C291">
        <v>7.8070399999999998</v>
      </c>
      <c r="D291">
        <f t="shared" si="15"/>
        <v>1.4463869999999996</v>
      </c>
      <c r="E291">
        <f t="shared" si="16"/>
        <v>33.509852999999794</v>
      </c>
      <c r="F291">
        <f t="shared" si="14"/>
        <v>1.98627893860285E-2</v>
      </c>
    </row>
    <row r="292" spans="1:6" x14ac:dyDescent="0.2">
      <c r="A292">
        <v>1165.8024559999999</v>
      </c>
      <c r="B292">
        <v>20.035053000000001</v>
      </c>
      <c r="C292">
        <v>7.8120450000000003</v>
      </c>
      <c r="D292">
        <f t="shared" si="15"/>
        <v>1.4513920000000002</v>
      </c>
      <c r="E292">
        <f t="shared" si="16"/>
        <v>32.911598999999796</v>
      </c>
      <c r="F292">
        <f t="shared" si="14"/>
        <v>1.9450881678834984E-2</v>
      </c>
    </row>
    <row r="293" spans="1:6" x14ac:dyDescent="0.2">
      <c r="A293">
        <v>1165.2570909999999</v>
      </c>
      <c r="B293">
        <v>20.038091999999999</v>
      </c>
      <c r="C293">
        <v>7.8170500000000001</v>
      </c>
      <c r="D293">
        <f t="shared" si="15"/>
        <v>1.4563969999999999</v>
      </c>
      <c r="E293">
        <f t="shared" si="16"/>
        <v>32.366233999999849</v>
      </c>
      <c r="F293">
        <f t="shared" si="14"/>
        <v>1.9071754142710798E-2</v>
      </c>
    </row>
    <row r="294" spans="1:6" x14ac:dyDescent="0.2">
      <c r="A294">
        <v>1164.724031</v>
      </c>
      <c r="B294">
        <v>20.041782000000001</v>
      </c>
      <c r="C294">
        <v>7.8220539999999996</v>
      </c>
      <c r="D294">
        <f t="shared" si="15"/>
        <v>1.4614009999999995</v>
      </c>
      <c r="E294">
        <f t="shared" si="16"/>
        <v>31.833173999999872</v>
      </c>
      <c r="F294">
        <f t="shared" si="14"/>
        <v>1.870197649557493E-2</v>
      </c>
    </row>
    <row r="295" spans="1:6" x14ac:dyDescent="0.2">
      <c r="A295">
        <v>1163.9271679999999</v>
      </c>
      <c r="B295">
        <v>20.068693</v>
      </c>
      <c r="C295">
        <v>7.8270590000000002</v>
      </c>
      <c r="D295">
        <f t="shared" si="15"/>
        <v>1.4664060000000001</v>
      </c>
      <c r="E295">
        <f t="shared" si="16"/>
        <v>31.036310999999841</v>
      </c>
      <c r="F295">
        <f t="shared" si="14"/>
        <v>1.8184026711580072E-2</v>
      </c>
    </row>
    <row r="296" spans="1:6" x14ac:dyDescent="0.2">
      <c r="A296">
        <v>1163.065292</v>
      </c>
      <c r="B296">
        <v>20.031860000000002</v>
      </c>
      <c r="C296">
        <v>7.8320639999999999</v>
      </c>
      <c r="D296">
        <f t="shared" si="15"/>
        <v>1.4714109999999998</v>
      </c>
      <c r="E296">
        <f t="shared" si="16"/>
        <v>30.174434999999903</v>
      </c>
      <c r="F296">
        <f t="shared" si="14"/>
        <v>1.7631978707463841E-2</v>
      </c>
    </row>
    <row r="297" spans="1:6" x14ac:dyDescent="0.2">
      <c r="A297">
        <v>1162.6776729999999</v>
      </c>
      <c r="B297">
        <v>20.022296000000001</v>
      </c>
      <c r="C297">
        <v>7.8370689999999996</v>
      </c>
      <c r="D297">
        <f t="shared" si="15"/>
        <v>1.4764159999999995</v>
      </c>
      <c r="E297">
        <f t="shared" si="16"/>
        <v>29.786815999999817</v>
      </c>
      <c r="F297">
        <f t="shared" si="14"/>
        <v>1.735225842366039E-2</v>
      </c>
    </row>
    <row r="298" spans="1:6" x14ac:dyDescent="0.2">
      <c r="A298">
        <v>1162.56179</v>
      </c>
      <c r="B298">
        <v>20.005528000000002</v>
      </c>
      <c r="C298">
        <v>7.8420740000000002</v>
      </c>
      <c r="D298">
        <f t="shared" si="15"/>
        <v>1.4814210000000001</v>
      </c>
      <c r="E298">
        <f t="shared" si="16"/>
        <v>29.670932999999877</v>
      </c>
      <c r="F298">
        <f t="shared" si="14"/>
        <v>1.722807133251229E-2</v>
      </c>
    </row>
    <row r="299" spans="1:6" x14ac:dyDescent="0.2">
      <c r="A299">
        <v>1162.5939530000001</v>
      </c>
      <c r="B299">
        <v>19.997534999999999</v>
      </c>
      <c r="C299">
        <v>7.8470779999999998</v>
      </c>
      <c r="D299">
        <f t="shared" si="15"/>
        <v>1.4864249999999997</v>
      </c>
      <c r="E299">
        <f t="shared" si="16"/>
        <v>29.70309599999996</v>
      </c>
      <c r="F299">
        <f t="shared" si="14"/>
        <v>1.7188210275708642E-2</v>
      </c>
    </row>
    <row r="300" spans="1:6" x14ac:dyDescent="0.2">
      <c r="A300">
        <v>1162.674845</v>
      </c>
      <c r="B300">
        <v>19.990459000000001</v>
      </c>
      <c r="C300">
        <v>7.8520830000000004</v>
      </c>
      <c r="D300">
        <f t="shared" si="15"/>
        <v>1.4914300000000003</v>
      </c>
      <c r="E300">
        <f t="shared" si="16"/>
        <v>29.783987999999908</v>
      </c>
      <c r="F300">
        <f t="shared" si="14"/>
        <v>1.7175986780822716E-2</v>
      </c>
    </row>
    <row r="301" spans="1:6" x14ac:dyDescent="0.2">
      <c r="A301">
        <v>1162.9971780000001</v>
      </c>
      <c r="B301">
        <v>19.965060000000001</v>
      </c>
      <c r="C301">
        <v>7.8570880000000001</v>
      </c>
      <c r="D301">
        <f t="shared" si="15"/>
        <v>1.496435</v>
      </c>
      <c r="E301">
        <f t="shared" si="16"/>
        <v>30.10632099999998</v>
      </c>
      <c r="F301">
        <f t="shared" si="14"/>
        <v>1.7299006808997479E-2</v>
      </c>
    </row>
    <row r="302" spans="1:6" x14ac:dyDescent="0.2">
      <c r="A302">
        <v>1162.977269</v>
      </c>
      <c r="B302">
        <v>19.993220999999998</v>
      </c>
      <c r="C302">
        <v>7.8620929999999998</v>
      </c>
      <c r="D302">
        <f t="shared" si="15"/>
        <v>1.5014399999999997</v>
      </c>
      <c r="E302">
        <f t="shared" si="16"/>
        <v>30.086411999999882</v>
      </c>
      <c r="F302">
        <f t="shared" si="14"/>
        <v>1.7230234586539276E-2</v>
      </c>
    </row>
    <row r="303" spans="1:6" x14ac:dyDescent="0.2">
      <c r="A303">
        <v>1163.4818399999999</v>
      </c>
      <c r="B303">
        <v>19.964299</v>
      </c>
      <c r="C303">
        <v>7.8670980000000004</v>
      </c>
      <c r="D303">
        <f t="shared" si="15"/>
        <v>1.5064450000000003</v>
      </c>
      <c r="E303">
        <f t="shared" si="16"/>
        <v>30.590982999999824</v>
      </c>
      <c r="F303">
        <f t="shared" si="14"/>
        <v>1.7453420145376323E-2</v>
      </c>
    </row>
    <row r="304" spans="1:6" x14ac:dyDescent="0.2">
      <c r="A304">
        <v>1164.1403230000001</v>
      </c>
      <c r="B304">
        <v>19.960152000000001</v>
      </c>
      <c r="C304">
        <v>7.8721019999999999</v>
      </c>
      <c r="D304">
        <f t="shared" si="15"/>
        <v>1.5114489999999998</v>
      </c>
      <c r="E304">
        <f t="shared" si="16"/>
        <v>31.249465999999984</v>
      </c>
      <c r="F304">
        <f t="shared" si="14"/>
        <v>1.7760033081084564E-2</v>
      </c>
    </row>
    <row r="305" spans="1:6" x14ac:dyDescent="0.2">
      <c r="A305">
        <v>1164.9055880000001</v>
      </c>
      <c r="B305">
        <v>19.930298000000001</v>
      </c>
      <c r="C305">
        <v>7.8771069999999996</v>
      </c>
      <c r="D305">
        <f t="shared" si="15"/>
        <v>1.5164539999999995</v>
      </c>
      <c r="E305">
        <f t="shared" si="16"/>
        <v>32.014730999999983</v>
      </c>
      <c r="F305">
        <f t="shared" si="14"/>
        <v>1.8122991531597958E-2</v>
      </c>
    </row>
    <row r="306" spans="1:6" x14ac:dyDescent="0.2">
      <c r="A306">
        <v>1165.592435</v>
      </c>
      <c r="B306">
        <v>19.961321000000002</v>
      </c>
      <c r="C306">
        <v>7.8821120000000002</v>
      </c>
      <c r="D306">
        <f t="shared" si="15"/>
        <v>1.5214590000000001</v>
      </c>
      <c r="E306">
        <f t="shared" si="16"/>
        <v>32.701577999999927</v>
      </c>
      <c r="F306">
        <f t="shared" si="14"/>
        <v>1.8440034795075045E-2</v>
      </c>
    </row>
    <row r="307" spans="1:6" x14ac:dyDescent="0.2">
      <c r="A307">
        <v>1166.19002</v>
      </c>
      <c r="B307">
        <v>19.940190000000001</v>
      </c>
      <c r="C307">
        <v>7.8871169999999999</v>
      </c>
      <c r="D307">
        <f t="shared" si="15"/>
        <v>1.5264639999999998</v>
      </c>
      <c r="E307">
        <f t="shared" si="16"/>
        <v>33.299162999999908</v>
      </c>
      <c r="F307">
        <f t="shared" si="14"/>
        <v>1.8705849265946407E-2</v>
      </c>
    </row>
    <row r="308" spans="1:6" x14ac:dyDescent="0.2">
      <c r="A308">
        <v>1166.8091460000001</v>
      </c>
      <c r="B308">
        <v>19.966476</v>
      </c>
      <c r="C308">
        <v>7.8921219999999996</v>
      </c>
      <c r="D308">
        <f t="shared" si="15"/>
        <v>1.5314689999999995</v>
      </c>
      <c r="E308">
        <f t="shared" si="16"/>
        <v>33.918288999999959</v>
      </c>
      <c r="F308">
        <f t="shared" si="14"/>
        <v>1.8981297730624073E-2</v>
      </c>
    </row>
    <row r="309" spans="1:6" x14ac:dyDescent="0.2">
      <c r="A309">
        <v>1167.423121</v>
      </c>
      <c r="B309">
        <v>19.965738999999999</v>
      </c>
      <c r="C309">
        <v>7.8971260000000001</v>
      </c>
      <c r="D309">
        <f t="shared" si="15"/>
        <v>1.536473</v>
      </c>
      <c r="E309">
        <f t="shared" si="16"/>
        <v>34.532263999999941</v>
      </c>
      <c r="F309">
        <f t="shared" si="14"/>
        <v>1.9251821627476955E-2</v>
      </c>
    </row>
    <row r="310" spans="1:6" x14ac:dyDescent="0.2">
      <c r="A310">
        <v>1168.009585</v>
      </c>
      <c r="B310">
        <v>19.943263999999999</v>
      </c>
      <c r="C310">
        <v>7.9021309999999998</v>
      </c>
      <c r="D310">
        <f t="shared" si="15"/>
        <v>1.5414779999999997</v>
      </c>
      <c r="E310">
        <f t="shared" si="16"/>
        <v>35.118727999999919</v>
      </c>
      <c r="F310">
        <f t="shared" si="14"/>
        <v>1.9505408035926933E-2</v>
      </c>
    </row>
    <row r="311" spans="1:6" x14ac:dyDescent="0.2">
      <c r="A311">
        <v>1168.5760889999999</v>
      </c>
      <c r="B311">
        <v>19.950478</v>
      </c>
      <c r="C311">
        <v>7.9071360000000004</v>
      </c>
      <c r="D311">
        <f t="shared" si="15"/>
        <v>1.5464830000000003</v>
      </c>
      <c r="E311">
        <f t="shared" si="16"/>
        <v>35.685231999999814</v>
      </c>
      <c r="F311">
        <f t="shared" si="14"/>
        <v>1.9746329451564282E-2</v>
      </c>
    </row>
    <row r="312" spans="1:6" x14ac:dyDescent="0.2">
      <c r="A312">
        <v>1169.363546</v>
      </c>
      <c r="B312">
        <v>19.943505999999999</v>
      </c>
      <c r="C312">
        <v>7.9121410000000001</v>
      </c>
      <c r="D312">
        <f t="shared" si="15"/>
        <v>1.551488</v>
      </c>
      <c r="E312">
        <f t="shared" si="16"/>
        <v>36.472688999999946</v>
      </c>
      <c r="F312">
        <f t="shared" si="14"/>
        <v>2.0103413780882186E-2</v>
      </c>
    </row>
    <row r="313" spans="1:6" x14ac:dyDescent="0.2">
      <c r="A313">
        <v>1170.2525949999999</v>
      </c>
      <c r="B313">
        <v>19.939626000000001</v>
      </c>
      <c r="C313">
        <v>7.9171459999999998</v>
      </c>
      <c r="D313">
        <f t="shared" si="15"/>
        <v>1.5564929999999997</v>
      </c>
      <c r="E313">
        <f t="shared" si="16"/>
        <v>37.361737999999832</v>
      </c>
      <c r="F313">
        <f t="shared" si="14"/>
        <v>2.0511635291525176E-2</v>
      </c>
    </row>
    <row r="314" spans="1:6" x14ac:dyDescent="0.2">
      <c r="A314">
        <v>1170.110046</v>
      </c>
      <c r="B314">
        <v>20.035582999999999</v>
      </c>
      <c r="C314">
        <v>7.9221500000000002</v>
      </c>
      <c r="D314">
        <f t="shared" si="15"/>
        <v>1.5614970000000001</v>
      </c>
      <c r="E314">
        <f t="shared" si="16"/>
        <v>37.219188999999915</v>
      </c>
      <c r="F314">
        <f t="shared" si="14"/>
        <v>2.0370375912894402E-2</v>
      </c>
    </row>
    <row r="315" spans="1:6" x14ac:dyDescent="0.2">
      <c r="A315">
        <v>1169.933256</v>
      </c>
      <c r="B315">
        <v>20.005839000000002</v>
      </c>
      <c r="C315">
        <v>7.927155</v>
      </c>
      <c r="D315">
        <f t="shared" si="15"/>
        <v>1.5665019999999998</v>
      </c>
      <c r="E315">
        <f t="shared" si="16"/>
        <v>37.042398999999932</v>
      </c>
      <c r="F315">
        <f t="shared" si="14"/>
        <v>2.0211896492593012E-2</v>
      </c>
    </row>
    <row r="316" spans="1:6" x14ac:dyDescent="0.2">
      <c r="A316">
        <v>1169.554527</v>
      </c>
      <c r="B316">
        <v>20.023807999999999</v>
      </c>
      <c r="C316">
        <v>7.9321599999999997</v>
      </c>
      <c r="D316">
        <f t="shared" si="15"/>
        <v>1.5715069999999995</v>
      </c>
      <c r="E316">
        <f t="shared" si="16"/>
        <v>36.663669999999911</v>
      </c>
      <c r="F316">
        <f t="shared" si="14"/>
        <v>1.9947989967868038E-2</v>
      </c>
    </row>
    <row r="317" spans="1:6" x14ac:dyDescent="0.2">
      <c r="A317">
        <v>1169.5009680000001</v>
      </c>
      <c r="B317">
        <v>20.00488</v>
      </c>
      <c r="C317">
        <v>7.9371650000000002</v>
      </c>
      <c r="D317">
        <f t="shared" si="15"/>
        <v>1.5765120000000001</v>
      </c>
      <c r="E317">
        <f t="shared" si="16"/>
        <v>36.610110999999961</v>
      </c>
      <c r="F317">
        <f t="shared" si="14"/>
        <v>1.9856521904059253E-2</v>
      </c>
    </row>
    <row r="318" spans="1:6" x14ac:dyDescent="0.2">
      <c r="A318">
        <v>1169.4218940000001</v>
      </c>
      <c r="B318">
        <v>19.992574999999999</v>
      </c>
      <c r="C318">
        <v>7.94217</v>
      </c>
      <c r="D318">
        <f t="shared" si="15"/>
        <v>1.5815169999999998</v>
      </c>
      <c r="E318">
        <f t="shared" si="16"/>
        <v>36.531036999999969</v>
      </c>
      <c r="F318">
        <f t="shared" si="14"/>
        <v>1.975226554742868E-2</v>
      </c>
    </row>
    <row r="319" spans="1:6" x14ac:dyDescent="0.2">
      <c r="A319">
        <v>1169.339338</v>
      </c>
      <c r="B319">
        <v>19.994700999999999</v>
      </c>
      <c r="C319">
        <v>7.9471740000000004</v>
      </c>
      <c r="D319">
        <f t="shared" si="15"/>
        <v>1.5865210000000003</v>
      </c>
      <c r="E319">
        <f t="shared" si="16"/>
        <v>36.448480999999902</v>
      </c>
      <c r="F319">
        <f t="shared" si="14"/>
        <v>1.9646855390173655E-2</v>
      </c>
    </row>
    <row r="320" spans="1:6" x14ac:dyDescent="0.2">
      <c r="A320">
        <v>1169.3577479999999</v>
      </c>
      <c r="B320">
        <v>20.013864000000002</v>
      </c>
      <c r="C320">
        <v>7.9521790000000001</v>
      </c>
      <c r="D320">
        <f t="shared" si="15"/>
        <v>1.591526</v>
      </c>
      <c r="E320">
        <f t="shared" si="16"/>
        <v>36.466890999999805</v>
      </c>
      <c r="F320">
        <f t="shared" si="14"/>
        <v>1.9594654195056318E-2</v>
      </c>
    </row>
    <row r="321" spans="1:6" x14ac:dyDescent="0.2">
      <c r="A321">
        <v>1169.069747</v>
      </c>
      <c r="B321">
        <v>20.048839999999998</v>
      </c>
      <c r="C321">
        <v>7.9571839999999998</v>
      </c>
      <c r="D321">
        <f t="shared" si="15"/>
        <v>1.5965309999999997</v>
      </c>
      <c r="E321">
        <f t="shared" si="16"/>
        <v>36.17888999999991</v>
      </c>
      <c r="F321">
        <f t="shared" si="14"/>
        <v>1.938373484930574E-2</v>
      </c>
    </row>
    <row r="322" spans="1:6" x14ac:dyDescent="0.2">
      <c r="A322">
        <v>1168.3265220000001</v>
      </c>
      <c r="B322">
        <v>20.042967999999998</v>
      </c>
      <c r="C322">
        <v>7.9621890000000004</v>
      </c>
      <c r="D322">
        <f t="shared" si="15"/>
        <v>1.6015360000000003</v>
      </c>
      <c r="E322">
        <f t="shared" si="16"/>
        <v>35.435664999999972</v>
      </c>
      <c r="F322">
        <f t="shared" si="14"/>
        <v>1.8938241322717576E-2</v>
      </c>
    </row>
    <row r="323" spans="1:6" x14ac:dyDescent="0.2">
      <c r="A323">
        <v>1168.1368629999999</v>
      </c>
      <c r="B323">
        <v>20.002191</v>
      </c>
      <c r="C323">
        <v>7.9671940000000001</v>
      </c>
      <c r="D323">
        <f t="shared" si="15"/>
        <v>1.606541</v>
      </c>
      <c r="E323">
        <f t="shared" si="16"/>
        <v>35.246005999999852</v>
      </c>
      <c r="F323">
        <f t="shared" ref="F323:F386" si="17">(1/A323)*(E323/D323)</f>
        <v>1.8781244568532054E-2</v>
      </c>
    </row>
    <row r="324" spans="1:6" x14ac:dyDescent="0.2">
      <c r="A324">
        <v>1167.9805759999999</v>
      </c>
      <c r="B324">
        <v>20.001470000000001</v>
      </c>
      <c r="C324">
        <v>7.9721979999999997</v>
      </c>
      <c r="D324">
        <f t="shared" si="15"/>
        <v>1.6115449999999996</v>
      </c>
      <c r="E324">
        <f t="shared" si="16"/>
        <v>35.089718999999832</v>
      </c>
      <c r="F324">
        <f t="shared" si="17"/>
        <v>1.8642400464963835E-2</v>
      </c>
    </row>
    <row r="325" spans="1:6" x14ac:dyDescent="0.2">
      <c r="A325">
        <v>1167.944082</v>
      </c>
      <c r="B325">
        <v>20.008714999999999</v>
      </c>
      <c r="C325">
        <v>7.9772030000000003</v>
      </c>
      <c r="D325">
        <f t="shared" si="15"/>
        <v>1.6165500000000002</v>
      </c>
      <c r="E325">
        <f t="shared" si="16"/>
        <v>35.053224999999884</v>
      </c>
      <c r="F325">
        <f t="shared" si="17"/>
        <v>1.856593339818751E-2</v>
      </c>
    </row>
    <row r="326" spans="1:6" x14ac:dyDescent="0.2">
      <c r="A326">
        <v>1167.692681</v>
      </c>
      <c r="B326">
        <v>20.013157</v>
      </c>
      <c r="C326">
        <v>7.982208</v>
      </c>
      <c r="D326">
        <f t="shared" si="15"/>
        <v>1.6215549999999999</v>
      </c>
      <c r="E326">
        <f t="shared" si="16"/>
        <v>34.801823999999897</v>
      </c>
      <c r="F326">
        <f t="shared" si="17"/>
        <v>1.8379841614138064E-2</v>
      </c>
    </row>
    <row r="327" spans="1:6" x14ac:dyDescent="0.2">
      <c r="A327">
        <v>1167.5300850000001</v>
      </c>
      <c r="B327">
        <v>20.015581000000001</v>
      </c>
      <c r="C327">
        <v>7.9872129999999997</v>
      </c>
      <c r="D327">
        <f t="shared" ref="D327:D390" si="18">C327-$C$2</f>
        <v>1.6265599999999996</v>
      </c>
      <c r="E327">
        <f t="shared" ref="E327:E390" si="19">A327-$A$2</f>
        <v>34.639228000000003</v>
      </c>
      <c r="F327">
        <f t="shared" si="17"/>
        <v>1.8240218483378218E-2</v>
      </c>
    </row>
    <row r="328" spans="1:6" x14ac:dyDescent="0.2">
      <c r="A328">
        <v>1167.0151719999999</v>
      </c>
      <c r="B328">
        <v>20.045777000000001</v>
      </c>
      <c r="C328">
        <v>7.9922180000000003</v>
      </c>
      <c r="D328">
        <f t="shared" si="18"/>
        <v>1.6315650000000002</v>
      </c>
      <c r="E328">
        <f t="shared" si="19"/>
        <v>34.124314999999797</v>
      </c>
      <c r="F328">
        <f t="shared" si="17"/>
        <v>1.7921859144559998E-2</v>
      </c>
    </row>
    <row r="329" spans="1:6" x14ac:dyDescent="0.2">
      <c r="A329">
        <v>1166.6330599999999</v>
      </c>
      <c r="B329">
        <v>19.999137999999999</v>
      </c>
      <c r="C329">
        <v>7.9972219999999998</v>
      </c>
      <c r="D329">
        <f t="shared" si="18"/>
        <v>1.6365689999999997</v>
      </c>
      <c r="E329">
        <f t="shared" si="19"/>
        <v>33.74220299999979</v>
      </c>
      <c r="F329">
        <f t="shared" si="17"/>
        <v>1.7672778492910386E-2</v>
      </c>
    </row>
    <row r="330" spans="1:6" x14ac:dyDescent="0.2">
      <c r="A330">
        <v>1166.878369</v>
      </c>
      <c r="B330">
        <v>19.989083000000001</v>
      </c>
      <c r="C330">
        <v>8.0022269999999995</v>
      </c>
      <c r="D330">
        <f t="shared" si="18"/>
        <v>1.6415739999999994</v>
      </c>
      <c r="E330">
        <f t="shared" si="19"/>
        <v>33.987511999999924</v>
      </c>
      <c r="F330">
        <f t="shared" si="17"/>
        <v>1.7743256049615078E-2</v>
      </c>
    </row>
    <row r="331" spans="1:6" x14ac:dyDescent="0.2">
      <c r="A331">
        <v>1166.9467199999999</v>
      </c>
      <c r="B331">
        <v>19.997195000000001</v>
      </c>
      <c r="C331">
        <v>8.0072320000000001</v>
      </c>
      <c r="D331">
        <f t="shared" si="18"/>
        <v>1.646579</v>
      </c>
      <c r="E331">
        <f t="shared" si="19"/>
        <v>34.055862999999817</v>
      </c>
      <c r="F331">
        <f t="shared" si="17"/>
        <v>1.7723859155220519E-2</v>
      </c>
    </row>
    <row r="332" spans="1:6" x14ac:dyDescent="0.2">
      <c r="A332">
        <v>1166.676575</v>
      </c>
      <c r="B332">
        <v>20.016877999999998</v>
      </c>
      <c r="C332">
        <v>8.0122370000000007</v>
      </c>
      <c r="D332">
        <f t="shared" si="18"/>
        <v>1.6515840000000006</v>
      </c>
      <c r="E332">
        <f t="shared" si="19"/>
        <v>33.785717999999861</v>
      </c>
      <c r="F332">
        <f t="shared" si="17"/>
        <v>1.7534040601625195E-2</v>
      </c>
    </row>
    <row r="333" spans="1:6" x14ac:dyDescent="0.2">
      <c r="A333">
        <v>1166.38823</v>
      </c>
      <c r="B333">
        <v>20.031669000000001</v>
      </c>
      <c r="C333">
        <v>8.0172419999999995</v>
      </c>
      <c r="D333">
        <f t="shared" si="18"/>
        <v>1.6565889999999994</v>
      </c>
      <c r="E333">
        <f t="shared" si="19"/>
        <v>33.497372999999925</v>
      </c>
      <c r="F333">
        <f t="shared" si="17"/>
        <v>1.7336157640683303E-2</v>
      </c>
    </row>
    <row r="334" spans="1:6" x14ac:dyDescent="0.2">
      <c r="A334">
        <v>1166.2442149999999</v>
      </c>
      <c r="B334">
        <v>20.005268999999998</v>
      </c>
      <c r="C334">
        <v>8.0222460000000009</v>
      </c>
      <c r="D334">
        <f t="shared" si="18"/>
        <v>1.6615930000000008</v>
      </c>
      <c r="E334">
        <f t="shared" si="19"/>
        <v>33.353357999999844</v>
      </c>
      <c r="F334">
        <f t="shared" si="17"/>
        <v>1.7211765029980508E-2</v>
      </c>
    </row>
    <row r="335" spans="1:6" x14ac:dyDescent="0.2">
      <c r="A335">
        <v>1166.265496</v>
      </c>
      <c r="B335">
        <v>19.978667000000002</v>
      </c>
      <c r="C335">
        <v>8.0272509999999997</v>
      </c>
      <c r="D335">
        <f t="shared" si="18"/>
        <v>1.6665979999999996</v>
      </c>
      <c r="E335">
        <f t="shared" si="19"/>
        <v>33.374638999999888</v>
      </c>
      <c r="F335">
        <f t="shared" si="17"/>
        <v>1.7170711577896399E-2</v>
      </c>
    </row>
    <row r="336" spans="1:6" x14ac:dyDescent="0.2">
      <c r="A336">
        <v>1166.4361260000001</v>
      </c>
      <c r="B336">
        <v>19.990516</v>
      </c>
      <c r="C336">
        <v>8.0322560000000003</v>
      </c>
      <c r="D336">
        <f t="shared" si="18"/>
        <v>1.6716030000000002</v>
      </c>
      <c r="E336">
        <f t="shared" si="19"/>
        <v>33.545268999999962</v>
      </c>
      <c r="F336">
        <f t="shared" si="17"/>
        <v>1.7204306661408965E-2</v>
      </c>
    </row>
    <row r="337" spans="1:6" x14ac:dyDescent="0.2">
      <c r="A337">
        <v>1166.676526</v>
      </c>
      <c r="B337">
        <v>19.975133</v>
      </c>
      <c r="C337">
        <v>8.0372610000000009</v>
      </c>
      <c r="D337">
        <f t="shared" si="18"/>
        <v>1.6766080000000008</v>
      </c>
      <c r="E337">
        <f t="shared" si="19"/>
        <v>33.785668999999871</v>
      </c>
      <c r="F337">
        <f t="shared" si="17"/>
        <v>1.7272314178158953E-2</v>
      </c>
    </row>
    <row r="338" spans="1:6" x14ac:dyDescent="0.2">
      <c r="A338">
        <v>1166.7900509999999</v>
      </c>
      <c r="B338">
        <v>19.988610000000001</v>
      </c>
      <c r="C338">
        <v>8.0422659999999997</v>
      </c>
      <c r="D338">
        <f t="shared" si="18"/>
        <v>1.6816129999999996</v>
      </c>
      <c r="E338">
        <f t="shared" si="19"/>
        <v>33.899193999999852</v>
      </c>
      <c r="F338">
        <f t="shared" si="17"/>
        <v>1.7277090134712434E-2</v>
      </c>
    </row>
    <row r="339" spans="1:6" x14ac:dyDescent="0.2">
      <c r="A339">
        <v>1167.143652</v>
      </c>
      <c r="B339">
        <v>19.978891000000001</v>
      </c>
      <c r="C339">
        <v>8.0472699999999993</v>
      </c>
      <c r="D339">
        <f t="shared" si="18"/>
        <v>1.6866169999999991</v>
      </c>
      <c r="E339">
        <f t="shared" si="19"/>
        <v>34.252794999999878</v>
      </c>
      <c r="F339">
        <f t="shared" si="17"/>
        <v>1.7400239644815147E-2</v>
      </c>
    </row>
    <row r="340" spans="1:6" x14ac:dyDescent="0.2">
      <c r="A340">
        <v>1167.661478</v>
      </c>
      <c r="B340">
        <v>19.964214999999999</v>
      </c>
      <c r="C340">
        <v>8.0522749999999998</v>
      </c>
      <c r="D340">
        <f t="shared" si="18"/>
        <v>1.6916219999999997</v>
      </c>
      <c r="E340">
        <f t="shared" si="19"/>
        <v>34.770620999999892</v>
      </c>
      <c r="F340">
        <f t="shared" si="17"/>
        <v>1.7603222153601137E-2</v>
      </c>
    </row>
    <row r="341" spans="1:6" x14ac:dyDescent="0.2">
      <c r="A341">
        <v>1168.002937</v>
      </c>
      <c r="B341">
        <v>19.967724</v>
      </c>
      <c r="C341">
        <v>8.0572800000000004</v>
      </c>
      <c r="D341">
        <f t="shared" si="18"/>
        <v>1.6966270000000003</v>
      </c>
      <c r="E341">
        <f t="shared" si="19"/>
        <v>35.112079999999878</v>
      </c>
      <c r="F341">
        <f t="shared" si="17"/>
        <v>1.7718471259230359E-2</v>
      </c>
    </row>
    <row r="342" spans="1:6" x14ac:dyDescent="0.2">
      <c r="A342">
        <v>1168.4717009999999</v>
      </c>
      <c r="B342">
        <v>19.967047999999998</v>
      </c>
      <c r="C342">
        <v>8.0622849999999993</v>
      </c>
      <c r="D342">
        <f t="shared" si="18"/>
        <v>1.7016319999999991</v>
      </c>
      <c r="E342">
        <f t="shared" si="19"/>
        <v>35.580843999999843</v>
      </c>
      <c r="F342">
        <f t="shared" si="17"/>
        <v>1.789502884494068E-2</v>
      </c>
    </row>
    <row r="343" spans="1:6" x14ac:dyDescent="0.2">
      <c r="A343">
        <v>1169.25784</v>
      </c>
      <c r="B343">
        <v>19.936235</v>
      </c>
      <c r="C343">
        <v>8.0672899999999998</v>
      </c>
      <c r="D343">
        <f t="shared" si="18"/>
        <v>1.7066369999999997</v>
      </c>
      <c r="E343">
        <f t="shared" si="19"/>
        <v>36.366982999999891</v>
      </c>
      <c r="F343">
        <f t="shared" si="17"/>
        <v>1.8224508560501066E-2</v>
      </c>
    </row>
    <row r="344" spans="1:6" x14ac:dyDescent="0.2">
      <c r="A344">
        <v>1170.2434310000001</v>
      </c>
      <c r="B344">
        <v>19.946709999999999</v>
      </c>
      <c r="C344">
        <v>8.0722939999999994</v>
      </c>
      <c r="D344">
        <f t="shared" si="18"/>
        <v>1.7116409999999993</v>
      </c>
      <c r="E344">
        <f t="shared" si="19"/>
        <v>37.352574000000004</v>
      </c>
      <c r="F344">
        <f t="shared" si="17"/>
        <v>1.864797344178179E-2</v>
      </c>
    </row>
    <row r="345" spans="1:6" x14ac:dyDescent="0.2">
      <c r="A345">
        <v>1170.94229</v>
      </c>
      <c r="B345">
        <v>19.937629999999999</v>
      </c>
      <c r="C345">
        <v>8.077299</v>
      </c>
      <c r="D345">
        <f t="shared" si="18"/>
        <v>1.7166459999999999</v>
      </c>
      <c r="E345">
        <f t="shared" si="19"/>
        <v>38.051432999999861</v>
      </c>
      <c r="F345">
        <f t="shared" si="17"/>
        <v>1.8930181568208648E-2</v>
      </c>
    </row>
    <row r="346" spans="1:6" x14ac:dyDescent="0.2">
      <c r="A346">
        <v>1171.8817770000001</v>
      </c>
      <c r="B346">
        <v>19.920677999999999</v>
      </c>
      <c r="C346">
        <v>8.0823040000000006</v>
      </c>
      <c r="D346">
        <f t="shared" si="18"/>
        <v>1.7216510000000005</v>
      </c>
      <c r="E346">
        <f t="shared" si="19"/>
        <v>38.99091999999996</v>
      </c>
      <c r="F346">
        <f t="shared" si="17"/>
        <v>1.932567013853758E-2</v>
      </c>
    </row>
    <row r="347" spans="1:6" x14ac:dyDescent="0.2">
      <c r="A347">
        <v>1173.0311220000001</v>
      </c>
      <c r="B347">
        <v>19.917618999999998</v>
      </c>
      <c r="C347">
        <v>8.0873089999999994</v>
      </c>
      <c r="D347">
        <f t="shared" si="18"/>
        <v>1.7266559999999993</v>
      </c>
      <c r="E347">
        <f t="shared" si="19"/>
        <v>40.140264999999999</v>
      </c>
      <c r="F347">
        <f t="shared" si="17"/>
        <v>1.9818230649892195E-2</v>
      </c>
    </row>
    <row r="348" spans="1:6" x14ac:dyDescent="0.2">
      <c r="A348">
        <v>1173.997676</v>
      </c>
      <c r="B348">
        <v>19.942260999999998</v>
      </c>
      <c r="C348">
        <v>8.092314</v>
      </c>
      <c r="D348">
        <f t="shared" si="18"/>
        <v>1.7316609999999999</v>
      </c>
      <c r="E348">
        <f t="shared" si="19"/>
        <v>41.106818999999859</v>
      </c>
      <c r="F348">
        <f t="shared" si="17"/>
        <v>2.0220121344817394E-2</v>
      </c>
    </row>
    <row r="349" spans="1:6" x14ac:dyDescent="0.2">
      <c r="A349">
        <v>1174.6108400000001</v>
      </c>
      <c r="B349">
        <v>19.951187000000001</v>
      </c>
      <c r="C349">
        <v>8.0973179999999996</v>
      </c>
      <c r="D349">
        <f t="shared" si="18"/>
        <v>1.7366649999999995</v>
      </c>
      <c r="E349">
        <f t="shared" si="19"/>
        <v>41.719982999999957</v>
      </c>
      <c r="F349">
        <f t="shared" si="17"/>
        <v>2.0451919118537592E-2</v>
      </c>
    </row>
    <row r="350" spans="1:6" x14ac:dyDescent="0.2">
      <c r="A350">
        <v>1174.6644899999999</v>
      </c>
      <c r="B350">
        <v>20.011727</v>
      </c>
      <c r="C350">
        <v>8.1023230000000002</v>
      </c>
      <c r="D350">
        <f t="shared" si="18"/>
        <v>1.7416700000000001</v>
      </c>
      <c r="E350">
        <f t="shared" si="19"/>
        <v>41.773632999999791</v>
      </c>
      <c r="F350">
        <f t="shared" si="17"/>
        <v>2.0418438926913522E-2</v>
      </c>
    </row>
    <row r="351" spans="1:6" x14ac:dyDescent="0.2">
      <c r="A351">
        <v>1174.35006</v>
      </c>
      <c r="B351">
        <v>20.024906000000001</v>
      </c>
      <c r="C351">
        <v>8.1073280000000008</v>
      </c>
      <c r="D351">
        <f t="shared" si="18"/>
        <v>1.7466750000000006</v>
      </c>
      <c r="E351">
        <f t="shared" si="19"/>
        <v>41.459202999999889</v>
      </c>
      <c r="F351">
        <f t="shared" si="17"/>
        <v>2.0212092192550542E-2</v>
      </c>
    </row>
    <row r="352" spans="1:6" x14ac:dyDescent="0.2">
      <c r="A352">
        <v>1173.9359910000001</v>
      </c>
      <c r="B352">
        <v>20.041445</v>
      </c>
      <c r="C352">
        <v>8.1123329999999996</v>
      </c>
      <c r="D352">
        <f t="shared" si="18"/>
        <v>1.7516799999999995</v>
      </c>
      <c r="E352">
        <f t="shared" si="19"/>
        <v>41.045133999999962</v>
      </c>
      <c r="F352">
        <f t="shared" si="17"/>
        <v>1.9960089708783154E-2</v>
      </c>
    </row>
    <row r="353" spans="1:6" x14ac:dyDescent="0.2">
      <c r="A353">
        <v>1173.1921789999999</v>
      </c>
      <c r="B353">
        <v>20.073917000000002</v>
      </c>
      <c r="C353">
        <v>8.1173380000000002</v>
      </c>
      <c r="D353">
        <f t="shared" si="18"/>
        <v>1.7566850000000001</v>
      </c>
      <c r="E353">
        <f t="shared" si="19"/>
        <v>40.3013219999998</v>
      </c>
      <c r="F353">
        <f t="shared" si="17"/>
        <v>1.9554928862903557E-2</v>
      </c>
    </row>
    <row r="354" spans="1:6" x14ac:dyDescent="0.2">
      <c r="A354">
        <v>1171.7860370000001</v>
      </c>
      <c r="B354">
        <v>20.092915999999999</v>
      </c>
      <c r="C354">
        <v>8.1223419999999997</v>
      </c>
      <c r="D354">
        <f t="shared" si="18"/>
        <v>1.7616889999999996</v>
      </c>
      <c r="E354">
        <f t="shared" si="19"/>
        <v>38.895179999999982</v>
      </c>
      <c r="F354">
        <f t="shared" si="17"/>
        <v>1.8841619295613114E-2</v>
      </c>
    </row>
    <row r="355" spans="1:6" x14ac:dyDescent="0.2">
      <c r="A355">
        <v>1170.7987370000001</v>
      </c>
      <c r="B355">
        <v>20.056477000000001</v>
      </c>
      <c r="C355">
        <v>8.1273470000000003</v>
      </c>
      <c r="D355">
        <f t="shared" si="18"/>
        <v>1.7666940000000002</v>
      </c>
      <c r="E355">
        <f t="shared" si="19"/>
        <v>37.907879999999977</v>
      </c>
      <c r="F355">
        <f t="shared" si="17"/>
        <v>1.8326769505604603E-2</v>
      </c>
    </row>
    <row r="356" spans="1:6" x14ac:dyDescent="0.2">
      <c r="A356">
        <v>1169.7377300000001</v>
      </c>
      <c r="B356">
        <v>20.085963</v>
      </c>
      <c r="C356">
        <v>8.1323519999999991</v>
      </c>
      <c r="D356">
        <f t="shared" si="18"/>
        <v>1.771698999999999</v>
      </c>
      <c r="E356">
        <f t="shared" si="19"/>
        <v>36.84687299999996</v>
      </c>
      <c r="F356">
        <f t="shared" si="17"/>
        <v>1.7779608718701243E-2</v>
      </c>
    </row>
    <row r="357" spans="1:6" x14ac:dyDescent="0.2">
      <c r="A357">
        <v>1168.2702609999999</v>
      </c>
      <c r="B357">
        <v>20.102817000000002</v>
      </c>
      <c r="C357">
        <v>8.1373569999999997</v>
      </c>
      <c r="D357">
        <f t="shared" si="18"/>
        <v>1.7767039999999996</v>
      </c>
      <c r="E357">
        <f t="shared" si="19"/>
        <v>35.379403999999795</v>
      </c>
      <c r="F357">
        <f t="shared" si="17"/>
        <v>1.7044807894043276E-2</v>
      </c>
    </row>
    <row r="358" spans="1:6" x14ac:dyDescent="0.2">
      <c r="A358">
        <v>1166.5504229999999</v>
      </c>
      <c r="B358">
        <v>20.137377999999998</v>
      </c>
      <c r="C358">
        <v>8.1423620000000003</v>
      </c>
      <c r="D358">
        <f t="shared" si="18"/>
        <v>1.7817090000000002</v>
      </c>
      <c r="E358">
        <f t="shared" si="19"/>
        <v>33.659565999999813</v>
      </c>
      <c r="F358">
        <f t="shared" si="17"/>
        <v>1.6194525314160473E-2</v>
      </c>
    </row>
    <row r="359" spans="1:6" x14ac:dyDescent="0.2">
      <c r="A359">
        <v>1164.9784870000001</v>
      </c>
      <c r="B359">
        <v>20.080373000000002</v>
      </c>
      <c r="C359">
        <v>8.1473659999999999</v>
      </c>
      <c r="D359">
        <f t="shared" si="18"/>
        <v>1.7867129999999998</v>
      </c>
      <c r="E359">
        <f t="shared" si="19"/>
        <v>32.08762999999999</v>
      </c>
      <c r="F359">
        <f t="shared" si="17"/>
        <v>1.5415759925910934E-2</v>
      </c>
    </row>
    <row r="360" spans="1:6" x14ac:dyDescent="0.2">
      <c r="A360">
        <v>1164.116573</v>
      </c>
      <c r="B360">
        <v>20.058772000000001</v>
      </c>
      <c r="C360">
        <v>8.1523710000000005</v>
      </c>
      <c r="D360">
        <f t="shared" si="18"/>
        <v>1.7917180000000004</v>
      </c>
      <c r="E360">
        <f t="shared" si="19"/>
        <v>31.22571599999992</v>
      </c>
      <c r="F360">
        <f t="shared" si="17"/>
        <v>1.4970843712666323E-2</v>
      </c>
    </row>
    <row r="361" spans="1:6" x14ac:dyDescent="0.2">
      <c r="A361">
        <v>1163.473393</v>
      </c>
      <c r="B361">
        <v>20.044733000000001</v>
      </c>
      <c r="C361">
        <v>8.1573759999999993</v>
      </c>
      <c r="D361">
        <f t="shared" si="18"/>
        <v>1.7967229999999992</v>
      </c>
      <c r="E361">
        <f t="shared" si="19"/>
        <v>30.582535999999891</v>
      </c>
      <c r="F361">
        <f t="shared" si="17"/>
        <v>1.4629716568448713E-2</v>
      </c>
    </row>
    <row r="362" spans="1:6" x14ac:dyDescent="0.2">
      <c r="A362">
        <v>1163.1099650000001</v>
      </c>
      <c r="B362">
        <v>20.006903000000001</v>
      </c>
      <c r="C362">
        <v>8.1623809999999999</v>
      </c>
      <c r="D362">
        <f t="shared" si="18"/>
        <v>1.8017279999999998</v>
      </c>
      <c r="E362">
        <f t="shared" si="19"/>
        <v>30.219108000000006</v>
      </c>
      <c r="F362">
        <f t="shared" si="17"/>
        <v>1.4420211706360526E-2</v>
      </c>
    </row>
    <row r="363" spans="1:6" x14ac:dyDescent="0.2">
      <c r="A363">
        <v>1163.288325</v>
      </c>
      <c r="B363">
        <v>19.997947</v>
      </c>
      <c r="C363">
        <v>8.1673860000000005</v>
      </c>
      <c r="D363">
        <f t="shared" si="18"/>
        <v>1.8067330000000004</v>
      </c>
      <c r="E363">
        <f t="shared" si="19"/>
        <v>30.39746799999989</v>
      </c>
      <c r="F363">
        <f t="shared" si="17"/>
        <v>1.4462922647968186E-2</v>
      </c>
    </row>
    <row r="364" spans="1:6" x14ac:dyDescent="0.2">
      <c r="A364">
        <v>1163.5055179999999</v>
      </c>
      <c r="B364">
        <v>19.97166</v>
      </c>
      <c r="C364">
        <v>8.17239</v>
      </c>
      <c r="D364">
        <f t="shared" si="18"/>
        <v>1.8117369999999999</v>
      </c>
      <c r="E364">
        <f t="shared" si="19"/>
        <v>30.614660999999842</v>
      </c>
      <c r="F364">
        <f t="shared" si="17"/>
        <v>1.4523318235891144E-2</v>
      </c>
    </row>
    <row r="365" spans="1:6" x14ac:dyDescent="0.2">
      <c r="A365">
        <v>1163.7233000000001</v>
      </c>
      <c r="B365">
        <v>19.985479999999999</v>
      </c>
      <c r="C365">
        <v>8.1773950000000006</v>
      </c>
      <c r="D365">
        <f t="shared" si="18"/>
        <v>1.8167420000000005</v>
      </c>
      <c r="E365">
        <f t="shared" si="19"/>
        <v>30.832443000000012</v>
      </c>
      <c r="F365">
        <f t="shared" si="17"/>
        <v>1.4583606952935757E-2</v>
      </c>
    </row>
    <row r="366" spans="1:6" x14ac:dyDescent="0.2">
      <c r="A366">
        <v>1163.9437029999999</v>
      </c>
      <c r="B366">
        <v>19.974564000000001</v>
      </c>
      <c r="C366">
        <v>8.1823999999999995</v>
      </c>
      <c r="D366">
        <f t="shared" si="18"/>
        <v>1.8217469999999993</v>
      </c>
      <c r="E366">
        <f t="shared" si="19"/>
        <v>31.052845999999818</v>
      </c>
      <c r="F366">
        <f t="shared" si="17"/>
        <v>1.4644730076047862E-2</v>
      </c>
    </row>
    <row r="367" spans="1:6" x14ac:dyDescent="0.2">
      <c r="A367">
        <v>1164.6488509999999</v>
      </c>
      <c r="B367">
        <v>19.930976000000001</v>
      </c>
      <c r="C367">
        <v>8.187405</v>
      </c>
      <c r="D367">
        <f t="shared" si="18"/>
        <v>1.8267519999999999</v>
      </c>
      <c r="E367">
        <f t="shared" si="19"/>
        <v>31.757993999999826</v>
      </c>
      <c r="F367">
        <f t="shared" si="17"/>
        <v>1.4927204006652066E-2</v>
      </c>
    </row>
    <row r="368" spans="1:6" x14ac:dyDescent="0.2">
      <c r="A368">
        <v>1165.7554090000001</v>
      </c>
      <c r="B368">
        <v>19.912600000000001</v>
      </c>
      <c r="C368">
        <v>8.1924100000000006</v>
      </c>
      <c r="D368">
        <f t="shared" si="18"/>
        <v>1.8317570000000005</v>
      </c>
      <c r="E368">
        <f t="shared" si="19"/>
        <v>32.864552000000003</v>
      </c>
      <c r="F368">
        <f t="shared" si="17"/>
        <v>1.5390488949440007E-2</v>
      </c>
    </row>
    <row r="369" spans="1:6" x14ac:dyDescent="0.2">
      <c r="A369">
        <v>1167.099516</v>
      </c>
      <c r="B369">
        <v>19.897228999999999</v>
      </c>
      <c r="C369">
        <v>8.1974140000000002</v>
      </c>
      <c r="D369">
        <f t="shared" si="18"/>
        <v>1.8367610000000001</v>
      </c>
      <c r="E369">
        <f t="shared" si="19"/>
        <v>34.208658999999898</v>
      </c>
      <c r="F369">
        <f t="shared" si="17"/>
        <v>1.5957891632753518E-2</v>
      </c>
    </row>
    <row r="370" spans="1:6" x14ac:dyDescent="0.2">
      <c r="A370">
        <v>1168.2756790000001</v>
      </c>
      <c r="B370">
        <v>19.917487999999999</v>
      </c>
      <c r="C370">
        <v>8.2024190000000008</v>
      </c>
      <c r="D370">
        <f t="shared" si="18"/>
        <v>1.8417660000000007</v>
      </c>
      <c r="E370">
        <f t="shared" si="19"/>
        <v>35.384821999999986</v>
      </c>
      <c r="F370">
        <f t="shared" si="17"/>
        <v>1.6445126864849152E-2</v>
      </c>
    </row>
    <row r="371" spans="1:6" x14ac:dyDescent="0.2">
      <c r="A371">
        <v>1169.7140919999999</v>
      </c>
      <c r="B371">
        <v>19.905203</v>
      </c>
      <c r="C371">
        <v>8.2074239999999996</v>
      </c>
      <c r="D371">
        <f t="shared" si="18"/>
        <v>1.8467709999999995</v>
      </c>
      <c r="E371">
        <f t="shared" si="19"/>
        <v>36.823234999999841</v>
      </c>
      <c r="F371">
        <f t="shared" si="17"/>
        <v>1.7046262474258847E-2</v>
      </c>
    </row>
    <row r="372" spans="1:6" x14ac:dyDescent="0.2">
      <c r="A372">
        <v>1171.0698649999999</v>
      </c>
      <c r="B372">
        <v>19.909495</v>
      </c>
      <c r="C372">
        <v>8.2124290000000002</v>
      </c>
      <c r="D372">
        <f t="shared" si="18"/>
        <v>1.8517760000000001</v>
      </c>
      <c r="E372">
        <f t="shared" si="19"/>
        <v>38.17900799999984</v>
      </c>
      <c r="F372">
        <f t="shared" si="17"/>
        <v>1.7605703493327358E-2</v>
      </c>
    </row>
    <row r="373" spans="1:6" x14ac:dyDescent="0.2">
      <c r="A373">
        <v>1172.1986139999999</v>
      </c>
      <c r="B373">
        <v>19.914394999999999</v>
      </c>
      <c r="C373">
        <v>8.2174340000000008</v>
      </c>
      <c r="D373">
        <f t="shared" si="18"/>
        <v>1.8567810000000007</v>
      </c>
      <c r="E373">
        <f t="shared" si="19"/>
        <v>39.30775699999981</v>
      </c>
      <c r="F373">
        <f t="shared" si="17"/>
        <v>1.8059943013741517E-2</v>
      </c>
    </row>
    <row r="374" spans="1:6" x14ac:dyDescent="0.2">
      <c r="A374">
        <v>1173.147551</v>
      </c>
      <c r="B374">
        <v>19.937329999999999</v>
      </c>
      <c r="C374">
        <v>8.2224380000000004</v>
      </c>
      <c r="D374">
        <f t="shared" si="18"/>
        <v>1.8617850000000002</v>
      </c>
      <c r="E374">
        <f t="shared" si="19"/>
        <v>40.256693999999925</v>
      </c>
      <c r="F374">
        <f t="shared" si="17"/>
        <v>1.8431298859027452E-2</v>
      </c>
    </row>
    <row r="375" spans="1:6" x14ac:dyDescent="0.2">
      <c r="A375">
        <v>1173.7239119999999</v>
      </c>
      <c r="B375">
        <v>19.978776</v>
      </c>
      <c r="C375">
        <v>8.2274429999999992</v>
      </c>
      <c r="D375">
        <f t="shared" si="18"/>
        <v>1.8667899999999991</v>
      </c>
      <c r="E375">
        <f t="shared" si="19"/>
        <v>40.833054999999831</v>
      </c>
      <c r="F375">
        <f t="shared" si="17"/>
        <v>1.8635903607368689E-2</v>
      </c>
    </row>
    <row r="376" spans="1:6" x14ac:dyDescent="0.2">
      <c r="A376">
        <v>1173.439327</v>
      </c>
      <c r="B376">
        <v>20.025594999999999</v>
      </c>
      <c r="C376">
        <v>8.2324479999999998</v>
      </c>
      <c r="D376">
        <f t="shared" si="18"/>
        <v>1.8717949999999997</v>
      </c>
      <c r="E376">
        <f t="shared" si="19"/>
        <v>40.548469999999952</v>
      </c>
      <c r="F376">
        <f t="shared" si="17"/>
        <v>1.8461013919229077E-2</v>
      </c>
    </row>
    <row r="377" spans="1:6" x14ac:dyDescent="0.2">
      <c r="A377">
        <v>1173.4535659999999</v>
      </c>
      <c r="B377">
        <v>19.980402000000002</v>
      </c>
      <c r="C377">
        <v>8.2374530000000004</v>
      </c>
      <c r="D377">
        <f t="shared" si="18"/>
        <v>1.8768000000000002</v>
      </c>
      <c r="E377">
        <f t="shared" si="19"/>
        <v>40.562708999999813</v>
      </c>
      <c r="F377">
        <f t="shared" si="17"/>
        <v>1.8418024570776324E-2</v>
      </c>
    </row>
    <row r="378" spans="1:6" x14ac:dyDescent="0.2">
      <c r="A378">
        <v>1173.282972</v>
      </c>
      <c r="B378">
        <v>20.032036000000002</v>
      </c>
      <c r="C378">
        <v>8.2424579999999992</v>
      </c>
      <c r="D378">
        <f t="shared" si="18"/>
        <v>1.8818049999999991</v>
      </c>
      <c r="E378">
        <f t="shared" si="19"/>
        <v>40.392114999999876</v>
      </c>
      <c r="F378">
        <f t="shared" si="17"/>
        <v>1.8294443714816467E-2</v>
      </c>
    </row>
    <row r="379" spans="1:6" x14ac:dyDescent="0.2">
      <c r="A379">
        <v>1172.6903090000001</v>
      </c>
      <c r="B379">
        <v>20.052081999999999</v>
      </c>
      <c r="C379">
        <v>8.2474620000000005</v>
      </c>
      <c r="D379">
        <f t="shared" si="18"/>
        <v>1.8868090000000004</v>
      </c>
      <c r="E379">
        <f t="shared" si="19"/>
        <v>39.799451999999974</v>
      </c>
      <c r="F379">
        <f t="shared" si="17"/>
        <v>1.7987293327065008E-2</v>
      </c>
    </row>
    <row r="380" spans="1:6" x14ac:dyDescent="0.2">
      <c r="A380">
        <v>1171.6150190000001</v>
      </c>
      <c r="B380">
        <v>20.084682999999998</v>
      </c>
      <c r="C380">
        <v>8.2524669999999993</v>
      </c>
      <c r="D380">
        <f t="shared" si="18"/>
        <v>1.8918139999999992</v>
      </c>
      <c r="E380">
        <f t="shared" si="19"/>
        <v>38.724161999999978</v>
      </c>
      <c r="F380">
        <f t="shared" si="17"/>
        <v>1.7471036174949144E-2</v>
      </c>
    </row>
    <row r="381" spans="1:6" x14ac:dyDescent="0.2">
      <c r="A381">
        <v>1170.480728</v>
      </c>
      <c r="B381">
        <v>20.090342</v>
      </c>
      <c r="C381">
        <v>8.2574719999999999</v>
      </c>
      <c r="D381">
        <f t="shared" si="18"/>
        <v>1.8968189999999998</v>
      </c>
      <c r="E381">
        <f t="shared" si="19"/>
        <v>37.589870999999903</v>
      </c>
      <c r="F381">
        <f t="shared" si="17"/>
        <v>1.6930924640562558E-2</v>
      </c>
    </row>
    <row r="382" spans="1:6" x14ac:dyDescent="0.2">
      <c r="A382">
        <v>1168.8999260000001</v>
      </c>
      <c r="B382">
        <v>20.114301999999999</v>
      </c>
      <c r="C382">
        <v>8.2624770000000005</v>
      </c>
      <c r="D382">
        <f t="shared" si="18"/>
        <v>1.9018240000000004</v>
      </c>
      <c r="E382">
        <f t="shared" si="19"/>
        <v>36.009068999999954</v>
      </c>
      <c r="F382">
        <f t="shared" si="17"/>
        <v>1.6198106058031923E-2</v>
      </c>
    </row>
    <row r="383" spans="1:6" x14ac:dyDescent="0.2">
      <c r="A383">
        <v>1167.5237199999999</v>
      </c>
      <c r="B383">
        <v>20.091118999999999</v>
      </c>
      <c r="C383">
        <v>8.2674819999999993</v>
      </c>
      <c r="D383">
        <f t="shared" si="18"/>
        <v>1.9068289999999992</v>
      </c>
      <c r="E383">
        <f t="shared" si="19"/>
        <v>34.632862999999816</v>
      </c>
      <c r="F383">
        <f t="shared" si="17"/>
        <v>1.5556465636239599E-2</v>
      </c>
    </row>
    <row r="384" spans="1:6" x14ac:dyDescent="0.2">
      <c r="A384">
        <v>1166.015676</v>
      </c>
      <c r="B384">
        <v>20.113620999999998</v>
      </c>
      <c r="C384">
        <v>8.2724860000000007</v>
      </c>
      <c r="D384">
        <f t="shared" si="18"/>
        <v>1.9118330000000006</v>
      </c>
      <c r="E384">
        <f t="shared" si="19"/>
        <v>33.124818999999889</v>
      </c>
      <c r="F384">
        <f t="shared" si="17"/>
        <v>1.4859328061458076E-2</v>
      </c>
    </row>
    <row r="385" spans="1:6" x14ac:dyDescent="0.2">
      <c r="A385">
        <v>1164.4091980000001</v>
      </c>
      <c r="B385">
        <v>20.090565999999999</v>
      </c>
      <c r="C385">
        <v>8.2774909999999995</v>
      </c>
      <c r="D385">
        <f t="shared" si="18"/>
        <v>1.9168379999999994</v>
      </c>
      <c r="E385">
        <f t="shared" si="19"/>
        <v>31.518340999999964</v>
      </c>
      <c r="F385">
        <f t="shared" si="17"/>
        <v>1.4121223023368733E-2</v>
      </c>
    </row>
    <row r="386" spans="1:6" x14ac:dyDescent="0.2">
      <c r="A386">
        <v>1163.621572</v>
      </c>
      <c r="B386">
        <v>20.046074999999998</v>
      </c>
      <c r="C386">
        <v>8.2824960000000001</v>
      </c>
      <c r="D386">
        <f t="shared" si="18"/>
        <v>1.921843</v>
      </c>
      <c r="E386">
        <f t="shared" si="19"/>
        <v>30.730714999999918</v>
      </c>
      <c r="F386">
        <f t="shared" si="17"/>
        <v>1.3741780108829356E-2</v>
      </c>
    </row>
    <row r="387" spans="1:6" x14ac:dyDescent="0.2">
      <c r="A387">
        <v>1163.1778609999999</v>
      </c>
      <c r="B387">
        <v>20.026964</v>
      </c>
      <c r="C387">
        <v>8.2875010000000007</v>
      </c>
      <c r="D387">
        <f t="shared" si="18"/>
        <v>1.9268480000000006</v>
      </c>
      <c r="E387">
        <f t="shared" si="19"/>
        <v>30.287003999999797</v>
      </c>
      <c r="F387">
        <f t="shared" ref="F387:F408" si="20">(1/A387)*(E387/D387)</f>
        <v>1.351334083661238E-2</v>
      </c>
    </row>
    <row r="388" spans="1:6" x14ac:dyDescent="0.2">
      <c r="A388">
        <v>1162.8852790000001</v>
      </c>
      <c r="B388">
        <v>20.003831999999999</v>
      </c>
      <c r="C388">
        <v>8.2925059999999995</v>
      </c>
      <c r="D388">
        <f t="shared" si="18"/>
        <v>1.9318529999999994</v>
      </c>
      <c r="E388">
        <f t="shared" si="19"/>
        <v>29.994421999999986</v>
      </c>
      <c r="F388">
        <f t="shared" si="20"/>
        <v>1.3351484253923135E-2</v>
      </c>
    </row>
    <row r="389" spans="1:6" x14ac:dyDescent="0.2">
      <c r="A389">
        <v>1162.9664780000001</v>
      </c>
      <c r="B389">
        <v>19.991845999999999</v>
      </c>
      <c r="C389">
        <v>8.2975100000000008</v>
      </c>
      <c r="D389">
        <f t="shared" si="18"/>
        <v>1.9368570000000007</v>
      </c>
      <c r="E389">
        <f t="shared" si="19"/>
        <v>30.075620999999956</v>
      </c>
      <c r="F389">
        <f t="shared" si="20"/>
        <v>1.3352108393063229E-2</v>
      </c>
    </row>
    <row r="390" spans="1:6" x14ac:dyDescent="0.2">
      <c r="A390">
        <v>1163.9395219999999</v>
      </c>
      <c r="B390">
        <v>19.901921000000002</v>
      </c>
      <c r="C390">
        <v>8.3025149999999996</v>
      </c>
      <c r="D390">
        <f t="shared" si="18"/>
        <v>1.9418619999999995</v>
      </c>
      <c r="E390">
        <f t="shared" si="19"/>
        <v>31.048664999999801</v>
      </c>
      <c r="F390">
        <f t="shared" si="20"/>
        <v>1.3737071328818051E-2</v>
      </c>
    </row>
    <row r="391" spans="1:6" x14ac:dyDescent="0.2">
      <c r="A391">
        <v>1165.3502410000001</v>
      </c>
      <c r="B391">
        <v>19.901779999999999</v>
      </c>
      <c r="C391">
        <v>8.3075200000000002</v>
      </c>
      <c r="D391">
        <f t="shared" ref="D391:D408" si="21">C391-$C$2</f>
        <v>1.9468670000000001</v>
      </c>
      <c r="E391">
        <f t="shared" ref="E391:E408" si="22">A391-$A$2</f>
        <v>32.459384</v>
      </c>
      <c r="F391">
        <f t="shared" si="20"/>
        <v>1.4306965162444526E-2</v>
      </c>
    </row>
    <row r="392" spans="1:6" x14ac:dyDescent="0.2">
      <c r="A392">
        <v>1166.9302009999999</v>
      </c>
      <c r="B392">
        <v>19.858830999999999</v>
      </c>
      <c r="C392">
        <v>8.3125250000000008</v>
      </c>
      <c r="D392">
        <f t="shared" si="21"/>
        <v>1.9518720000000007</v>
      </c>
      <c r="E392">
        <f t="shared" si="22"/>
        <v>34.039343999999801</v>
      </c>
      <c r="F392">
        <f t="shared" si="20"/>
        <v>1.4944623142331272E-2</v>
      </c>
    </row>
    <row r="393" spans="1:6" x14ac:dyDescent="0.2">
      <c r="A393">
        <v>1168.824149</v>
      </c>
      <c r="B393">
        <v>19.880572999999998</v>
      </c>
      <c r="C393">
        <v>8.3175299999999996</v>
      </c>
      <c r="D393">
        <f t="shared" si="21"/>
        <v>1.9568769999999995</v>
      </c>
      <c r="E393">
        <f t="shared" si="22"/>
        <v>35.933291999999938</v>
      </c>
      <c r="F393">
        <f t="shared" si="20"/>
        <v>1.5710293615128282E-2</v>
      </c>
    </row>
    <row r="394" spans="1:6" x14ac:dyDescent="0.2">
      <c r="A394">
        <v>1170.335752</v>
      </c>
      <c r="B394">
        <v>19.890746</v>
      </c>
      <c r="C394">
        <v>8.3225339999999992</v>
      </c>
      <c r="D394">
        <f t="shared" si="21"/>
        <v>1.9618809999999991</v>
      </c>
      <c r="E394">
        <f t="shared" si="22"/>
        <v>37.44489499999986</v>
      </c>
      <c r="F394">
        <f t="shared" si="20"/>
        <v>1.6308329727540233E-2</v>
      </c>
    </row>
    <row r="395" spans="1:6" x14ac:dyDescent="0.2">
      <c r="A395">
        <v>1171.8636289999999</v>
      </c>
      <c r="B395">
        <v>19.888960999999998</v>
      </c>
      <c r="C395">
        <v>8.3275389999999998</v>
      </c>
      <c r="D395">
        <f t="shared" si="21"/>
        <v>1.9668859999999997</v>
      </c>
      <c r="E395">
        <f t="shared" si="22"/>
        <v>38.97277199999985</v>
      </c>
      <c r="F395">
        <f t="shared" si="20"/>
        <v>1.6908498073579886E-2</v>
      </c>
    </row>
    <row r="396" spans="1:6" x14ac:dyDescent="0.2">
      <c r="A396">
        <v>1173.2726319999999</v>
      </c>
      <c r="B396">
        <v>19.905707</v>
      </c>
      <c r="C396">
        <v>8.3325440000000004</v>
      </c>
      <c r="D396">
        <f t="shared" si="21"/>
        <v>1.9718910000000003</v>
      </c>
      <c r="E396">
        <f t="shared" si="22"/>
        <v>40.381774999999834</v>
      </c>
      <c r="F396">
        <f t="shared" si="20"/>
        <v>1.7454345143176755E-2</v>
      </c>
    </row>
    <row r="397" spans="1:6" x14ac:dyDescent="0.2">
      <c r="A397">
        <v>1174.488413</v>
      </c>
      <c r="B397">
        <v>19.909046</v>
      </c>
      <c r="C397">
        <v>8.3375489999999992</v>
      </c>
      <c r="D397">
        <f t="shared" si="21"/>
        <v>1.9768959999999991</v>
      </c>
      <c r="E397">
        <f t="shared" si="22"/>
        <v>41.59755599999994</v>
      </c>
      <c r="F397">
        <f t="shared" si="20"/>
        <v>1.791576081860774E-2</v>
      </c>
    </row>
    <row r="398" spans="1:6" x14ac:dyDescent="0.2">
      <c r="A398">
        <v>1175.564298</v>
      </c>
      <c r="B398">
        <v>19.912876000000001</v>
      </c>
      <c r="C398">
        <v>8.3425539999999998</v>
      </c>
      <c r="D398">
        <f t="shared" si="21"/>
        <v>1.9819009999999997</v>
      </c>
      <c r="E398">
        <f t="shared" si="22"/>
        <v>42.673440999999912</v>
      </c>
      <c r="F398">
        <f t="shared" si="20"/>
        <v>1.8315944507152678E-2</v>
      </c>
    </row>
    <row r="399" spans="1:6" x14ac:dyDescent="0.2">
      <c r="A399">
        <v>1176.862249</v>
      </c>
      <c r="B399">
        <v>19.930253</v>
      </c>
      <c r="C399">
        <v>8.3475579999999994</v>
      </c>
      <c r="D399">
        <f t="shared" si="21"/>
        <v>1.9869049999999993</v>
      </c>
      <c r="E399">
        <f t="shared" si="22"/>
        <v>43.971391999999923</v>
      </c>
      <c r="F399">
        <f t="shared" si="20"/>
        <v>1.8804746347012354E-2</v>
      </c>
    </row>
    <row r="400" spans="1:6" x14ac:dyDescent="0.2">
      <c r="A400">
        <v>1177.4392009999999</v>
      </c>
      <c r="B400">
        <v>19.971691</v>
      </c>
      <c r="C400">
        <v>8.352563</v>
      </c>
      <c r="D400">
        <f t="shared" si="21"/>
        <v>1.9919099999999998</v>
      </c>
      <c r="E400">
        <f t="shared" si="22"/>
        <v>44.548343999999815</v>
      </c>
      <c r="F400">
        <f t="shared" si="20"/>
        <v>1.8994303007318431E-2</v>
      </c>
    </row>
    <row r="401" spans="1:7" x14ac:dyDescent="0.2">
      <c r="A401">
        <v>1177.3125970000001</v>
      </c>
      <c r="B401">
        <v>20.030048000000001</v>
      </c>
      <c r="C401">
        <v>8.3575680000000006</v>
      </c>
      <c r="D401">
        <f t="shared" si="21"/>
        <v>1.9969150000000004</v>
      </c>
      <c r="E401">
        <f t="shared" si="22"/>
        <v>44.42174</v>
      </c>
      <c r="F401">
        <f t="shared" si="20"/>
        <v>1.8894882507639051E-2</v>
      </c>
    </row>
    <row r="402" spans="1:7" x14ac:dyDescent="0.2">
      <c r="A402">
        <v>1176.4825920000001</v>
      </c>
      <c r="B402">
        <v>20.042891999999998</v>
      </c>
      <c r="C402">
        <v>8.3625729999999994</v>
      </c>
      <c r="D402">
        <f t="shared" si="21"/>
        <v>2.0019199999999993</v>
      </c>
      <c r="E402">
        <f t="shared" si="22"/>
        <v>43.591734999999971</v>
      </c>
      <c r="F402">
        <f t="shared" si="20"/>
        <v>1.8508530158520518E-2</v>
      </c>
    </row>
    <row r="403" spans="1:7" x14ac:dyDescent="0.2">
      <c r="A403">
        <v>1175.2833499999999</v>
      </c>
      <c r="B403">
        <v>20.038577</v>
      </c>
      <c r="C403">
        <v>8.367578</v>
      </c>
      <c r="D403">
        <f t="shared" si="21"/>
        <v>2.0069249999999998</v>
      </c>
      <c r="E403">
        <f t="shared" si="22"/>
        <v>42.392492999999831</v>
      </c>
      <c r="F403">
        <f t="shared" si="20"/>
        <v>1.7972778853245955E-2</v>
      </c>
    </row>
    <row r="404" spans="1:7" x14ac:dyDescent="0.2">
      <c r="A404">
        <v>1173.7034329999999</v>
      </c>
      <c r="B404">
        <v>20.062937000000002</v>
      </c>
      <c r="C404">
        <v>8.3725819999999995</v>
      </c>
      <c r="D404">
        <f t="shared" si="21"/>
        <v>2.0119289999999994</v>
      </c>
      <c r="E404">
        <f t="shared" si="22"/>
        <v>40.812575999999808</v>
      </c>
      <c r="F404">
        <f t="shared" si="20"/>
        <v>1.7283153290325946E-2</v>
      </c>
    </row>
    <row r="405" spans="1:7" x14ac:dyDescent="0.2">
      <c r="A405">
        <v>1171.56315</v>
      </c>
      <c r="B405">
        <v>20.085934999999999</v>
      </c>
      <c r="C405">
        <v>8.3775870000000001</v>
      </c>
      <c r="D405">
        <f t="shared" si="21"/>
        <v>2.016934</v>
      </c>
      <c r="E405">
        <f t="shared" si="22"/>
        <v>38.672292999999854</v>
      </c>
      <c r="F405">
        <f t="shared" si="20"/>
        <v>1.6365999493198877E-2</v>
      </c>
    </row>
    <row r="406" spans="1:7" x14ac:dyDescent="0.2">
      <c r="A406">
        <v>1169.1542019999999</v>
      </c>
      <c r="B406">
        <v>20.069424000000001</v>
      </c>
      <c r="C406">
        <v>8.3825920000000007</v>
      </c>
      <c r="D406">
        <f t="shared" si="21"/>
        <v>2.0219390000000006</v>
      </c>
      <c r="E406">
        <f t="shared" si="22"/>
        <v>36.263344999999845</v>
      </c>
      <c r="F406">
        <f t="shared" si="20"/>
        <v>1.5340093887817369E-2</v>
      </c>
    </row>
    <row r="407" spans="1:7" x14ac:dyDescent="0.2">
      <c r="A407">
        <v>1166.951971</v>
      </c>
      <c r="B407">
        <v>20.023056</v>
      </c>
      <c r="C407">
        <v>8.3875969999999995</v>
      </c>
      <c r="D407">
        <f t="shared" si="21"/>
        <v>2.0269439999999994</v>
      </c>
      <c r="E407">
        <f t="shared" si="22"/>
        <v>34.061113999999861</v>
      </c>
      <c r="F407">
        <f t="shared" si="20"/>
        <v>1.4400053835222653E-2</v>
      </c>
    </row>
    <row r="408" spans="1:7" x14ac:dyDescent="0.2">
      <c r="A408">
        <v>1165.0379909999999</v>
      </c>
      <c r="B408">
        <v>19.979814000000001</v>
      </c>
      <c r="C408">
        <v>8.3926020000000001</v>
      </c>
      <c r="D408">
        <f t="shared" si="21"/>
        <v>2.031949</v>
      </c>
      <c r="E408">
        <f t="shared" si="22"/>
        <v>32.147133999999824</v>
      </c>
      <c r="F408">
        <f t="shared" si="20"/>
        <v>1.3579674792531983E-2</v>
      </c>
    </row>
    <row r="409" spans="1:7" s="1" customFormat="1" ht="15" x14ac:dyDescent="0.25">
      <c r="A409" s="1">
        <f>MAX(A2:A408)</f>
        <v>1177.4392009999999</v>
      </c>
      <c r="B409" s="9" t="s">
        <v>16</v>
      </c>
      <c r="D409"/>
      <c r="E409"/>
      <c r="F409"/>
      <c r="G409"/>
    </row>
    <row r="410" spans="1:7" s="1" customFormat="1" ht="15" x14ac:dyDescent="0.25">
      <c r="A410" s="1">
        <f>MIN(A2:A408)</f>
        <v>1132.8908570000001</v>
      </c>
      <c r="B410" s="9" t="s">
        <v>17</v>
      </c>
      <c r="D410"/>
      <c r="E410"/>
      <c r="F410"/>
      <c r="G410"/>
    </row>
    <row r="411" spans="1:7" s="1" customFormat="1" x14ac:dyDescent="0.2">
      <c r="D411"/>
      <c r="E411"/>
      <c r="F411"/>
      <c r="G411"/>
    </row>
    <row r="412" spans="1:7" x14ac:dyDescent="0.2">
      <c r="A412" t="s">
        <v>20</v>
      </c>
      <c r="C412" s="14">
        <f>E408/A410</f>
        <v>2.8376196878425176E-2</v>
      </c>
    </row>
  </sheetData>
  <pageMargins left="0.7" right="0.7" top="0.75" bottom="0.75" header="0.3" footer="0.3"/>
  <pageSetup paperSize="9" orientation="portrait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22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1152.830882</v>
      </c>
      <c r="B2" s="1">
        <v>19.821821</v>
      </c>
      <c r="C2" s="1">
        <v>7.9150980000000004</v>
      </c>
      <c r="D2">
        <f>C2-$C$2</f>
        <v>0</v>
      </c>
      <c r="E2">
        <f>A2-$A$2</f>
        <v>0</v>
      </c>
      <c r="G2" s="3">
        <f>(A419-A420)/A419</f>
        <v>4.1029808903813782E-2</v>
      </c>
    </row>
    <row r="3" spans="1:7" x14ac:dyDescent="0.2">
      <c r="A3" s="1">
        <v>1153.686471</v>
      </c>
      <c r="B3" s="1">
        <v>19.814668000000001</v>
      </c>
      <c r="C3" s="1">
        <v>7.920102</v>
      </c>
      <c r="D3">
        <f t="shared" ref="D3:D6" si="0">C3-$C$2</f>
        <v>5.0039999999995644E-3</v>
      </c>
      <c r="E3">
        <f t="shared" ref="E3:E6" si="1">A3-$A$2</f>
        <v>0.85558900000000904</v>
      </c>
      <c r="F3">
        <f t="shared" ref="F3:F66" si="2">(1/A3)*(E3/D3)</f>
        <v>0.14820405672232798</v>
      </c>
      <c r="G3" s="4">
        <f>G2*100</f>
        <v>4.102980890381378</v>
      </c>
    </row>
    <row r="4" spans="1:7" x14ac:dyDescent="0.2">
      <c r="A4">
        <v>1154.2474360000001</v>
      </c>
      <c r="B4">
        <v>19.873494999999998</v>
      </c>
      <c r="C4">
        <v>7.9251069999999997</v>
      </c>
      <c r="D4">
        <f t="shared" si="0"/>
        <v>1.0008999999999268E-2</v>
      </c>
      <c r="E4">
        <f t="shared" si="1"/>
        <v>1.4165540000001329</v>
      </c>
      <c r="F4">
        <f t="shared" si="2"/>
        <v>0.12261497869831411</v>
      </c>
    </row>
    <row r="5" spans="1:7" x14ac:dyDescent="0.2">
      <c r="A5">
        <v>1155.091823</v>
      </c>
      <c r="B5">
        <v>19.85801</v>
      </c>
      <c r="C5">
        <v>7.9301120000000003</v>
      </c>
      <c r="D5">
        <f t="shared" si="0"/>
        <v>1.5013999999999861E-2</v>
      </c>
      <c r="E5">
        <f t="shared" si="1"/>
        <v>2.2609410000000025</v>
      </c>
      <c r="F5">
        <f t="shared" si="2"/>
        <v>0.13036959262267153</v>
      </c>
    </row>
    <row r="6" spans="1:7" x14ac:dyDescent="0.2">
      <c r="A6">
        <v>1155.9237209999999</v>
      </c>
      <c r="B6">
        <v>19.876010000000001</v>
      </c>
      <c r="C6">
        <v>7.935117</v>
      </c>
      <c r="D6">
        <f t="shared" si="0"/>
        <v>2.0018999999999565E-2</v>
      </c>
      <c r="E6">
        <f t="shared" si="1"/>
        <v>3.0928389999999126</v>
      </c>
      <c r="F6">
        <f t="shared" si="2"/>
        <v>0.13365516839272354</v>
      </c>
    </row>
    <row r="7" spans="1:7" x14ac:dyDescent="0.2">
      <c r="A7">
        <v>1157.20541</v>
      </c>
      <c r="B7">
        <v>19.863322</v>
      </c>
      <c r="C7">
        <v>7.9401219999999997</v>
      </c>
      <c r="D7">
        <f t="shared" ref="D7:D70" si="3">C7-$C$2</f>
        <v>2.5023999999999269E-2</v>
      </c>
      <c r="E7">
        <f t="shared" ref="E7:E70" si="4">A7-$A$2</f>
        <v>4.3745280000000548</v>
      </c>
      <c r="F7">
        <f t="shared" si="2"/>
        <v>0.15106505528067302</v>
      </c>
    </row>
    <row r="8" spans="1:7" x14ac:dyDescent="0.2">
      <c r="A8">
        <v>1158.5017559999999</v>
      </c>
      <c r="B8">
        <v>19.894780000000001</v>
      </c>
      <c r="C8">
        <v>7.9451260000000001</v>
      </c>
      <c r="D8">
        <f t="shared" si="3"/>
        <v>3.0027999999999722E-2</v>
      </c>
      <c r="E8">
        <f t="shared" si="4"/>
        <v>5.6708739999999125</v>
      </c>
      <c r="F8">
        <f t="shared" si="2"/>
        <v>0.16301474700056912</v>
      </c>
    </row>
    <row r="9" spans="1:7" x14ac:dyDescent="0.2">
      <c r="A9">
        <v>1160.30699</v>
      </c>
      <c r="B9">
        <v>19.844719999999999</v>
      </c>
      <c r="C9">
        <v>7.9501309999999998</v>
      </c>
      <c r="D9">
        <f t="shared" si="3"/>
        <v>3.5032999999999426E-2</v>
      </c>
      <c r="E9">
        <f t="shared" si="4"/>
        <v>7.4761080000000675</v>
      </c>
      <c r="F9">
        <f t="shared" si="2"/>
        <v>0.18391846301736381</v>
      </c>
    </row>
    <row r="10" spans="1:7" x14ac:dyDescent="0.2">
      <c r="A10">
        <v>1162.245774</v>
      </c>
      <c r="B10">
        <v>19.851666999999999</v>
      </c>
      <c r="C10">
        <v>7.9551360000000004</v>
      </c>
      <c r="D10">
        <f t="shared" si="3"/>
        <v>4.0038000000000018E-2</v>
      </c>
      <c r="E10">
        <f t="shared" si="4"/>
        <v>9.4148920000000089</v>
      </c>
      <c r="F10">
        <f t="shared" si="2"/>
        <v>0.202322876793605</v>
      </c>
    </row>
    <row r="11" spans="1:7" x14ac:dyDescent="0.2">
      <c r="A11">
        <v>1163.8219879999999</v>
      </c>
      <c r="B11">
        <v>19.891696</v>
      </c>
      <c r="C11">
        <v>7.9601410000000001</v>
      </c>
      <c r="D11">
        <f t="shared" si="3"/>
        <v>4.5042999999999722E-2</v>
      </c>
      <c r="E11">
        <f t="shared" si="4"/>
        <v>10.991105999999945</v>
      </c>
      <c r="F11">
        <f t="shared" si="2"/>
        <v>0.20966576842064846</v>
      </c>
    </row>
    <row r="12" spans="1:7" x14ac:dyDescent="0.2">
      <c r="A12">
        <v>1165.2310070000001</v>
      </c>
      <c r="B12">
        <v>19.903663999999999</v>
      </c>
      <c r="C12">
        <v>7.9651459999999998</v>
      </c>
      <c r="D12">
        <f t="shared" si="3"/>
        <v>5.0047999999999426E-2</v>
      </c>
      <c r="E12">
        <f t="shared" si="4"/>
        <v>12.400125000000116</v>
      </c>
      <c r="F12">
        <f t="shared" si="2"/>
        <v>0.21263135331233324</v>
      </c>
    </row>
    <row r="13" spans="1:7" x14ac:dyDescent="0.2">
      <c r="A13">
        <v>1166.7248520000001</v>
      </c>
      <c r="B13">
        <v>19.891508999999999</v>
      </c>
      <c r="C13">
        <v>7.9701500000000003</v>
      </c>
      <c r="D13">
        <f t="shared" si="3"/>
        <v>5.5051999999999879E-2</v>
      </c>
      <c r="E13">
        <f t="shared" si="4"/>
        <v>13.893970000000081</v>
      </c>
      <c r="F13">
        <f t="shared" si="2"/>
        <v>0.21631408899544252</v>
      </c>
    </row>
    <row r="14" spans="1:7" x14ac:dyDescent="0.2">
      <c r="A14">
        <v>1168.210979</v>
      </c>
      <c r="B14">
        <v>19.894393000000001</v>
      </c>
      <c r="C14">
        <v>7.975155</v>
      </c>
      <c r="D14">
        <f t="shared" si="3"/>
        <v>6.0056999999999583E-2</v>
      </c>
      <c r="E14">
        <f t="shared" si="4"/>
        <v>15.380096999999978</v>
      </c>
      <c r="F14">
        <f t="shared" si="2"/>
        <v>0.219216962966265</v>
      </c>
    </row>
    <row r="15" spans="1:7" x14ac:dyDescent="0.2">
      <c r="A15">
        <v>1169.0709099999999</v>
      </c>
      <c r="B15">
        <v>19.961981000000002</v>
      </c>
      <c r="C15">
        <v>7.9801599999999997</v>
      </c>
      <c r="D15">
        <f t="shared" si="3"/>
        <v>6.5061999999999287E-2</v>
      </c>
      <c r="E15">
        <f t="shared" si="4"/>
        <v>16.240027999999938</v>
      </c>
      <c r="F15">
        <f t="shared" si="2"/>
        <v>0.21351014243526259</v>
      </c>
    </row>
    <row r="16" spans="1:7" x14ac:dyDescent="0.2">
      <c r="A16">
        <v>1169.6296620000001</v>
      </c>
      <c r="B16">
        <v>19.960792000000001</v>
      </c>
      <c r="C16">
        <v>7.9851650000000003</v>
      </c>
      <c r="D16">
        <f t="shared" si="3"/>
        <v>7.0066999999999879E-2</v>
      </c>
      <c r="E16">
        <f t="shared" si="4"/>
        <v>16.798780000000079</v>
      </c>
      <c r="F16">
        <f t="shared" si="2"/>
        <v>0.20498205650643156</v>
      </c>
    </row>
    <row r="17" spans="1:6" x14ac:dyDescent="0.2">
      <c r="A17">
        <v>1170.0638590000001</v>
      </c>
      <c r="B17">
        <v>19.966799999999999</v>
      </c>
      <c r="C17">
        <v>7.99017</v>
      </c>
      <c r="D17">
        <f t="shared" si="3"/>
        <v>7.5071999999999584E-2</v>
      </c>
      <c r="E17">
        <f t="shared" si="4"/>
        <v>17.232977000000119</v>
      </c>
      <c r="F17">
        <f t="shared" si="2"/>
        <v>0.19618814336594032</v>
      </c>
    </row>
    <row r="18" spans="1:6" x14ac:dyDescent="0.2">
      <c r="A18">
        <v>1170.6825020000001</v>
      </c>
      <c r="B18">
        <v>19.951602000000001</v>
      </c>
      <c r="C18">
        <v>7.9951739999999996</v>
      </c>
      <c r="D18">
        <f t="shared" si="3"/>
        <v>8.0075999999999148E-2</v>
      </c>
      <c r="E18">
        <f t="shared" si="4"/>
        <v>17.851620000000139</v>
      </c>
      <c r="F18">
        <f t="shared" si="2"/>
        <v>0.19043033685828051</v>
      </c>
    </row>
    <row r="19" spans="1:6" x14ac:dyDescent="0.2">
      <c r="A19">
        <v>1171.122261</v>
      </c>
      <c r="B19">
        <v>19.977027</v>
      </c>
      <c r="C19">
        <v>8.0001789999999993</v>
      </c>
      <c r="D19">
        <f t="shared" si="3"/>
        <v>8.5080999999998852E-2</v>
      </c>
      <c r="E19">
        <f t="shared" si="4"/>
        <v>18.291379000000006</v>
      </c>
      <c r="F19">
        <f t="shared" si="2"/>
        <v>0.18357419248844983</v>
      </c>
    </row>
    <row r="20" spans="1:6" x14ac:dyDescent="0.2">
      <c r="A20">
        <v>1171.436686</v>
      </c>
      <c r="B20">
        <v>19.967082999999999</v>
      </c>
      <c r="C20">
        <v>8.0051839999999999</v>
      </c>
      <c r="D20">
        <f t="shared" si="3"/>
        <v>9.0085999999999444E-2</v>
      </c>
      <c r="E20">
        <f t="shared" si="4"/>
        <v>18.605804000000035</v>
      </c>
      <c r="F20">
        <f t="shared" si="2"/>
        <v>0.17630812104732788</v>
      </c>
    </row>
    <row r="21" spans="1:6" x14ac:dyDescent="0.2">
      <c r="A21">
        <v>1171.9266259999999</v>
      </c>
      <c r="B21">
        <v>19.964257</v>
      </c>
      <c r="C21">
        <v>8.0101890000000004</v>
      </c>
      <c r="D21">
        <f t="shared" si="3"/>
        <v>9.5091000000000037E-2</v>
      </c>
      <c r="E21">
        <f t="shared" si="4"/>
        <v>19.095743999999968</v>
      </c>
      <c r="F21">
        <f t="shared" si="2"/>
        <v>0.17135498677177827</v>
      </c>
    </row>
    <row r="22" spans="1:6" x14ac:dyDescent="0.2">
      <c r="A22">
        <v>1172.390046</v>
      </c>
      <c r="B22">
        <v>19.97655</v>
      </c>
      <c r="C22">
        <v>8.0151939999999993</v>
      </c>
      <c r="D22">
        <f t="shared" si="3"/>
        <v>0.10009599999999885</v>
      </c>
      <c r="E22">
        <f t="shared" si="4"/>
        <v>19.55916400000001</v>
      </c>
      <c r="F22">
        <f t="shared" si="2"/>
        <v>0.16667153800619761</v>
      </c>
    </row>
    <row r="23" spans="1:6" x14ac:dyDescent="0.2">
      <c r="A23">
        <v>1172.648715</v>
      </c>
      <c r="B23">
        <v>19.979765</v>
      </c>
      <c r="C23">
        <v>8.0201980000000006</v>
      </c>
      <c r="D23">
        <f t="shared" si="3"/>
        <v>0.10510000000000019</v>
      </c>
      <c r="E23">
        <f t="shared" si="4"/>
        <v>19.817833000000064</v>
      </c>
      <c r="F23">
        <f t="shared" si="2"/>
        <v>0.16079980449249148</v>
      </c>
    </row>
    <row r="24" spans="1:6" x14ac:dyDescent="0.2">
      <c r="A24">
        <v>1172.4753040000001</v>
      </c>
      <c r="B24">
        <v>20.018068</v>
      </c>
      <c r="C24">
        <v>8.0252029999999994</v>
      </c>
      <c r="D24">
        <f t="shared" si="3"/>
        <v>0.11010499999999901</v>
      </c>
      <c r="E24">
        <f t="shared" si="4"/>
        <v>19.644422000000077</v>
      </c>
      <c r="F24">
        <f t="shared" si="2"/>
        <v>0.15216981404758187</v>
      </c>
    </row>
    <row r="25" spans="1:6" x14ac:dyDescent="0.2">
      <c r="A25">
        <v>1172.4011499999999</v>
      </c>
      <c r="B25">
        <v>20.008887000000001</v>
      </c>
      <c r="C25">
        <v>8.030208</v>
      </c>
      <c r="D25">
        <f t="shared" si="3"/>
        <v>0.1151099999999996</v>
      </c>
      <c r="E25">
        <f t="shared" si="4"/>
        <v>19.570267999999942</v>
      </c>
      <c r="F25">
        <f t="shared" si="2"/>
        <v>0.14501318235068758</v>
      </c>
    </row>
    <row r="26" spans="1:6" x14ac:dyDescent="0.2">
      <c r="A26">
        <v>1172.132314</v>
      </c>
      <c r="B26">
        <v>20.019165999999998</v>
      </c>
      <c r="C26">
        <v>8.0352130000000006</v>
      </c>
      <c r="D26">
        <f t="shared" si="3"/>
        <v>0.12011500000000019</v>
      </c>
      <c r="E26">
        <f t="shared" si="4"/>
        <v>19.301431999999977</v>
      </c>
      <c r="F26">
        <f t="shared" si="2"/>
        <v>0.13709311563730184</v>
      </c>
    </row>
    <row r="27" spans="1:6" x14ac:dyDescent="0.2">
      <c r="A27">
        <v>1172.066182</v>
      </c>
      <c r="B27">
        <v>19.990808000000001</v>
      </c>
      <c r="C27">
        <v>8.0402179999999994</v>
      </c>
      <c r="D27">
        <f t="shared" si="3"/>
        <v>0.12511999999999901</v>
      </c>
      <c r="E27">
        <f t="shared" si="4"/>
        <v>19.235300000000052</v>
      </c>
      <c r="F27">
        <f t="shared" si="2"/>
        <v>0.13116564315137516</v>
      </c>
    </row>
    <row r="28" spans="1:6" x14ac:dyDescent="0.2">
      <c r="A28">
        <v>1172.204277</v>
      </c>
      <c r="B28">
        <v>19.983787</v>
      </c>
      <c r="C28">
        <v>8.0452220000000008</v>
      </c>
      <c r="D28">
        <f t="shared" si="3"/>
        <v>0.13012400000000035</v>
      </c>
      <c r="E28">
        <f t="shared" si="4"/>
        <v>19.373395000000073</v>
      </c>
      <c r="F28">
        <f t="shared" si="2"/>
        <v>0.12701207953000651</v>
      </c>
    </row>
    <row r="29" spans="1:6" x14ac:dyDescent="0.2">
      <c r="A29">
        <v>1172.6356040000001</v>
      </c>
      <c r="B29">
        <v>19.955971999999999</v>
      </c>
      <c r="C29">
        <v>8.0502269999999996</v>
      </c>
      <c r="D29">
        <f t="shared" si="3"/>
        <v>0.13512899999999917</v>
      </c>
      <c r="E29">
        <f t="shared" si="4"/>
        <v>19.804722000000083</v>
      </c>
      <c r="F29">
        <f t="shared" si="2"/>
        <v>0.12498477463634264</v>
      </c>
    </row>
    <row r="30" spans="1:6" x14ac:dyDescent="0.2">
      <c r="A30">
        <v>1173.3137939999999</v>
      </c>
      <c r="B30">
        <v>19.946984</v>
      </c>
      <c r="C30">
        <v>8.0552320000000002</v>
      </c>
      <c r="D30">
        <f t="shared" si="3"/>
        <v>0.14013399999999976</v>
      </c>
      <c r="E30">
        <f t="shared" si="4"/>
        <v>20.482911999999942</v>
      </c>
      <c r="F30">
        <f t="shared" si="2"/>
        <v>0.12457589155141782</v>
      </c>
    </row>
    <row r="31" spans="1:6" x14ac:dyDescent="0.2">
      <c r="A31">
        <v>1174.1173940000001</v>
      </c>
      <c r="B31">
        <v>19.942997999999999</v>
      </c>
      <c r="C31">
        <v>8.0602370000000008</v>
      </c>
      <c r="D31">
        <f t="shared" si="3"/>
        <v>0.14513900000000035</v>
      </c>
      <c r="E31">
        <f t="shared" si="4"/>
        <v>21.28651200000013</v>
      </c>
      <c r="F31">
        <f t="shared" si="2"/>
        <v>0.12491334994118736</v>
      </c>
    </row>
    <row r="32" spans="1:6" x14ac:dyDescent="0.2">
      <c r="A32">
        <v>1174.717938</v>
      </c>
      <c r="B32">
        <v>19.96124</v>
      </c>
      <c r="C32">
        <v>8.0652419999999996</v>
      </c>
      <c r="D32">
        <f t="shared" si="3"/>
        <v>0.15014399999999917</v>
      </c>
      <c r="E32">
        <f t="shared" si="4"/>
        <v>21.88705600000003</v>
      </c>
      <c r="F32">
        <f t="shared" si="2"/>
        <v>0.12409256651137343</v>
      </c>
    </row>
    <row r="33" spans="1:6" x14ac:dyDescent="0.2">
      <c r="A33">
        <v>1175.2379189999999</v>
      </c>
      <c r="B33">
        <v>19.953084</v>
      </c>
      <c r="C33">
        <v>8.0702459999999991</v>
      </c>
      <c r="D33">
        <f t="shared" si="3"/>
        <v>0.15514799999999873</v>
      </c>
      <c r="E33">
        <f t="shared" si="4"/>
        <v>22.407036999999946</v>
      </c>
      <c r="F33">
        <f t="shared" si="2"/>
        <v>0.12288884269899039</v>
      </c>
    </row>
    <row r="34" spans="1:6" x14ac:dyDescent="0.2">
      <c r="A34">
        <v>1175.677981</v>
      </c>
      <c r="B34">
        <v>19.975553999999999</v>
      </c>
      <c r="C34">
        <v>8.0752509999999997</v>
      </c>
      <c r="D34">
        <f t="shared" si="3"/>
        <v>0.16015299999999932</v>
      </c>
      <c r="E34">
        <f t="shared" si="4"/>
        <v>22.847099000000071</v>
      </c>
      <c r="F34">
        <f t="shared" si="2"/>
        <v>0.1213410086680201</v>
      </c>
    </row>
    <row r="35" spans="1:6" x14ac:dyDescent="0.2">
      <c r="A35">
        <v>1176.085235</v>
      </c>
      <c r="B35">
        <v>19.968565000000002</v>
      </c>
      <c r="C35">
        <v>8.0802560000000003</v>
      </c>
      <c r="D35">
        <f t="shared" si="3"/>
        <v>0.16515799999999992</v>
      </c>
      <c r="E35">
        <f t="shared" si="4"/>
        <v>23.254353000000037</v>
      </c>
      <c r="F35">
        <f t="shared" si="2"/>
        <v>0.11971976286442047</v>
      </c>
    </row>
    <row r="36" spans="1:6" x14ac:dyDescent="0.2">
      <c r="A36">
        <v>1176.4695429999999</v>
      </c>
      <c r="B36">
        <v>19.964531999999998</v>
      </c>
      <c r="C36">
        <v>8.0852609999999991</v>
      </c>
      <c r="D36">
        <f t="shared" si="3"/>
        <v>0.17016299999999873</v>
      </c>
      <c r="E36">
        <f t="shared" si="4"/>
        <v>23.638660999999956</v>
      </c>
      <c r="F36">
        <f t="shared" si="2"/>
        <v>0.11808019194254381</v>
      </c>
    </row>
    <row r="37" spans="1:6" x14ac:dyDescent="0.2">
      <c r="A37">
        <v>1177.0045709999999</v>
      </c>
      <c r="B37">
        <v>19.962060000000001</v>
      </c>
      <c r="C37">
        <v>8.0902659999999997</v>
      </c>
      <c r="D37">
        <f t="shared" si="3"/>
        <v>0.17516799999999932</v>
      </c>
      <c r="E37">
        <f t="shared" si="4"/>
        <v>24.173688999999968</v>
      </c>
      <c r="F37">
        <f t="shared" si="2"/>
        <v>0.11724923279559404</v>
      </c>
    </row>
    <row r="38" spans="1:6" x14ac:dyDescent="0.2">
      <c r="A38">
        <v>1177.3319630000001</v>
      </c>
      <c r="B38">
        <v>20.002737</v>
      </c>
      <c r="C38">
        <v>8.0952699999999993</v>
      </c>
      <c r="D38">
        <f t="shared" si="3"/>
        <v>0.18017199999999889</v>
      </c>
      <c r="E38">
        <f t="shared" si="4"/>
        <v>24.501081000000113</v>
      </c>
      <c r="F38">
        <f t="shared" si="2"/>
        <v>0.11550452857931316</v>
      </c>
    </row>
    <row r="39" spans="1:6" x14ac:dyDescent="0.2">
      <c r="A39">
        <v>1176.912437</v>
      </c>
      <c r="B39">
        <v>20.038498000000001</v>
      </c>
      <c r="C39">
        <v>8.1002749999999999</v>
      </c>
      <c r="D39">
        <f t="shared" si="3"/>
        <v>0.18517699999999948</v>
      </c>
      <c r="E39">
        <f t="shared" si="4"/>
        <v>24.08155499999998</v>
      </c>
      <c r="F39">
        <f t="shared" si="2"/>
        <v>0.11049772349343524</v>
      </c>
    </row>
    <row r="40" spans="1:6" x14ac:dyDescent="0.2">
      <c r="A40">
        <v>1176.023625</v>
      </c>
      <c r="B40">
        <v>20.066566999999999</v>
      </c>
      <c r="C40">
        <v>8.1052800000000005</v>
      </c>
      <c r="D40">
        <f t="shared" si="3"/>
        <v>0.19018200000000007</v>
      </c>
      <c r="E40">
        <f t="shared" si="4"/>
        <v>23.192743000000064</v>
      </c>
      <c r="F40">
        <f t="shared" si="2"/>
        <v>0.10369711145524689</v>
      </c>
    </row>
    <row r="41" spans="1:6" x14ac:dyDescent="0.2">
      <c r="A41">
        <v>1175.3293920000001</v>
      </c>
      <c r="B41">
        <v>20.037769000000001</v>
      </c>
      <c r="C41">
        <v>8.1102849999999993</v>
      </c>
      <c r="D41">
        <f t="shared" si="3"/>
        <v>0.19518699999999889</v>
      </c>
      <c r="E41">
        <f t="shared" si="4"/>
        <v>22.498510000000124</v>
      </c>
      <c r="F41">
        <f t="shared" si="2"/>
        <v>9.8071602383302384E-2</v>
      </c>
    </row>
    <row r="42" spans="1:6" x14ac:dyDescent="0.2">
      <c r="A42">
        <v>1174.7967309999999</v>
      </c>
      <c r="B42">
        <v>20.041187999999998</v>
      </c>
      <c r="C42">
        <v>8.1152899999999999</v>
      </c>
      <c r="D42">
        <f t="shared" si="3"/>
        <v>0.20019199999999948</v>
      </c>
      <c r="E42">
        <f t="shared" si="4"/>
        <v>21.965848999999935</v>
      </c>
      <c r="F42">
        <f t="shared" si="2"/>
        <v>9.3398208516427564E-2</v>
      </c>
    </row>
    <row r="43" spans="1:6" x14ac:dyDescent="0.2">
      <c r="A43">
        <v>1174.0579600000001</v>
      </c>
      <c r="B43">
        <v>20.067094000000001</v>
      </c>
      <c r="C43">
        <v>8.1202939999999995</v>
      </c>
      <c r="D43">
        <f t="shared" si="3"/>
        <v>0.20519599999999905</v>
      </c>
      <c r="E43">
        <f t="shared" si="4"/>
        <v>21.22707800000012</v>
      </c>
      <c r="F43">
        <f t="shared" si="2"/>
        <v>8.8111336297993934E-2</v>
      </c>
    </row>
    <row r="44" spans="1:6" x14ac:dyDescent="0.2">
      <c r="A44">
        <v>1172.6738290000001</v>
      </c>
      <c r="B44">
        <v>20.104994000000001</v>
      </c>
      <c r="C44">
        <v>8.125299</v>
      </c>
      <c r="D44">
        <f t="shared" si="3"/>
        <v>0.21020099999999964</v>
      </c>
      <c r="E44">
        <f t="shared" si="4"/>
        <v>19.842947000000095</v>
      </c>
      <c r="F44">
        <f t="shared" si="2"/>
        <v>8.0499681423840383E-2</v>
      </c>
    </row>
    <row r="45" spans="1:6" x14ac:dyDescent="0.2">
      <c r="A45">
        <v>1171.6431279999999</v>
      </c>
      <c r="B45">
        <v>20.064278999999999</v>
      </c>
      <c r="C45">
        <v>8.1303040000000006</v>
      </c>
      <c r="D45">
        <f t="shared" si="3"/>
        <v>0.21520600000000023</v>
      </c>
      <c r="E45">
        <f t="shared" si="4"/>
        <v>18.812245999999959</v>
      </c>
      <c r="F45">
        <f t="shared" si="2"/>
        <v>7.4608949336200811E-2</v>
      </c>
    </row>
    <row r="46" spans="1:6" x14ac:dyDescent="0.2">
      <c r="A46">
        <v>1171.051788</v>
      </c>
      <c r="B46">
        <v>20.029775000000001</v>
      </c>
      <c r="C46">
        <v>8.1353089999999995</v>
      </c>
      <c r="D46">
        <f t="shared" si="3"/>
        <v>0.22021099999999905</v>
      </c>
      <c r="E46">
        <f t="shared" si="4"/>
        <v>18.220906000000014</v>
      </c>
      <c r="F46">
        <f t="shared" si="2"/>
        <v>7.0656945187585585E-2</v>
      </c>
    </row>
    <row r="47" spans="1:6" x14ac:dyDescent="0.2">
      <c r="A47">
        <v>1170.98578</v>
      </c>
      <c r="B47">
        <v>19.991139</v>
      </c>
      <c r="C47">
        <v>8.140314</v>
      </c>
      <c r="D47">
        <f t="shared" si="3"/>
        <v>0.22521599999999964</v>
      </c>
      <c r="E47">
        <f t="shared" si="4"/>
        <v>18.154898000000003</v>
      </c>
      <c r="F47">
        <f t="shared" si="2"/>
        <v>6.8840331219534603E-2</v>
      </c>
    </row>
    <row r="48" spans="1:6" x14ac:dyDescent="0.2">
      <c r="A48">
        <v>1171.1812709999999</v>
      </c>
      <c r="B48">
        <v>19.984005</v>
      </c>
      <c r="C48">
        <v>8.1453179999999996</v>
      </c>
      <c r="D48">
        <f t="shared" si="3"/>
        <v>0.2302199999999992</v>
      </c>
      <c r="E48">
        <f t="shared" si="4"/>
        <v>18.35038899999995</v>
      </c>
      <c r="F48">
        <f t="shared" si="2"/>
        <v>6.8057831425318002E-2</v>
      </c>
    </row>
    <row r="49" spans="1:6" x14ac:dyDescent="0.2">
      <c r="A49">
        <v>1172.0396920000001</v>
      </c>
      <c r="B49">
        <v>19.907636</v>
      </c>
      <c r="C49">
        <v>8.1503230000000002</v>
      </c>
      <c r="D49">
        <f t="shared" si="3"/>
        <v>0.2352249999999998</v>
      </c>
      <c r="E49">
        <f t="shared" si="4"/>
        <v>19.208810000000085</v>
      </c>
      <c r="F49">
        <f t="shared" si="2"/>
        <v>6.9674628856531154E-2</v>
      </c>
    </row>
    <row r="50" spans="1:6" x14ac:dyDescent="0.2">
      <c r="A50">
        <v>1173.3446260000001</v>
      </c>
      <c r="B50">
        <v>19.890235000000001</v>
      </c>
      <c r="C50">
        <v>8.1553280000000008</v>
      </c>
      <c r="D50">
        <f t="shared" si="3"/>
        <v>0.24023000000000039</v>
      </c>
      <c r="E50">
        <f t="shared" si="4"/>
        <v>20.513744000000088</v>
      </c>
      <c r="F50">
        <f t="shared" si="2"/>
        <v>7.2776656871337858E-2</v>
      </c>
    </row>
    <row r="51" spans="1:6" x14ac:dyDescent="0.2">
      <c r="A51">
        <v>1174.8970159999999</v>
      </c>
      <c r="B51">
        <v>19.890566</v>
      </c>
      <c r="C51">
        <v>8.1603329999999996</v>
      </c>
      <c r="D51">
        <f t="shared" si="3"/>
        <v>0.2452349999999992</v>
      </c>
      <c r="E51">
        <f t="shared" si="4"/>
        <v>22.06613399999992</v>
      </c>
      <c r="F51">
        <f t="shared" si="2"/>
        <v>7.6585049518596765E-2</v>
      </c>
    </row>
    <row r="52" spans="1:6" x14ac:dyDescent="0.2">
      <c r="A52">
        <v>1176.2349449999999</v>
      </c>
      <c r="B52">
        <v>19.906759999999998</v>
      </c>
      <c r="C52">
        <v>8.1653380000000002</v>
      </c>
      <c r="D52">
        <f t="shared" si="3"/>
        <v>0.2502399999999998</v>
      </c>
      <c r="E52">
        <f t="shared" si="4"/>
        <v>23.404062999999951</v>
      </c>
      <c r="F52">
        <f t="shared" si="2"/>
        <v>7.9513422883445692E-2</v>
      </c>
    </row>
    <row r="53" spans="1:6" x14ac:dyDescent="0.2">
      <c r="A53">
        <v>1177.811719</v>
      </c>
      <c r="B53">
        <v>19.880289000000001</v>
      </c>
      <c r="C53">
        <v>8.1703419999999998</v>
      </c>
      <c r="D53">
        <f t="shared" si="3"/>
        <v>0.25524399999999936</v>
      </c>
      <c r="E53">
        <f t="shared" si="4"/>
        <v>24.980837000000065</v>
      </c>
      <c r="F53">
        <f t="shared" si="2"/>
        <v>8.3095130173119619E-2</v>
      </c>
    </row>
    <row r="54" spans="1:6" x14ac:dyDescent="0.2">
      <c r="A54">
        <v>1179.4031629999999</v>
      </c>
      <c r="B54">
        <v>19.892786000000001</v>
      </c>
      <c r="C54">
        <v>8.1753470000000004</v>
      </c>
      <c r="D54">
        <f t="shared" si="3"/>
        <v>0.26024899999999995</v>
      </c>
      <c r="E54">
        <f t="shared" si="4"/>
        <v>26.572280999999975</v>
      </c>
      <c r="F54">
        <f t="shared" si="2"/>
        <v>8.6572005595754439E-2</v>
      </c>
    </row>
    <row r="55" spans="1:6" x14ac:dyDescent="0.2">
      <c r="A55">
        <v>1181.169652</v>
      </c>
      <c r="B55">
        <v>19.864349000000001</v>
      </c>
      <c r="C55">
        <v>8.1803519999999992</v>
      </c>
      <c r="D55">
        <f t="shared" si="3"/>
        <v>0.26525399999999877</v>
      </c>
      <c r="E55">
        <f t="shared" si="4"/>
        <v>28.338770000000068</v>
      </c>
      <c r="F55">
        <f t="shared" si="2"/>
        <v>9.0449625842947412E-2</v>
      </c>
    </row>
    <row r="56" spans="1:6" x14ac:dyDescent="0.2">
      <c r="A56">
        <v>1182.6743899999999</v>
      </c>
      <c r="B56">
        <v>19.905232000000002</v>
      </c>
      <c r="C56">
        <v>8.1853569999999998</v>
      </c>
      <c r="D56">
        <f t="shared" si="3"/>
        <v>0.27025899999999936</v>
      </c>
      <c r="E56">
        <f t="shared" si="4"/>
        <v>29.843507999999929</v>
      </c>
      <c r="F56">
        <f t="shared" si="2"/>
        <v>9.3369388295342456E-2</v>
      </c>
    </row>
    <row r="57" spans="1:6" x14ac:dyDescent="0.2">
      <c r="A57">
        <v>1183.8121860000001</v>
      </c>
      <c r="B57">
        <v>19.916228</v>
      </c>
      <c r="C57">
        <v>8.1903620000000004</v>
      </c>
      <c r="D57">
        <f t="shared" si="3"/>
        <v>0.27526399999999995</v>
      </c>
      <c r="E57">
        <f t="shared" si="4"/>
        <v>30.981304000000137</v>
      </c>
      <c r="F57">
        <f t="shared" si="2"/>
        <v>9.5075248772753362E-2</v>
      </c>
    </row>
    <row r="58" spans="1:6" x14ac:dyDescent="0.2">
      <c r="A58">
        <v>1184.913947</v>
      </c>
      <c r="B58">
        <v>19.928381000000002</v>
      </c>
      <c r="C58">
        <v>8.1953659999999999</v>
      </c>
      <c r="D58">
        <f t="shared" si="3"/>
        <v>0.28026799999999952</v>
      </c>
      <c r="E58">
        <f t="shared" si="4"/>
        <v>32.083065000000033</v>
      </c>
      <c r="F58">
        <f t="shared" si="2"/>
        <v>9.6608541454971969E-2</v>
      </c>
    </row>
    <row r="59" spans="1:6" x14ac:dyDescent="0.2">
      <c r="A59">
        <v>1185.474917</v>
      </c>
      <c r="B59">
        <v>19.985113999999999</v>
      </c>
      <c r="C59">
        <v>8.2003710000000005</v>
      </c>
      <c r="D59">
        <f t="shared" si="3"/>
        <v>0.28527300000000011</v>
      </c>
      <c r="E59">
        <f t="shared" si="4"/>
        <v>32.644035000000031</v>
      </c>
      <c r="F59">
        <f t="shared" si="2"/>
        <v>9.6527441722969939E-2</v>
      </c>
    </row>
    <row r="60" spans="1:6" x14ac:dyDescent="0.2">
      <c r="A60">
        <v>1185.1989819999999</v>
      </c>
      <c r="B60">
        <v>20.039080999999999</v>
      </c>
      <c r="C60">
        <v>8.2053759999999993</v>
      </c>
      <c r="D60">
        <f t="shared" si="3"/>
        <v>0.29027799999999893</v>
      </c>
      <c r="E60">
        <f t="shared" si="4"/>
        <v>32.368099999999913</v>
      </c>
      <c r="F60">
        <f t="shared" si="2"/>
        <v>9.4083142554659133E-2</v>
      </c>
    </row>
    <row r="61" spans="1:6" x14ac:dyDescent="0.2">
      <c r="A61">
        <v>1184.9057299999999</v>
      </c>
      <c r="B61">
        <v>20.010282</v>
      </c>
      <c r="C61">
        <v>8.2103809999999999</v>
      </c>
      <c r="D61">
        <f t="shared" si="3"/>
        <v>0.29528299999999952</v>
      </c>
      <c r="E61">
        <f t="shared" si="4"/>
        <v>32.074847999999974</v>
      </c>
      <c r="F61">
        <f t="shared" si="2"/>
        <v>9.1673193967448316E-2</v>
      </c>
    </row>
    <row r="62" spans="1:6" x14ac:dyDescent="0.2">
      <c r="A62">
        <v>1184.654493</v>
      </c>
      <c r="B62">
        <v>20.029705</v>
      </c>
      <c r="C62">
        <v>8.2153860000000005</v>
      </c>
      <c r="D62">
        <f t="shared" si="3"/>
        <v>0.30028800000000011</v>
      </c>
      <c r="E62">
        <f t="shared" si="4"/>
        <v>31.823611000000028</v>
      </c>
      <c r="F62">
        <f t="shared" si="2"/>
        <v>8.9458121395488394E-2</v>
      </c>
    </row>
    <row r="63" spans="1:6" x14ac:dyDescent="0.2">
      <c r="A63">
        <v>1183.8142130000001</v>
      </c>
      <c r="B63">
        <v>20.059470000000001</v>
      </c>
      <c r="C63">
        <v>8.2203900000000001</v>
      </c>
      <c r="D63">
        <f t="shared" si="3"/>
        <v>0.30529199999999967</v>
      </c>
      <c r="E63">
        <f t="shared" si="4"/>
        <v>30.983331000000135</v>
      </c>
      <c r="F63">
        <f t="shared" si="2"/>
        <v>8.5729271415080313E-2</v>
      </c>
    </row>
    <row r="64" spans="1:6" x14ac:dyDescent="0.2">
      <c r="A64">
        <v>1182.387475</v>
      </c>
      <c r="B64">
        <v>20.128115000000001</v>
      </c>
      <c r="C64">
        <v>8.2253950000000007</v>
      </c>
      <c r="D64">
        <f t="shared" si="3"/>
        <v>0.31029700000000027</v>
      </c>
      <c r="E64">
        <f t="shared" si="4"/>
        <v>29.556593000000021</v>
      </c>
      <c r="F64">
        <f t="shared" si="2"/>
        <v>8.0559539300176522E-2</v>
      </c>
    </row>
    <row r="65" spans="1:6" x14ac:dyDescent="0.2">
      <c r="A65">
        <v>1180.2287879999999</v>
      </c>
      <c r="B65">
        <v>20.150569000000001</v>
      </c>
      <c r="C65">
        <v>8.2303999999999995</v>
      </c>
      <c r="D65">
        <f t="shared" si="3"/>
        <v>0.31530199999999908</v>
      </c>
      <c r="E65">
        <f t="shared" si="4"/>
        <v>27.397905999999921</v>
      </c>
      <c r="F65">
        <f t="shared" si="2"/>
        <v>7.3624853236874163E-2</v>
      </c>
    </row>
    <row r="66" spans="1:6" x14ac:dyDescent="0.2">
      <c r="A66">
        <v>1178.029771</v>
      </c>
      <c r="B66">
        <v>20.159693000000001</v>
      </c>
      <c r="C66">
        <v>8.2354050000000001</v>
      </c>
      <c r="D66">
        <f t="shared" si="3"/>
        <v>0.32030699999999968</v>
      </c>
      <c r="E66">
        <f t="shared" si="4"/>
        <v>25.198889000000008</v>
      </c>
      <c r="F66">
        <f t="shared" si="2"/>
        <v>6.6781888726518593E-2</v>
      </c>
    </row>
    <row r="67" spans="1:6" x14ac:dyDescent="0.2">
      <c r="A67">
        <v>1176.2116619999999</v>
      </c>
      <c r="B67">
        <v>20.125684</v>
      </c>
      <c r="C67">
        <v>8.2404100000000007</v>
      </c>
      <c r="D67">
        <f t="shared" si="3"/>
        <v>0.32531200000000027</v>
      </c>
      <c r="E67">
        <f t="shared" si="4"/>
        <v>23.380779999999959</v>
      </c>
      <c r="F67">
        <f t="shared" ref="F67:F130" si="5">(1/A67)*(E67/D67)</f>
        <v>6.1104533197949881E-2</v>
      </c>
    </row>
    <row r="68" spans="1:6" x14ac:dyDescent="0.2">
      <c r="A68">
        <v>1174.665761</v>
      </c>
      <c r="B68">
        <v>20.092044000000001</v>
      </c>
      <c r="C68">
        <v>8.2454140000000002</v>
      </c>
      <c r="D68">
        <f t="shared" si="3"/>
        <v>0.33031599999999983</v>
      </c>
      <c r="E68">
        <f t="shared" si="4"/>
        <v>21.834879000000001</v>
      </c>
      <c r="F68">
        <f t="shared" si="5"/>
        <v>5.6273881101389041E-2</v>
      </c>
    </row>
    <row r="69" spans="1:6" x14ac:dyDescent="0.2">
      <c r="A69">
        <v>1172.9950220000001</v>
      </c>
      <c r="B69">
        <v>20.139602</v>
      </c>
      <c r="C69">
        <v>8.2504190000000008</v>
      </c>
      <c r="D69">
        <f t="shared" si="3"/>
        <v>0.33532100000000042</v>
      </c>
      <c r="E69">
        <f t="shared" si="4"/>
        <v>20.164140000000089</v>
      </c>
      <c r="F69">
        <f t="shared" si="5"/>
        <v>5.1265214918146548E-2</v>
      </c>
    </row>
    <row r="70" spans="1:6" x14ac:dyDescent="0.2">
      <c r="A70">
        <v>1171.809939</v>
      </c>
      <c r="B70">
        <v>20.065504000000001</v>
      </c>
      <c r="C70">
        <v>8.2554239999999997</v>
      </c>
      <c r="D70">
        <f t="shared" si="3"/>
        <v>0.34032599999999924</v>
      </c>
      <c r="E70">
        <f t="shared" si="4"/>
        <v>18.979057000000012</v>
      </c>
      <c r="F70">
        <f t="shared" si="5"/>
        <v>4.7590725288618706E-2</v>
      </c>
    </row>
    <row r="71" spans="1:6" x14ac:dyDescent="0.2">
      <c r="A71">
        <v>1171.2016590000001</v>
      </c>
      <c r="B71">
        <v>20.033563999999998</v>
      </c>
      <c r="C71">
        <v>8.2604290000000002</v>
      </c>
      <c r="D71">
        <f t="shared" ref="D71:D134" si="6">C71-$C$2</f>
        <v>0.34533099999999983</v>
      </c>
      <c r="E71">
        <f t="shared" ref="E71:E134" si="7">A71-$A$2</f>
        <v>18.370777000000089</v>
      </c>
      <c r="F71">
        <f t="shared" si="5"/>
        <v>4.5421375327950743E-2</v>
      </c>
    </row>
    <row r="72" spans="1:6" x14ac:dyDescent="0.2">
      <c r="A72">
        <v>1171.4113</v>
      </c>
      <c r="B72">
        <v>19.958507000000001</v>
      </c>
      <c r="C72">
        <v>8.2654340000000008</v>
      </c>
      <c r="D72">
        <f t="shared" si="6"/>
        <v>0.35033600000000042</v>
      </c>
      <c r="E72">
        <f t="shared" si="7"/>
        <v>18.580418000000009</v>
      </c>
      <c r="F72">
        <f t="shared" si="5"/>
        <v>4.5275296573604885E-2</v>
      </c>
    </row>
    <row r="73" spans="1:6" x14ac:dyDescent="0.2">
      <c r="A73">
        <v>1172.025607</v>
      </c>
      <c r="B73">
        <v>19.945188000000002</v>
      </c>
      <c r="C73">
        <v>8.2704380000000004</v>
      </c>
      <c r="D73">
        <f t="shared" si="6"/>
        <v>0.35533999999999999</v>
      </c>
      <c r="E73">
        <f t="shared" si="7"/>
        <v>19.194725000000062</v>
      </c>
      <c r="F73">
        <f t="shared" si="5"/>
        <v>4.608936195530236E-2</v>
      </c>
    </row>
    <row r="74" spans="1:6" x14ac:dyDescent="0.2">
      <c r="A74">
        <v>1173.098289</v>
      </c>
      <c r="B74">
        <v>19.893181999999999</v>
      </c>
      <c r="C74">
        <v>8.2754429999999992</v>
      </c>
      <c r="D74">
        <f t="shared" si="6"/>
        <v>0.36034499999999881</v>
      </c>
      <c r="E74">
        <f t="shared" si="7"/>
        <v>20.267407000000048</v>
      </c>
      <c r="F74">
        <f t="shared" si="5"/>
        <v>4.7945216843428715E-2</v>
      </c>
    </row>
    <row r="75" spans="1:6" x14ac:dyDescent="0.2">
      <c r="A75">
        <v>1174.928829</v>
      </c>
      <c r="B75">
        <v>19.841242999999999</v>
      </c>
      <c r="C75">
        <v>8.2804479999999998</v>
      </c>
      <c r="D75">
        <f t="shared" si="6"/>
        <v>0.3653499999999994</v>
      </c>
      <c r="E75">
        <f t="shared" si="7"/>
        <v>22.097946999999976</v>
      </c>
      <c r="F75">
        <f t="shared" si="5"/>
        <v>5.147913677001606E-2</v>
      </c>
    </row>
    <row r="76" spans="1:6" x14ac:dyDescent="0.2">
      <c r="A76">
        <v>1177.420263</v>
      </c>
      <c r="B76">
        <v>19.824940000000002</v>
      </c>
      <c r="C76">
        <v>8.2854530000000004</v>
      </c>
      <c r="D76">
        <f t="shared" si="6"/>
        <v>0.37035499999999999</v>
      </c>
      <c r="E76">
        <f t="shared" si="7"/>
        <v>24.589381000000003</v>
      </c>
      <c r="F76">
        <f t="shared" si="5"/>
        <v>5.6389452552243258E-2</v>
      </c>
    </row>
    <row r="77" spans="1:6" x14ac:dyDescent="0.2">
      <c r="A77">
        <v>1179.751816</v>
      </c>
      <c r="B77">
        <v>19.848496999999998</v>
      </c>
      <c r="C77">
        <v>8.2904579999999992</v>
      </c>
      <c r="D77">
        <f t="shared" si="6"/>
        <v>0.37535999999999881</v>
      </c>
      <c r="E77">
        <f t="shared" si="7"/>
        <v>26.920933999999988</v>
      </c>
      <c r="F77">
        <f t="shared" si="5"/>
        <v>6.0792706454903554E-2</v>
      </c>
    </row>
    <row r="78" spans="1:6" x14ac:dyDescent="0.2">
      <c r="A78">
        <v>1181.546797</v>
      </c>
      <c r="B78">
        <v>19.882953000000001</v>
      </c>
      <c r="C78">
        <v>8.2954620000000006</v>
      </c>
      <c r="D78">
        <f t="shared" si="6"/>
        <v>0.38036400000000015</v>
      </c>
      <c r="E78">
        <f t="shared" si="7"/>
        <v>28.715914999999995</v>
      </c>
      <c r="F78">
        <f t="shared" si="5"/>
        <v>6.3895802056890272E-2</v>
      </c>
    </row>
    <row r="79" spans="1:6" x14ac:dyDescent="0.2">
      <c r="A79">
        <v>1183.300982</v>
      </c>
      <c r="B79">
        <v>19.853739000000001</v>
      </c>
      <c r="C79">
        <v>8.3004669999999994</v>
      </c>
      <c r="D79">
        <f t="shared" si="6"/>
        <v>0.38536899999999896</v>
      </c>
      <c r="E79">
        <f t="shared" si="7"/>
        <v>30.470100000000002</v>
      </c>
      <c r="F79">
        <f t="shared" si="5"/>
        <v>6.6819293371375085E-2</v>
      </c>
    </row>
    <row r="80" spans="1:6" x14ac:dyDescent="0.2">
      <c r="A80">
        <v>1185.229558</v>
      </c>
      <c r="B80">
        <v>19.887968999999998</v>
      </c>
      <c r="C80">
        <v>8.305472</v>
      </c>
      <c r="D80">
        <f t="shared" si="6"/>
        <v>0.39037399999999955</v>
      </c>
      <c r="E80">
        <f t="shared" si="7"/>
        <v>32.398676000000023</v>
      </c>
      <c r="F80">
        <f t="shared" si="5"/>
        <v>7.0023514504299528E-2</v>
      </c>
    </row>
    <row r="81" spans="1:6" x14ac:dyDescent="0.2">
      <c r="A81">
        <v>1186.028057</v>
      </c>
      <c r="B81">
        <v>19.955279000000001</v>
      </c>
      <c r="C81">
        <v>8.3104770000000006</v>
      </c>
      <c r="D81">
        <f t="shared" si="6"/>
        <v>0.39537900000000015</v>
      </c>
      <c r="E81">
        <f t="shared" si="7"/>
        <v>33.197175000000016</v>
      </c>
      <c r="F81">
        <f t="shared" si="5"/>
        <v>7.0793366672581542E-2</v>
      </c>
    </row>
    <row r="82" spans="1:6" x14ac:dyDescent="0.2">
      <c r="A82">
        <v>1186.636681</v>
      </c>
      <c r="B82">
        <v>19.970835999999998</v>
      </c>
      <c r="C82">
        <v>8.3154819999999994</v>
      </c>
      <c r="D82">
        <f t="shared" si="6"/>
        <v>0.40038399999999896</v>
      </c>
      <c r="E82">
        <f t="shared" si="7"/>
        <v>33.805798999999979</v>
      </c>
      <c r="F82">
        <f t="shared" si="5"/>
        <v>7.1153574424402746E-2</v>
      </c>
    </row>
    <row r="83" spans="1:6" x14ac:dyDescent="0.2">
      <c r="A83">
        <v>1186.7370659999999</v>
      </c>
      <c r="B83">
        <v>20.004940000000001</v>
      </c>
      <c r="C83">
        <v>8.3204860000000007</v>
      </c>
      <c r="D83">
        <f t="shared" si="6"/>
        <v>0.4053880000000003</v>
      </c>
      <c r="E83">
        <f t="shared" si="7"/>
        <v>33.906183999999939</v>
      </c>
      <c r="F83">
        <f t="shared" si="5"/>
        <v>7.04779914248235E-2</v>
      </c>
    </row>
    <row r="84" spans="1:6" x14ac:dyDescent="0.2">
      <c r="A84">
        <v>1186.2197920000001</v>
      </c>
      <c r="B84">
        <v>20.036014000000002</v>
      </c>
      <c r="C84">
        <v>8.3254909999999995</v>
      </c>
      <c r="D84">
        <f t="shared" si="6"/>
        <v>0.41039299999999912</v>
      </c>
      <c r="E84">
        <f t="shared" si="7"/>
        <v>33.388910000000124</v>
      </c>
      <c r="F84">
        <f t="shared" si="5"/>
        <v>6.858626151558081E-2</v>
      </c>
    </row>
    <row r="85" spans="1:6" x14ac:dyDescent="0.2">
      <c r="A85">
        <v>1185.6906819999999</v>
      </c>
      <c r="B85">
        <v>20.036729000000001</v>
      </c>
      <c r="C85">
        <v>8.3304960000000001</v>
      </c>
      <c r="D85">
        <f t="shared" si="6"/>
        <v>0.41539799999999971</v>
      </c>
      <c r="E85">
        <f t="shared" si="7"/>
        <v>32.85979999999995</v>
      </c>
      <c r="F85">
        <f t="shared" si="5"/>
        <v>6.6715862921077757E-2</v>
      </c>
    </row>
    <row r="86" spans="1:6" x14ac:dyDescent="0.2">
      <c r="A86">
        <v>1184.534502</v>
      </c>
      <c r="B86">
        <v>20.09685</v>
      </c>
      <c r="C86">
        <v>8.3355010000000007</v>
      </c>
      <c r="D86">
        <f t="shared" si="6"/>
        <v>0.4204030000000003</v>
      </c>
      <c r="E86">
        <f t="shared" si="7"/>
        <v>31.703620000000001</v>
      </c>
      <c r="F86">
        <f t="shared" si="5"/>
        <v>6.3664206788124456E-2</v>
      </c>
    </row>
    <row r="87" spans="1:6" x14ac:dyDescent="0.2">
      <c r="A87">
        <v>1183.3735730000001</v>
      </c>
      <c r="B87">
        <v>20.087955000000001</v>
      </c>
      <c r="C87">
        <v>8.3405059999999995</v>
      </c>
      <c r="D87">
        <f t="shared" si="6"/>
        <v>0.42540799999999912</v>
      </c>
      <c r="E87">
        <f t="shared" si="7"/>
        <v>30.542691000000104</v>
      </c>
      <c r="F87">
        <f t="shared" si="5"/>
        <v>6.0670808061421944E-2</v>
      </c>
    </row>
    <row r="88" spans="1:6" x14ac:dyDescent="0.2">
      <c r="A88">
        <v>1181.8649539999999</v>
      </c>
      <c r="B88">
        <v>20.105710999999999</v>
      </c>
      <c r="C88">
        <v>8.3455100000000009</v>
      </c>
      <c r="D88">
        <f t="shared" si="6"/>
        <v>0.43041200000000046</v>
      </c>
      <c r="E88">
        <f t="shared" si="7"/>
        <v>29.034071999999924</v>
      </c>
      <c r="F88">
        <f t="shared" si="5"/>
        <v>5.7076288403462211E-2</v>
      </c>
    </row>
    <row r="89" spans="1:6" x14ac:dyDescent="0.2">
      <c r="A89">
        <v>1180.6152790000001</v>
      </c>
      <c r="B89">
        <v>20.075021</v>
      </c>
      <c r="C89">
        <v>8.3505149999999997</v>
      </c>
      <c r="D89">
        <f t="shared" si="6"/>
        <v>0.43541699999999928</v>
      </c>
      <c r="E89">
        <f t="shared" si="7"/>
        <v>27.784397000000126</v>
      </c>
      <c r="F89">
        <f t="shared" si="5"/>
        <v>5.404894176409681E-2</v>
      </c>
    </row>
    <row r="90" spans="1:6" x14ac:dyDescent="0.2">
      <c r="A90">
        <v>1179.7842989999999</v>
      </c>
      <c r="B90">
        <v>20.046620999999998</v>
      </c>
      <c r="C90">
        <v>8.3555200000000003</v>
      </c>
      <c r="D90">
        <f t="shared" si="6"/>
        <v>0.44042199999999987</v>
      </c>
      <c r="E90">
        <f t="shared" si="7"/>
        <v>26.953416999999945</v>
      </c>
      <c r="F90">
        <f t="shared" si="5"/>
        <v>5.1873101285432412E-2</v>
      </c>
    </row>
    <row r="91" spans="1:6" x14ac:dyDescent="0.2">
      <c r="A91">
        <v>1178.768865</v>
      </c>
      <c r="B91">
        <v>20.081697999999999</v>
      </c>
      <c r="C91">
        <v>8.3605250000000009</v>
      </c>
      <c r="D91">
        <f t="shared" si="6"/>
        <v>0.44542700000000046</v>
      </c>
      <c r="E91">
        <f t="shared" si="7"/>
        <v>25.937983000000031</v>
      </c>
      <c r="F91">
        <f t="shared" si="5"/>
        <v>4.9400461524600835E-2</v>
      </c>
    </row>
    <row r="92" spans="1:6" x14ac:dyDescent="0.2">
      <c r="A92">
        <v>1178.053711</v>
      </c>
      <c r="B92">
        <v>20.033562</v>
      </c>
      <c r="C92">
        <v>8.3655299999999997</v>
      </c>
      <c r="D92">
        <f t="shared" si="6"/>
        <v>0.45043199999999928</v>
      </c>
      <c r="E92">
        <f t="shared" si="7"/>
        <v>25.222829000000047</v>
      </c>
      <c r="F92">
        <f t="shared" si="5"/>
        <v>4.7533464300640781E-2</v>
      </c>
    </row>
    <row r="93" spans="1:6" x14ac:dyDescent="0.2">
      <c r="A93">
        <v>1177.986161</v>
      </c>
      <c r="B93">
        <v>19.981446999999999</v>
      </c>
      <c r="C93">
        <v>8.3705339999999993</v>
      </c>
      <c r="D93">
        <f t="shared" si="6"/>
        <v>0.45543599999999884</v>
      </c>
      <c r="E93">
        <f t="shared" si="7"/>
        <v>25.155279000000064</v>
      </c>
      <c r="F93">
        <f t="shared" si="5"/>
        <v>4.6887987609981925E-2</v>
      </c>
    </row>
    <row r="94" spans="1:6" x14ac:dyDescent="0.2">
      <c r="A94">
        <v>1178.2173170000001</v>
      </c>
      <c r="B94">
        <v>20.003253000000001</v>
      </c>
      <c r="C94">
        <v>8.3755389999999998</v>
      </c>
      <c r="D94">
        <f t="shared" si="6"/>
        <v>0.46044099999999943</v>
      </c>
      <c r="E94">
        <f t="shared" si="7"/>
        <v>25.38643500000012</v>
      </c>
      <c r="F94">
        <f t="shared" si="5"/>
        <v>4.6795309872805134E-2</v>
      </c>
    </row>
    <row r="95" spans="1:6" x14ac:dyDescent="0.2">
      <c r="A95">
        <v>1178.090355</v>
      </c>
      <c r="B95">
        <v>20.009582000000002</v>
      </c>
      <c r="C95">
        <v>8.3805440000000004</v>
      </c>
      <c r="D95">
        <f t="shared" si="6"/>
        <v>0.46544600000000003</v>
      </c>
      <c r="E95">
        <f t="shared" si="7"/>
        <v>25.259473000000071</v>
      </c>
      <c r="F95">
        <f t="shared" si="5"/>
        <v>4.6065562921630381E-2</v>
      </c>
    </row>
    <row r="96" spans="1:6" x14ac:dyDescent="0.2">
      <c r="A96">
        <v>1177.9395139999999</v>
      </c>
      <c r="B96">
        <v>19.998591000000001</v>
      </c>
      <c r="C96">
        <v>8.3855489999999993</v>
      </c>
      <c r="D96">
        <f t="shared" si="6"/>
        <v>0.47045099999999884</v>
      </c>
      <c r="E96">
        <f t="shared" si="7"/>
        <v>25.108631999999943</v>
      </c>
      <c r="F96">
        <f t="shared" si="5"/>
        <v>4.5309123942584496E-2</v>
      </c>
    </row>
    <row r="97" spans="1:6" x14ac:dyDescent="0.2">
      <c r="A97">
        <v>1178.7817709999999</v>
      </c>
      <c r="B97">
        <v>19.929144000000001</v>
      </c>
      <c r="C97">
        <v>8.3905539999999998</v>
      </c>
      <c r="D97">
        <f t="shared" si="6"/>
        <v>0.47545599999999943</v>
      </c>
      <c r="E97">
        <f t="shared" si="7"/>
        <v>25.950888999999961</v>
      </c>
      <c r="F97">
        <f t="shared" si="5"/>
        <v>4.6302932449834001E-2</v>
      </c>
    </row>
    <row r="98" spans="1:6" x14ac:dyDescent="0.2">
      <c r="A98">
        <v>1179.6800599999999</v>
      </c>
      <c r="B98">
        <v>19.933084999999998</v>
      </c>
      <c r="C98">
        <v>8.3955579999999994</v>
      </c>
      <c r="D98">
        <f t="shared" si="6"/>
        <v>0.480459999999999</v>
      </c>
      <c r="E98">
        <f t="shared" si="7"/>
        <v>26.849177999999938</v>
      </c>
      <c r="F98">
        <f t="shared" si="5"/>
        <v>4.737066903776533E-2</v>
      </c>
    </row>
    <row r="99" spans="1:6" x14ac:dyDescent="0.2">
      <c r="A99">
        <v>1180.4042649999999</v>
      </c>
      <c r="B99">
        <v>19.947241000000002</v>
      </c>
      <c r="C99">
        <v>8.400563</v>
      </c>
      <c r="D99">
        <f t="shared" si="6"/>
        <v>0.48546499999999959</v>
      </c>
      <c r="E99">
        <f t="shared" si="7"/>
        <v>27.573382999999922</v>
      </c>
      <c r="F99">
        <f t="shared" si="5"/>
        <v>4.8117312065731763E-2</v>
      </c>
    </row>
    <row r="100" spans="1:6" x14ac:dyDescent="0.2">
      <c r="A100">
        <v>1181.2214690000001</v>
      </c>
      <c r="B100">
        <v>19.936185999999999</v>
      </c>
      <c r="C100">
        <v>8.4055680000000006</v>
      </c>
      <c r="D100">
        <f t="shared" si="6"/>
        <v>0.49047000000000018</v>
      </c>
      <c r="E100">
        <f t="shared" si="7"/>
        <v>28.390587000000096</v>
      </c>
      <c r="F100">
        <f t="shared" si="5"/>
        <v>4.9003893992396644E-2</v>
      </c>
    </row>
    <row r="101" spans="1:6" x14ac:dyDescent="0.2">
      <c r="A101">
        <v>1182.2734809999999</v>
      </c>
      <c r="B101">
        <v>19.922084000000002</v>
      </c>
      <c r="C101">
        <v>8.4105729999999994</v>
      </c>
      <c r="D101">
        <f t="shared" si="6"/>
        <v>0.495474999999999</v>
      </c>
      <c r="E101">
        <f t="shared" si="7"/>
        <v>29.442598999999973</v>
      </c>
      <c r="F101">
        <f t="shared" si="5"/>
        <v>5.0261616188772791E-2</v>
      </c>
    </row>
    <row r="102" spans="1:6" x14ac:dyDescent="0.2">
      <c r="A102">
        <v>1183.8741219999999</v>
      </c>
      <c r="B102">
        <v>19.878495999999998</v>
      </c>
      <c r="C102">
        <v>8.415578</v>
      </c>
      <c r="D102">
        <f t="shared" si="6"/>
        <v>0.50047999999999959</v>
      </c>
      <c r="E102">
        <f t="shared" si="7"/>
        <v>31.043239999999969</v>
      </c>
      <c r="F102">
        <f t="shared" si="5"/>
        <v>5.2393183523968018E-2</v>
      </c>
    </row>
    <row r="103" spans="1:6" x14ac:dyDescent="0.2">
      <c r="A103">
        <v>1185.174587</v>
      </c>
      <c r="B103">
        <v>19.916124</v>
      </c>
      <c r="C103">
        <v>8.4205819999999996</v>
      </c>
      <c r="D103">
        <f t="shared" si="6"/>
        <v>0.50548399999999916</v>
      </c>
      <c r="E103">
        <f t="shared" si="7"/>
        <v>32.343705</v>
      </c>
      <c r="F103">
        <f t="shared" si="5"/>
        <v>5.3988346078395623E-2</v>
      </c>
    </row>
    <row r="104" spans="1:6" x14ac:dyDescent="0.2">
      <c r="A104">
        <v>1185.83808</v>
      </c>
      <c r="B104">
        <v>19.957723000000001</v>
      </c>
      <c r="C104">
        <v>8.4255870000000002</v>
      </c>
      <c r="D104">
        <f t="shared" si="6"/>
        <v>0.51048899999999975</v>
      </c>
      <c r="E104">
        <f t="shared" si="7"/>
        <v>33.007198000000017</v>
      </c>
      <c r="F104">
        <f t="shared" si="5"/>
        <v>5.4525151078146941E-2</v>
      </c>
    </row>
    <row r="105" spans="1:6" x14ac:dyDescent="0.2">
      <c r="A105">
        <v>1186.1430620000001</v>
      </c>
      <c r="B105">
        <v>19.983543999999998</v>
      </c>
      <c r="C105">
        <v>8.4305920000000008</v>
      </c>
      <c r="D105">
        <f t="shared" si="6"/>
        <v>0.51549400000000034</v>
      </c>
      <c r="E105">
        <f t="shared" si="7"/>
        <v>33.312180000000126</v>
      </c>
      <c r="F105">
        <f t="shared" si="5"/>
        <v>5.4480660839859973E-2</v>
      </c>
    </row>
    <row r="106" spans="1:6" x14ac:dyDescent="0.2">
      <c r="A106">
        <v>1186.413955</v>
      </c>
      <c r="B106">
        <v>19.980315999999998</v>
      </c>
      <c r="C106">
        <v>8.4355969999999996</v>
      </c>
      <c r="D106">
        <f t="shared" si="6"/>
        <v>0.52049899999999916</v>
      </c>
      <c r="E106">
        <f t="shared" si="7"/>
        <v>33.583073000000013</v>
      </c>
      <c r="F106">
        <f t="shared" si="5"/>
        <v>5.4383141023754286E-2</v>
      </c>
    </row>
    <row r="107" spans="1:6" x14ac:dyDescent="0.2">
      <c r="A107">
        <v>1186.6621680000001</v>
      </c>
      <c r="B107">
        <v>19.991834000000001</v>
      </c>
      <c r="C107">
        <v>8.4406020000000002</v>
      </c>
      <c r="D107">
        <f t="shared" si="6"/>
        <v>0.52550399999999975</v>
      </c>
      <c r="E107">
        <f t="shared" si="7"/>
        <v>33.831286000000091</v>
      </c>
      <c r="F107">
        <f t="shared" si="5"/>
        <v>5.42519538470543E-2</v>
      </c>
    </row>
    <row r="108" spans="1:6" x14ac:dyDescent="0.2">
      <c r="A108">
        <v>1186.0940169999999</v>
      </c>
      <c r="B108">
        <v>20.054047000000001</v>
      </c>
      <c r="C108">
        <v>8.4456059999999997</v>
      </c>
      <c r="D108">
        <f t="shared" si="6"/>
        <v>0.53050799999999931</v>
      </c>
      <c r="E108">
        <f t="shared" si="7"/>
        <v>33.26313499999992</v>
      </c>
      <c r="F108">
        <f t="shared" si="5"/>
        <v>5.286303893812716E-2</v>
      </c>
    </row>
    <row r="109" spans="1:6" x14ac:dyDescent="0.2">
      <c r="A109">
        <v>1185.105098</v>
      </c>
      <c r="B109">
        <v>20.07629</v>
      </c>
      <c r="C109">
        <v>8.4506110000000003</v>
      </c>
      <c r="D109">
        <f t="shared" si="6"/>
        <v>0.53551299999999991</v>
      </c>
      <c r="E109">
        <f t="shared" si="7"/>
        <v>32.274216000000024</v>
      </c>
      <c r="F109">
        <f t="shared" si="5"/>
        <v>5.0854433029670056E-2</v>
      </c>
    </row>
    <row r="110" spans="1:6" x14ac:dyDescent="0.2">
      <c r="A110">
        <v>1184.3587</v>
      </c>
      <c r="B110">
        <v>20.042168</v>
      </c>
      <c r="C110">
        <v>8.4556159999999991</v>
      </c>
      <c r="D110">
        <f t="shared" si="6"/>
        <v>0.54051799999999872</v>
      </c>
      <c r="E110">
        <f t="shared" si="7"/>
        <v>31.527818000000025</v>
      </c>
      <c r="F110">
        <f t="shared" si="5"/>
        <v>4.9249349555119858E-2</v>
      </c>
    </row>
    <row r="111" spans="1:6" x14ac:dyDescent="0.2">
      <c r="A111">
        <v>1183.9681410000001</v>
      </c>
      <c r="B111">
        <v>20.029329000000001</v>
      </c>
      <c r="C111">
        <v>8.4606209999999997</v>
      </c>
      <c r="D111">
        <f t="shared" si="6"/>
        <v>0.54552299999999931</v>
      </c>
      <c r="E111">
        <f t="shared" si="7"/>
        <v>31.137259000000086</v>
      </c>
      <c r="F111">
        <f t="shared" si="5"/>
        <v>4.8208908323979789E-2</v>
      </c>
    </row>
    <row r="112" spans="1:6" x14ac:dyDescent="0.2">
      <c r="A112">
        <v>1183.887434</v>
      </c>
      <c r="B112">
        <v>20.002659000000001</v>
      </c>
      <c r="C112">
        <v>8.4656260000000003</v>
      </c>
      <c r="D112">
        <f t="shared" si="6"/>
        <v>0.55052799999999991</v>
      </c>
      <c r="E112">
        <f t="shared" si="7"/>
        <v>31.056552000000011</v>
      </c>
      <c r="F112">
        <f t="shared" si="5"/>
        <v>4.7650055868015517E-2</v>
      </c>
    </row>
    <row r="113" spans="1:6" x14ac:dyDescent="0.2">
      <c r="A113">
        <v>1183.444201</v>
      </c>
      <c r="B113">
        <v>20.030764000000001</v>
      </c>
      <c r="C113">
        <v>8.4706299999999999</v>
      </c>
      <c r="D113">
        <f t="shared" si="6"/>
        <v>0.55553199999999947</v>
      </c>
      <c r="E113">
        <f t="shared" si="7"/>
        <v>30.613319000000047</v>
      </c>
      <c r="F113">
        <f t="shared" si="5"/>
        <v>4.656435061408877E-2</v>
      </c>
    </row>
    <row r="114" spans="1:6" x14ac:dyDescent="0.2">
      <c r="A114">
        <v>1182.804126</v>
      </c>
      <c r="B114">
        <v>20.036746000000001</v>
      </c>
      <c r="C114">
        <v>8.4756350000000005</v>
      </c>
      <c r="D114">
        <f t="shared" si="6"/>
        <v>0.56053700000000006</v>
      </c>
      <c r="E114">
        <f t="shared" si="7"/>
        <v>29.973244000000022</v>
      </c>
      <c r="F114">
        <f t="shared" si="5"/>
        <v>4.520813940157719E-2</v>
      </c>
    </row>
    <row r="115" spans="1:6" x14ac:dyDescent="0.2">
      <c r="A115">
        <v>1182.5304100000001</v>
      </c>
      <c r="B115">
        <v>20.030042999999999</v>
      </c>
      <c r="C115">
        <v>8.4806399999999993</v>
      </c>
      <c r="D115">
        <f t="shared" si="6"/>
        <v>0.56554199999999888</v>
      </c>
      <c r="E115">
        <f t="shared" si="7"/>
        <v>29.6995280000001</v>
      </c>
      <c r="F115">
        <f t="shared" si="5"/>
        <v>4.440914031928072E-2</v>
      </c>
    </row>
    <row r="116" spans="1:6" x14ac:dyDescent="0.2">
      <c r="A116">
        <v>1182.495748</v>
      </c>
      <c r="B116">
        <v>19.975712999999999</v>
      </c>
      <c r="C116">
        <v>8.4856449999999999</v>
      </c>
      <c r="D116">
        <f t="shared" si="6"/>
        <v>0.57054699999999947</v>
      </c>
      <c r="E116">
        <f t="shared" si="7"/>
        <v>29.664866000000075</v>
      </c>
      <c r="F116">
        <f t="shared" si="5"/>
        <v>4.3969484806253331E-2</v>
      </c>
    </row>
    <row r="117" spans="1:6" x14ac:dyDescent="0.2">
      <c r="A117">
        <v>1182.553353</v>
      </c>
      <c r="B117">
        <v>19.991551999999999</v>
      </c>
      <c r="C117">
        <v>8.4906500000000005</v>
      </c>
      <c r="D117">
        <f t="shared" si="6"/>
        <v>0.57555200000000006</v>
      </c>
      <c r="E117">
        <f t="shared" si="7"/>
        <v>29.722471000000041</v>
      </c>
      <c r="F117">
        <f t="shared" si="5"/>
        <v>4.3669638897262823E-2</v>
      </c>
    </row>
    <row r="118" spans="1:6" x14ac:dyDescent="0.2">
      <c r="A118">
        <v>1182.7474769999999</v>
      </c>
      <c r="B118">
        <v>19.980067999999999</v>
      </c>
      <c r="C118">
        <v>8.495654</v>
      </c>
      <c r="D118">
        <f t="shared" si="6"/>
        <v>0.58055599999999963</v>
      </c>
      <c r="E118">
        <f t="shared" si="7"/>
        <v>29.916594999999916</v>
      </c>
      <c r="F118">
        <f t="shared" si="5"/>
        <v>4.3568841689417631E-2</v>
      </c>
    </row>
    <row r="119" spans="1:6" x14ac:dyDescent="0.2">
      <c r="A119">
        <v>1183.3870959999999</v>
      </c>
      <c r="B119">
        <v>19.962675000000001</v>
      </c>
      <c r="C119">
        <v>8.5006590000000006</v>
      </c>
      <c r="D119">
        <f t="shared" si="6"/>
        <v>0.58556100000000022</v>
      </c>
      <c r="E119">
        <f t="shared" si="7"/>
        <v>30.556213999999954</v>
      </c>
      <c r="F119">
        <f t="shared" si="5"/>
        <v>4.4096139506063621E-2</v>
      </c>
    </row>
    <row r="120" spans="1:6" x14ac:dyDescent="0.2">
      <c r="A120">
        <v>1184.0509500000001</v>
      </c>
      <c r="B120">
        <v>19.938320000000001</v>
      </c>
      <c r="C120">
        <v>8.5056639999999994</v>
      </c>
      <c r="D120">
        <f t="shared" si="6"/>
        <v>0.59056599999999904</v>
      </c>
      <c r="E120">
        <f t="shared" si="7"/>
        <v>31.220068000000083</v>
      </c>
      <c r="F120">
        <f t="shared" si="5"/>
        <v>4.4647280814155414E-2</v>
      </c>
    </row>
    <row r="121" spans="1:6" x14ac:dyDescent="0.2">
      <c r="A121">
        <v>1184.5881469999999</v>
      </c>
      <c r="B121">
        <v>19.974274999999999</v>
      </c>
      <c r="C121">
        <v>8.510669</v>
      </c>
      <c r="D121">
        <f t="shared" si="6"/>
        <v>0.59557099999999963</v>
      </c>
      <c r="E121">
        <f t="shared" si="7"/>
        <v>31.757264999999961</v>
      </c>
      <c r="F121">
        <f t="shared" si="5"/>
        <v>4.501343626697922E-2</v>
      </c>
    </row>
    <row r="122" spans="1:6" x14ac:dyDescent="0.2">
      <c r="A122">
        <v>1185.0526339999999</v>
      </c>
      <c r="B122">
        <v>19.953641999999999</v>
      </c>
      <c r="C122">
        <v>8.5156740000000006</v>
      </c>
      <c r="D122">
        <f t="shared" si="6"/>
        <v>0.60057600000000022</v>
      </c>
      <c r="E122">
        <f t="shared" si="7"/>
        <v>32.221751999999924</v>
      </c>
      <c r="F122">
        <f t="shared" si="5"/>
        <v>4.5273444489001148E-2</v>
      </c>
    </row>
    <row r="123" spans="1:6" x14ac:dyDescent="0.2">
      <c r="A123">
        <v>1185.69624</v>
      </c>
      <c r="B123">
        <v>19.956033999999999</v>
      </c>
      <c r="C123">
        <v>8.5206780000000002</v>
      </c>
      <c r="D123">
        <f t="shared" si="6"/>
        <v>0.60557999999999979</v>
      </c>
      <c r="E123">
        <f t="shared" si="7"/>
        <v>32.865358000000015</v>
      </c>
      <c r="F123">
        <f t="shared" si="5"/>
        <v>4.5771316189601986E-2</v>
      </c>
    </row>
    <row r="124" spans="1:6" x14ac:dyDescent="0.2">
      <c r="A124">
        <v>1186.2069100000001</v>
      </c>
      <c r="B124">
        <v>19.970227999999999</v>
      </c>
      <c r="C124">
        <v>8.5256830000000008</v>
      </c>
      <c r="D124">
        <f t="shared" si="6"/>
        <v>0.61058500000000038</v>
      </c>
      <c r="E124">
        <f t="shared" si="7"/>
        <v>33.376028000000133</v>
      </c>
      <c r="F124">
        <f t="shared" si="5"/>
        <v>4.6081655251447952E-2</v>
      </c>
    </row>
    <row r="125" spans="1:6" x14ac:dyDescent="0.2">
      <c r="A125">
        <v>1186.721685</v>
      </c>
      <c r="B125">
        <v>19.957021999999998</v>
      </c>
      <c r="C125">
        <v>8.5306879999999996</v>
      </c>
      <c r="D125">
        <f t="shared" si="6"/>
        <v>0.61558999999999919</v>
      </c>
      <c r="E125">
        <f t="shared" si="7"/>
        <v>33.890803000000005</v>
      </c>
      <c r="F125">
        <f t="shared" si="5"/>
        <v>4.6391821467595504E-2</v>
      </c>
    </row>
    <row r="126" spans="1:6" x14ac:dyDescent="0.2">
      <c r="A126">
        <v>1187.106194</v>
      </c>
      <c r="B126">
        <v>19.990983</v>
      </c>
      <c r="C126">
        <v>8.5356930000000002</v>
      </c>
      <c r="D126">
        <f t="shared" si="6"/>
        <v>0.62059499999999979</v>
      </c>
      <c r="E126">
        <f t="shared" si="7"/>
        <v>34.275311999999985</v>
      </c>
      <c r="F126">
        <f t="shared" si="5"/>
        <v>4.652469915271714E-2</v>
      </c>
    </row>
    <row r="127" spans="1:6" x14ac:dyDescent="0.2">
      <c r="A127">
        <v>1187.133883</v>
      </c>
      <c r="B127">
        <v>20.001999999999999</v>
      </c>
      <c r="C127">
        <v>8.5406980000000008</v>
      </c>
      <c r="D127">
        <f t="shared" si="6"/>
        <v>0.62560000000000038</v>
      </c>
      <c r="E127">
        <f t="shared" si="7"/>
        <v>34.303000999999995</v>
      </c>
      <c r="F127">
        <f t="shared" si="5"/>
        <v>4.6188693212276151E-2</v>
      </c>
    </row>
    <row r="128" spans="1:6" x14ac:dyDescent="0.2">
      <c r="A128">
        <v>1187.077522</v>
      </c>
      <c r="B128">
        <v>20.003038</v>
      </c>
      <c r="C128">
        <v>8.5457020000000004</v>
      </c>
      <c r="D128">
        <f t="shared" si="6"/>
        <v>0.63060399999999994</v>
      </c>
      <c r="E128">
        <f t="shared" si="7"/>
        <v>34.24664000000007</v>
      </c>
      <c r="F128">
        <f t="shared" si="5"/>
        <v>4.5749059025180006E-2</v>
      </c>
    </row>
    <row r="129" spans="1:6" x14ac:dyDescent="0.2">
      <c r="A129">
        <v>1186.8462910000001</v>
      </c>
      <c r="B129">
        <v>20.014337999999999</v>
      </c>
      <c r="C129">
        <v>8.5507069999999992</v>
      </c>
      <c r="D129">
        <f t="shared" si="6"/>
        <v>0.63560899999999876</v>
      </c>
      <c r="E129">
        <f t="shared" si="7"/>
        <v>34.015409000000091</v>
      </c>
      <c r="F129">
        <f t="shared" si="5"/>
        <v>4.5091136571291421E-2</v>
      </c>
    </row>
    <row r="130" spans="1:6" x14ac:dyDescent="0.2">
      <c r="A130">
        <v>1186.451145</v>
      </c>
      <c r="B130">
        <v>20.024813000000002</v>
      </c>
      <c r="C130">
        <v>8.5557119999999998</v>
      </c>
      <c r="D130">
        <f t="shared" si="6"/>
        <v>0.64061399999999935</v>
      </c>
      <c r="E130">
        <f t="shared" si="7"/>
        <v>33.620263000000023</v>
      </c>
      <c r="F130">
        <f t="shared" si="5"/>
        <v>4.4233858174672624E-2</v>
      </c>
    </row>
    <row r="131" spans="1:6" x14ac:dyDescent="0.2">
      <c r="A131">
        <v>1185.7193259999999</v>
      </c>
      <c r="B131">
        <v>20.066246</v>
      </c>
      <c r="C131">
        <v>8.5607170000000004</v>
      </c>
      <c r="D131">
        <f t="shared" si="6"/>
        <v>0.64561899999999994</v>
      </c>
      <c r="E131">
        <f t="shared" si="7"/>
        <v>32.888443999999936</v>
      </c>
      <c r="F131">
        <f t="shared" ref="F131:F194" si="8">(1/A131)*(E131/D131)</f>
        <v>4.2962062797936469E-2</v>
      </c>
    </row>
    <row r="132" spans="1:6" x14ac:dyDescent="0.2">
      <c r="A132">
        <v>1184.998981</v>
      </c>
      <c r="B132">
        <v>20.046434999999999</v>
      </c>
      <c r="C132">
        <v>8.5657219999999992</v>
      </c>
      <c r="D132">
        <f t="shared" si="6"/>
        <v>0.65062399999999876</v>
      </c>
      <c r="E132">
        <f t="shared" si="7"/>
        <v>32.168098999999984</v>
      </c>
      <c r="F132">
        <f t="shared" si="8"/>
        <v>4.1723174135659194E-2</v>
      </c>
    </row>
    <row r="133" spans="1:6" x14ac:dyDescent="0.2">
      <c r="A133">
        <v>1184.455134</v>
      </c>
      <c r="B133">
        <v>20.034943999999999</v>
      </c>
      <c r="C133">
        <v>8.5707260000000005</v>
      </c>
      <c r="D133">
        <f t="shared" si="6"/>
        <v>0.6556280000000001</v>
      </c>
      <c r="E133">
        <f t="shared" si="7"/>
        <v>31.62425200000007</v>
      </c>
      <c r="F133">
        <f t="shared" si="8"/>
        <v>4.072341166832108E-2</v>
      </c>
    </row>
    <row r="134" spans="1:6" x14ac:dyDescent="0.2">
      <c r="A134">
        <v>1184.1639250000001</v>
      </c>
      <c r="B134">
        <v>20.015702000000001</v>
      </c>
      <c r="C134">
        <v>8.5757309999999993</v>
      </c>
      <c r="D134">
        <f t="shared" si="6"/>
        <v>0.66063299999999892</v>
      </c>
      <c r="E134">
        <f t="shared" si="7"/>
        <v>31.333043000000089</v>
      </c>
      <c r="F134">
        <f t="shared" si="8"/>
        <v>4.0052578891558832E-2</v>
      </c>
    </row>
    <row r="135" spans="1:6" x14ac:dyDescent="0.2">
      <c r="A135">
        <v>1183.992904</v>
      </c>
      <c r="B135">
        <v>20.003771</v>
      </c>
      <c r="C135">
        <v>8.5807359999999999</v>
      </c>
      <c r="D135">
        <f t="shared" ref="D135:D198" si="9">C135-$C$2</f>
        <v>0.66563799999999951</v>
      </c>
      <c r="E135">
        <f t="shared" ref="E135:E198" si="10">A135-$A$2</f>
        <v>31.162021999999979</v>
      </c>
      <c r="F135">
        <f t="shared" si="8"/>
        <v>3.9540160081909824E-2</v>
      </c>
    </row>
    <row r="136" spans="1:6" x14ac:dyDescent="0.2">
      <c r="A136">
        <v>1184.01604</v>
      </c>
      <c r="B136">
        <v>19.985602</v>
      </c>
      <c r="C136">
        <v>8.5857410000000005</v>
      </c>
      <c r="D136">
        <f t="shared" si="9"/>
        <v>0.6706430000000001</v>
      </c>
      <c r="E136">
        <f t="shared" si="10"/>
        <v>31.185158000000001</v>
      </c>
      <c r="F136">
        <f t="shared" si="8"/>
        <v>3.9273442149464155E-2</v>
      </c>
    </row>
    <row r="137" spans="1:6" x14ac:dyDescent="0.2">
      <c r="A137">
        <v>1184.5761319999999</v>
      </c>
      <c r="B137">
        <v>19.960208999999999</v>
      </c>
      <c r="C137">
        <v>8.5907459999999993</v>
      </c>
      <c r="D137">
        <f t="shared" si="9"/>
        <v>0.67564799999999892</v>
      </c>
      <c r="E137">
        <f t="shared" si="10"/>
        <v>31.745249999999942</v>
      </c>
      <c r="F137">
        <f t="shared" si="8"/>
        <v>3.9663887556092313E-2</v>
      </c>
    </row>
    <row r="138" spans="1:6" x14ac:dyDescent="0.2">
      <c r="A138">
        <v>1184.788378</v>
      </c>
      <c r="B138">
        <v>19.984853000000001</v>
      </c>
      <c r="C138">
        <v>8.5957500000000007</v>
      </c>
      <c r="D138">
        <f t="shared" si="9"/>
        <v>0.68065200000000026</v>
      </c>
      <c r="E138">
        <f t="shared" si="10"/>
        <v>31.957495999999992</v>
      </c>
      <c r="F138">
        <f t="shared" si="8"/>
        <v>3.9628426905645352E-2</v>
      </c>
    </row>
    <row r="139" spans="1:6" x14ac:dyDescent="0.2">
      <c r="A139">
        <v>1185.228574</v>
      </c>
      <c r="B139">
        <v>19.953797000000002</v>
      </c>
      <c r="C139">
        <v>8.6007549999999995</v>
      </c>
      <c r="D139">
        <f t="shared" si="9"/>
        <v>0.68565699999999907</v>
      </c>
      <c r="E139">
        <f t="shared" si="10"/>
        <v>32.397692000000006</v>
      </c>
      <c r="F139">
        <f t="shared" si="8"/>
        <v>3.9866218715548074E-2</v>
      </c>
    </row>
    <row r="140" spans="1:6" x14ac:dyDescent="0.2">
      <c r="A140">
        <v>1185.807202</v>
      </c>
      <c r="B140">
        <v>19.956894999999999</v>
      </c>
      <c r="C140">
        <v>8.6057600000000001</v>
      </c>
      <c r="D140">
        <f t="shared" si="9"/>
        <v>0.69066199999999967</v>
      </c>
      <c r="E140">
        <f t="shared" si="10"/>
        <v>32.976319999999987</v>
      </c>
      <c r="F140">
        <f t="shared" si="8"/>
        <v>4.0264521579008512E-2</v>
      </c>
    </row>
    <row r="141" spans="1:6" x14ac:dyDescent="0.2">
      <c r="A141">
        <v>1186.863094</v>
      </c>
      <c r="B141">
        <v>19.926392</v>
      </c>
      <c r="C141">
        <v>8.6107650000000007</v>
      </c>
      <c r="D141">
        <f t="shared" si="9"/>
        <v>0.69566700000000026</v>
      </c>
      <c r="E141">
        <f t="shared" si="10"/>
        <v>34.032212000000072</v>
      </c>
      <c r="F141">
        <f t="shared" si="8"/>
        <v>4.1218117223647779E-2</v>
      </c>
    </row>
    <row r="142" spans="1:6" x14ac:dyDescent="0.2">
      <c r="A142">
        <v>1188.138224</v>
      </c>
      <c r="B142">
        <v>19.898731000000002</v>
      </c>
      <c r="C142">
        <v>8.6157699999999995</v>
      </c>
      <c r="D142">
        <f t="shared" si="9"/>
        <v>0.70067199999999907</v>
      </c>
      <c r="E142">
        <f t="shared" si="10"/>
        <v>35.307342000000062</v>
      </c>
      <c r="F142">
        <f t="shared" si="8"/>
        <v>4.2411466885401206E-2</v>
      </c>
    </row>
    <row r="143" spans="1:6" x14ac:dyDescent="0.2">
      <c r="A143">
        <v>1188.819851</v>
      </c>
      <c r="B143">
        <v>19.971834000000001</v>
      </c>
      <c r="C143">
        <v>8.6207740000000008</v>
      </c>
      <c r="D143">
        <f t="shared" si="9"/>
        <v>0.70567600000000041</v>
      </c>
      <c r="E143">
        <f t="shared" si="10"/>
        <v>35.988968999999997</v>
      </c>
      <c r="F143">
        <f t="shared" si="8"/>
        <v>4.2899083067187233E-2</v>
      </c>
    </row>
    <row r="144" spans="1:6" x14ac:dyDescent="0.2">
      <c r="A144">
        <v>1188.80566</v>
      </c>
      <c r="B144">
        <v>19.998788000000001</v>
      </c>
      <c r="C144">
        <v>8.6257789999999996</v>
      </c>
      <c r="D144">
        <f t="shared" si="9"/>
        <v>0.71068099999999923</v>
      </c>
      <c r="E144">
        <f t="shared" si="10"/>
        <v>35.974778000000015</v>
      </c>
      <c r="F144">
        <f t="shared" si="8"/>
        <v>4.2580676174734836E-2</v>
      </c>
    </row>
    <row r="145" spans="1:6" x14ac:dyDescent="0.2">
      <c r="A145">
        <v>1189.211959</v>
      </c>
      <c r="B145">
        <v>19.979908000000002</v>
      </c>
      <c r="C145">
        <v>8.6307840000000002</v>
      </c>
      <c r="D145">
        <f t="shared" si="9"/>
        <v>0.71568599999999982</v>
      </c>
      <c r="E145">
        <f t="shared" si="10"/>
        <v>36.381077000000005</v>
      </c>
      <c r="F145">
        <f t="shared" si="8"/>
        <v>4.2745830740804583E-2</v>
      </c>
    </row>
    <row r="146" spans="1:6" x14ac:dyDescent="0.2">
      <c r="A146">
        <v>1189.2161679999999</v>
      </c>
      <c r="B146">
        <v>20.010826999999999</v>
      </c>
      <c r="C146">
        <v>8.6357890000000008</v>
      </c>
      <c r="D146">
        <f t="shared" si="9"/>
        <v>0.72069100000000041</v>
      </c>
      <c r="E146">
        <f t="shared" si="10"/>
        <v>36.385285999999951</v>
      </c>
      <c r="F146">
        <f t="shared" si="8"/>
        <v>4.2453733498937905E-2</v>
      </c>
    </row>
    <row r="147" spans="1:6" x14ac:dyDescent="0.2">
      <c r="A147">
        <v>1189.2398880000001</v>
      </c>
      <c r="B147">
        <v>19.995042000000002</v>
      </c>
      <c r="C147">
        <v>8.6407939999999996</v>
      </c>
      <c r="D147">
        <f t="shared" si="9"/>
        <v>0.72569599999999923</v>
      </c>
      <c r="E147">
        <f t="shared" si="10"/>
        <v>36.40900600000009</v>
      </c>
      <c r="F147">
        <f t="shared" si="8"/>
        <v>4.2187581175842453E-2</v>
      </c>
    </row>
    <row r="148" spans="1:6" x14ac:dyDescent="0.2">
      <c r="A148">
        <v>1188.898162</v>
      </c>
      <c r="B148">
        <v>20.020343</v>
      </c>
      <c r="C148">
        <v>8.6457979999999992</v>
      </c>
      <c r="D148">
        <f t="shared" si="9"/>
        <v>0.73069999999999879</v>
      </c>
      <c r="E148">
        <f t="shared" si="10"/>
        <v>36.067279999999982</v>
      </c>
      <c r="F148">
        <f t="shared" si="8"/>
        <v>4.1517350301319846E-2</v>
      </c>
    </row>
    <row r="149" spans="1:6" x14ac:dyDescent="0.2">
      <c r="A149">
        <v>1188.4414119999999</v>
      </c>
      <c r="B149">
        <v>20.020776000000001</v>
      </c>
      <c r="C149">
        <v>8.6508029999999998</v>
      </c>
      <c r="D149">
        <f t="shared" si="9"/>
        <v>0.73570499999999939</v>
      </c>
      <c r="E149">
        <f t="shared" si="10"/>
        <v>35.610529999999926</v>
      </c>
      <c r="F149">
        <f t="shared" si="8"/>
        <v>4.0728362847573869E-2</v>
      </c>
    </row>
    <row r="150" spans="1:6" x14ac:dyDescent="0.2">
      <c r="A150">
        <v>1188.4455149999999</v>
      </c>
      <c r="B150">
        <v>20.015497</v>
      </c>
      <c r="C150">
        <v>8.6558080000000004</v>
      </c>
      <c r="D150">
        <f t="shared" si="9"/>
        <v>0.74070999999999998</v>
      </c>
      <c r="E150">
        <f t="shared" si="10"/>
        <v>35.614632999999912</v>
      </c>
      <c r="F150">
        <f t="shared" si="8"/>
        <v>4.0457681345722023E-2</v>
      </c>
    </row>
    <row r="151" spans="1:6" x14ac:dyDescent="0.2">
      <c r="A151">
        <v>1188.166375</v>
      </c>
      <c r="B151">
        <v>20.012252</v>
      </c>
      <c r="C151">
        <v>8.6608129999999992</v>
      </c>
      <c r="D151">
        <f t="shared" si="9"/>
        <v>0.7457149999999988</v>
      </c>
      <c r="E151">
        <f t="shared" si="10"/>
        <v>35.335493000000042</v>
      </c>
      <c r="F151">
        <f t="shared" si="8"/>
        <v>3.9880538902063362E-2</v>
      </c>
    </row>
    <row r="152" spans="1:6" x14ac:dyDescent="0.2">
      <c r="A152">
        <v>1187.9055390000001</v>
      </c>
      <c r="B152">
        <v>20.012440000000002</v>
      </c>
      <c r="C152">
        <v>8.6658179999999998</v>
      </c>
      <c r="D152">
        <f t="shared" si="9"/>
        <v>0.75071999999999939</v>
      </c>
      <c r="E152">
        <f t="shared" si="10"/>
        <v>35.074657000000116</v>
      </c>
      <c r="F152">
        <f t="shared" si="8"/>
        <v>3.9330868740713884E-2</v>
      </c>
    </row>
    <row r="153" spans="1:6" x14ac:dyDescent="0.2">
      <c r="A153">
        <v>1187.4401559999999</v>
      </c>
      <c r="B153">
        <v>20.040123999999999</v>
      </c>
      <c r="C153">
        <v>8.6708219999999994</v>
      </c>
      <c r="D153">
        <f t="shared" si="9"/>
        <v>0.75572399999999895</v>
      </c>
      <c r="E153">
        <f t="shared" si="10"/>
        <v>34.609273999999914</v>
      </c>
      <c r="F153">
        <f t="shared" si="8"/>
        <v>3.8567149656075002E-2</v>
      </c>
    </row>
    <row r="154" spans="1:6" x14ac:dyDescent="0.2">
      <c r="A154">
        <v>1186.88123</v>
      </c>
      <c r="B154">
        <v>20.035098000000001</v>
      </c>
      <c r="C154">
        <v>8.675827</v>
      </c>
      <c r="D154">
        <f t="shared" si="9"/>
        <v>0.76072899999999954</v>
      </c>
      <c r="E154">
        <f t="shared" si="10"/>
        <v>34.050347999999985</v>
      </c>
      <c r="F154">
        <f t="shared" si="8"/>
        <v>3.7712412944460691E-2</v>
      </c>
    </row>
    <row r="155" spans="1:6" x14ac:dyDescent="0.2">
      <c r="A155">
        <v>1186.809591</v>
      </c>
      <c r="B155">
        <v>20.004221999999999</v>
      </c>
      <c r="C155">
        <v>8.6808320000000005</v>
      </c>
      <c r="D155">
        <f t="shared" si="9"/>
        <v>0.76573400000000014</v>
      </c>
      <c r="E155">
        <f t="shared" si="10"/>
        <v>33.978708999999981</v>
      </c>
      <c r="F155">
        <f t="shared" si="8"/>
        <v>3.738934832916764E-2</v>
      </c>
    </row>
    <row r="156" spans="1:6" x14ac:dyDescent="0.2">
      <c r="A156">
        <v>1186.4279779999999</v>
      </c>
      <c r="B156">
        <v>20.035672999999999</v>
      </c>
      <c r="C156">
        <v>8.6858369999999994</v>
      </c>
      <c r="D156">
        <f t="shared" si="9"/>
        <v>0.77073899999999895</v>
      </c>
      <c r="E156">
        <f t="shared" si="10"/>
        <v>33.597095999999965</v>
      </c>
      <c r="F156">
        <f t="shared" si="8"/>
        <v>3.6741173684559598E-2</v>
      </c>
    </row>
    <row r="157" spans="1:6" x14ac:dyDescent="0.2">
      <c r="A157">
        <v>1186.0174549999999</v>
      </c>
      <c r="B157">
        <v>20.014692</v>
      </c>
      <c r="C157">
        <v>8.690842</v>
      </c>
      <c r="D157">
        <f t="shared" si="9"/>
        <v>0.77574399999999955</v>
      </c>
      <c r="E157">
        <f t="shared" si="10"/>
        <v>33.186572999999953</v>
      </c>
      <c r="F157">
        <f t="shared" si="8"/>
        <v>3.6070561384218582E-2</v>
      </c>
    </row>
    <row r="158" spans="1:6" x14ac:dyDescent="0.2">
      <c r="A158">
        <v>1185.7095220000001</v>
      </c>
      <c r="B158">
        <v>20.029903000000001</v>
      </c>
      <c r="C158">
        <v>8.6958459999999995</v>
      </c>
      <c r="D158">
        <f t="shared" si="9"/>
        <v>0.78074799999999911</v>
      </c>
      <c r="E158">
        <f t="shared" si="10"/>
        <v>32.878640000000132</v>
      </c>
      <c r="F158">
        <f t="shared" si="8"/>
        <v>3.5516049862542413E-2</v>
      </c>
    </row>
    <row r="159" spans="1:6" x14ac:dyDescent="0.2">
      <c r="A159">
        <v>1185.3822720000001</v>
      </c>
      <c r="B159">
        <v>20.014409000000001</v>
      </c>
      <c r="C159">
        <v>8.7008510000000001</v>
      </c>
      <c r="D159">
        <f t="shared" si="9"/>
        <v>0.7857529999999997</v>
      </c>
      <c r="E159">
        <f t="shared" si="10"/>
        <v>32.551390000000083</v>
      </c>
      <c r="F159">
        <f t="shared" si="8"/>
        <v>3.4948220144193111E-2</v>
      </c>
    </row>
    <row r="160" spans="1:6" x14ac:dyDescent="0.2">
      <c r="A160">
        <v>1185.265292</v>
      </c>
      <c r="B160">
        <v>20.005420999999998</v>
      </c>
      <c r="C160">
        <v>8.7058560000000007</v>
      </c>
      <c r="D160">
        <f t="shared" si="9"/>
        <v>0.79075800000000029</v>
      </c>
      <c r="E160">
        <f t="shared" si="10"/>
        <v>32.434410000000071</v>
      </c>
      <c r="F160">
        <f t="shared" si="8"/>
        <v>3.460563643377329E-2</v>
      </c>
    </row>
    <row r="161" spans="1:6" x14ac:dyDescent="0.2">
      <c r="A161">
        <v>1185.148713</v>
      </c>
      <c r="B161">
        <v>19.993580999999999</v>
      </c>
      <c r="C161">
        <v>8.7108609999999995</v>
      </c>
      <c r="D161">
        <f t="shared" si="9"/>
        <v>0.79576299999999911</v>
      </c>
      <c r="E161">
        <f t="shared" si="10"/>
        <v>32.317831000000069</v>
      </c>
      <c r="F161">
        <f t="shared" si="8"/>
        <v>3.4267751914256038E-2</v>
      </c>
    </row>
    <row r="162" spans="1:6" x14ac:dyDescent="0.2">
      <c r="A162">
        <v>1185.549896</v>
      </c>
      <c r="B162">
        <v>19.973513000000001</v>
      </c>
      <c r="C162">
        <v>8.7158660000000001</v>
      </c>
      <c r="D162">
        <f t="shared" si="9"/>
        <v>0.8007679999999997</v>
      </c>
      <c r="E162">
        <f t="shared" si="10"/>
        <v>32.719014000000016</v>
      </c>
      <c r="F162">
        <f t="shared" si="8"/>
        <v>3.4464633228186166E-2</v>
      </c>
    </row>
    <row r="163" spans="1:6" x14ac:dyDescent="0.2">
      <c r="A163">
        <v>1186.2044229999999</v>
      </c>
      <c r="B163">
        <v>19.938765</v>
      </c>
      <c r="C163">
        <v>8.7208699999999997</v>
      </c>
      <c r="D163">
        <f t="shared" si="9"/>
        <v>0.80577199999999927</v>
      </c>
      <c r="E163">
        <f t="shared" si="10"/>
        <v>33.373540999999932</v>
      </c>
      <c r="F163">
        <f t="shared" si="8"/>
        <v>3.4916489850892095E-2</v>
      </c>
    </row>
    <row r="164" spans="1:6" x14ac:dyDescent="0.2">
      <c r="A164">
        <v>1186.9746620000001</v>
      </c>
      <c r="B164">
        <v>19.929777999999999</v>
      </c>
      <c r="C164">
        <v>8.7258750000000003</v>
      </c>
      <c r="D164">
        <f t="shared" si="9"/>
        <v>0.81077699999999986</v>
      </c>
      <c r="E164">
        <f t="shared" si="10"/>
        <v>34.143780000000106</v>
      </c>
      <c r="F164">
        <f t="shared" si="8"/>
        <v>3.5478784371754682E-2</v>
      </c>
    </row>
    <row r="165" spans="1:6" x14ac:dyDescent="0.2">
      <c r="A165">
        <v>1187.746453</v>
      </c>
      <c r="B165">
        <v>19.969321000000001</v>
      </c>
      <c r="C165">
        <v>8.7308800000000009</v>
      </c>
      <c r="D165">
        <f t="shared" si="9"/>
        <v>0.81578200000000045</v>
      </c>
      <c r="E165">
        <f t="shared" si="10"/>
        <v>34.915571</v>
      </c>
      <c r="F165">
        <f t="shared" si="8"/>
        <v>3.6034731309707309E-2</v>
      </c>
    </row>
    <row r="166" spans="1:6" x14ac:dyDescent="0.2">
      <c r="A166">
        <v>1188.6396259999999</v>
      </c>
      <c r="B166">
        <v>19.932461</v>
      </c>
      <c r="C166">
        <v>8.7358849999999997</v>
      </c>
      <c r="D166">
        <f t="shared" si="9"/>
        <v>0.82078699999999927</v>
      </c>
      <c r="E166">
        <f t="shared" si="10"/>
        <v>35.808743999999933</v>
      </c>
      <c r="F166">
        <f t="shared" si="8"/>
        <v>3.6703578991688808E-2</v>
      </c>
    </row>
    <row r="167" spans="1:6" x14ac:dyDescent="0.2">
      <c r="A167">
        <v>1189.4202419999999</v>
      </c>
      <c r="B167">
        <v>19.946971999999999</v>
      </c>
      <c r="C167">
        <v>8.7408900000000003</v>
      </c>
      <c r="D167">
        <f t="shared" si="9"/>
        <v>0.82579199999999986</v>
      </c>
      <c r="E167">
        <f t="shared" si="10"/>
        <v>36.589359999999942</v>
      </c>
      <c r="F167">
        <f t="shared" si="8"/>
        <v>3.725193329824087E-2</v>
      </c>
    </row>
    <row r="168" spans="1:6" x14ac:dyDescent="0.2">
      <c r="A168">
        <v>1189.8630330000001</v>
      </c>
      <c r="B168">
        <v>19.980533999999999</v>
      </c>
      <c r="C168">
        <v>8.7458939999999998</v>
      </c>
      <c r="D168">
        <f t="shared" si="9"/>
        <v>0.83079599999999942</v>
      </c>
      <c r="E168">
        <f t="shared" si="10"/>
        <v>37.032151000000113</v>
      </c>
      <c r="F168">
        <f t="shared" si="8"/>
        <v>3.7461707604611101E-2</v>
      </c>
    </row>
    <row r="169" spans="1:6" x14ac:dyDescent="0.2">
      <c r="A169">
        <v>1189.714144</v>
      </c>
      <c r="B169">
        <v>20.015453999999998</v>
      </c>
      <c r="C169">
        <v>8.7508990000000004</v>
      </c>
      <c r="D169">
        <f t="shared" si="9"/>
        <v>0.83580100000000002</v>
      </c>
      <c r="E169">
        <f t="shared" si="10"/>
        <v>36.883262000000059</v>
      </c>
      <c r="F169">
        <f t="shared" si="8"/>
        <v>3.7092304164264837E-2</v>
      </c>
    </row>
    <row r="170" spans="1:6" x14ac:dyDescent="0.2">
      <c r="A170">
        <v>1189.2781339999999</v>
      </c>
      <c r="B170">
        <v>20.02909</v>
      </c>
      <c r="C170">
        <v>8.7559039999999992</v>
      </c>
      <c r="D170">
        <f t="shared" si="9"/>
        <v>0.84080599999999883</v>
      </c>
      <c r="E170">
        <f t="shared" si="10"/>
        <v>36.447251999999935</v>
      </c>
      <c r="F170">
        <f t="shared" si="8"/>
        <v>3.644899459960519E-2</v>
      </c>
    </row>
    <row r="171" spans="1:6" x14ac:dyDescent="0.2">
      <c r="A171">
        <v>1188.685958</v>
      </c>
      <c r="B171">
        <v>20.053280000000001</v>
      </c>
      <c r="C171">
        <v>8.7609089999999998</v>
      </c>
      <c r="D171">
        <f t="shared" si="9"/>
        <v>0.84581099999999942</v>
      </c>
      <c r="E171">
        <f t="shared" si="10"/>
        <v>35.855076000000054</v>
      </c>
      <c r="F171">
        <f t="shared" si="8"/>
        <v>3.5662368726619272E-2</v>
      </c>
    </row>
    <row r="172" spans="1:6" x14ac:dyDescent="0.2">
      <c r="A172">
        <v>1188.1138739999999</v>
      </c>
      <c r="B172">
        <v>20.034426</v>
      </c>
      <c r="C172">
        <v>8.7659140000000004</v>
      </c>
      <c r="D172">
        <f t="shared" si="9"/>
        <v>0.85081600000000002</v>
      </c>
      <c r="E172">
        <f t="shared" si="10"/>
        <v>35.282991999999922</v>
      </c>
      <c r="F172">
        <f t="shared" si="8"/>
        <v>3.4903717945353976E-2</v>
      </c>
    </row>
    <row r="173" spans="1:6" x14ac:dyDescent="0.2">
      <c r="A173">
        <v>1187.575887</v>
      </c>
      <c r="B173">
        <v>20.041526999999999</v>
      </c>
      <c r="C173">
        <v>8.770918</v>
      </c>
      <c r="D173">
        <f t="shared" si="9"/>
        <v>0.85581999999999958</v>
      </c>
      <c r="E173">
        <f t="shared" si="10"/>
        <v>34.745004999999992</v>
      </c>
      <c r="F173">
        <f t="shared" si="8"/>
        <v>3.4186022656338334E-2</v>
      </c>
    </row>
    <row r="174" spans="1:6" x14ac:dyDescent="0.2">
      <c r="A174">
        <v>1186.8376510000001</v>
      </c>
      <c r="B174">
        <v>20.050591000000001</v>
      </c>
      <c r="C174">
        <v>8.7759230000000006</v>
      </c>
      <c r="D174">
        <f t="shared" si="9"/>
        <v>0.86082500000000017</v>
      </c>
      <c r="E174">
        <f t="shared" si="10"/>
        <v>34.006769000000077</v>
      </c>
      <c r="F174">
        <f t="shared" si="8"/>
        <v>3.3285814210695215E-2</v>
      </c>
    </row>
    <row r="175" spans="1:6" x14ac:dyDescent="0.2">
      <c r="A175">
        <v>1186.213649</v>
      </c>
      <c r="B175">
        <v>20.046531999999999</v>
      </c>
      <c r="C175">
        <v>8.7809279999999994</v>
      </c>
      <c r="D175">
        <f t="shared" si="9"/>
        <v>0.86582999999999899</v>
      </c>
      <c r="E175">
        <f t="shared" si="10"/>
        <v>33.382767000000058</v>
      </c>
      <c r="F175">
        <f t="shared" si="8"/>
        <v>3.2503249743319362E-2</v>
      </c>
    </row>
    <row r="176" spans="1:6" x14ac:dyDescent="0.2">
      <c r="A176">
        <v>1185.457134</v>
      </c>
      <c r="B176">
        <v>20.042331000000001</v>
      </c>
      <c r="C176">
        <v>8.785933</v>
      </c>
      <c r="D176">
        <f t="shared" si="9"/>
        <v>0.87083499999999958</v>
      </c>
      <c r="E176">
        <f t="shared" si="10"/>
        <v>32.626252000000022</v>
      </c>
      <c r="F176">
        <f t="shared" si="8"/>
        <v>3.1604247641750391E-2</v>
      </c>
    </row>
    <row r="177" spans="1:6" x14ac:dyDescent="0.2">
      <c r="A177">
        <v>1185.4493669999999</v>
      </c>
      <c r="B177">
        <v>19.980682000000002</v>
      </c>
      <c r="C177">
        <v>8.7909380000000006</v>
      </c>
      <c r="D177">
        <f t="shared" si="9"/>
        <v>0.87584000000000017</v>
      </c>
      <c r="E177">
        <f t="shared" si="10"/>
        <v>32.618484999999964</v>
      </c>
      <c r="F177">
        <f t="shared" si="8"/>
        <v>3.1416369853527852E-2</v>
      </c>
    </row>
    <row r="178" spans="1:6" x14ac:dyDescent="0.2">
      <c r="A178">
        <v>1185.878966</v>
      </c>
      <c r="B178">
        <v>19.974865000000001</v>
      </c>
      <c r="C178">
        <v>8.7959420000000001</v>
      </c>
      <c r="D178">
        <f t="shared" si="9"/>
        <v>0.88084399999999974</v>
      </c>
      <c r="E178">
        <f t="shared" si="10"/>
        <v>33.048084000000017</v>
      </c>
      <c r="F178">
        <f t="shared" si="8"/>
        <v>3.1637846847634488E-2</v>
      </c>
    </row>
    <row r="179" spans="1:6" x14ac:dyDescent="0.2">
      <c r="A179">
        <v>1186.2619790000001</v>
      </c>
      <c r="B179">
        <v>19.976548000000001</v>
      </c>
      <c r="C179">
        <v>8.8009470000000007</v>
      </c>
      <c r="D179">
        <f t="shared" si="9"/>
        <v>0.88584900000000033</v>
      </c>
      <c r="E179">
        <f t="shared" si="10"/>
        <v>33.431097000000136</v>
      </c>
      <c r="F179">
        <f t="shared" si="8"/>
        <v>3.1813416948586234E-2</v>
      </c>
    </row>
    <row r="180" spans="1:6" x14ac:dyDescent="0.2">
      <c r="A180">
        <v>1186.6757689999999</v>
      </c>
      <c r="B180">
        <v>19.954362</v>
      </c>
      <c r="C180">
        <v>8.8059519999999996</v>
      </c>
      <c r="D180">
        <f t="shared" si="9"/>
        <v>0.89085399999999915</v>
      </c>
      <c r="E180">
        <f t="shared" si="10"/>
        <v>33.844886999999972</v>
      </c>
      <c r="F180">
        <f t="shared" si="8"/>
        <v>3.2015070283583941E-2</v>
      </c>
    </row>
    <row r="181" spans="1:6" x14ac:dyDescent="0.2">
      <c r="A181">
        <v>1187.1848110000001</v>
      </c>
      <c r="B181">
        <v>19.950524999999999</v>
      </c>
      <c r="C181">
        <v>8.8109570000000001</v>
      </c>
      <c r="D181">
        <f t="shared" si="9"/>
        <v>0.89585899999999974</v>
      </c>
      <c r="E181">
        <f t="shared" si="10"/>
        <v>34.353929000000107</v>
      </c>
      <c r="F181">
        <f t="shared" si="8"/>
        <v>3.2301182471310606E-2</v>
      </c>
    </row>
    <row r="182" spans="1:6" x14ac:dyDescent="0.2">
      <c r="A182">
        <v>1188.463757</v>
      </c>
      <c r="B182">
        <v>19.892968</v>
      </c>
      <c r="C182">
        <v>8.8159620000000007</v>
      </c>
      <c r="D182">
        <f t="shared" si="9"/>
        <v>0.90086400000000033</v>
      </c>
      <c r="E182">
        <f t="shared" si="10"/>
        <v>35.632875000000013</v>
      </c>
      <c r="F182">
        <f t="shared" si="8"/>
        <v>3.3281714443061799E-2</v>
      </c>
    </row>
    <row r="183" spans="1:6" x14ac:dyDescent="0.2">
      <c r="A183">
        <v>1190.2554130000001</v>
      </c>
      <c r="B183">
        <v>19.878861000000001</v>
      </c>
      <c r="C183">
        <v>8.8209660000000003</v>
      </c>
      <c r="D183">
        <f t="shared" si="9"/>
        <v>0.9058679999999999</v>
      </c>
      <c r="E183">
        <f t="shared" si="10"/>
        <v>37.424531000000115</v>
      </c>
      <c r="F183">
        <f t="shared" si="8"/>
        <v>3.4709733798754153E-2</v>
      </c>
    </row>
    <row r="184" spans="1:6" x14ac:dyDescent="0.2">
      <c r="A184">
        <v>1191.7246560000001</v>
      </c>
      <c r="B184">
        <v>19.901909</v>
      </c>
      <c r="C184">
        <v>8.8259709999999991</v>
      </c>
      <c r="D184">
        <f t="shared" si="9"/>
        <v>0.91087299999999871</v>
      </c>
      <c r="E184">
        <f t="shared" si="10"/>
        <v>38.893774000000121</v>
      </c>
      <c r="F184">
        <f t="shared" si="8"/>
        <v>3.5829960769669052E-2</v>
      </c>
    </row>
    <row r="185" spans="1:6" x14ac:dyDescent="0.2">
      <c r="A185">
        <v>1192.771534</v>
      </c>
      <c r="B185">
        <v>19.932922999999999</v>
      </c>
      <c r="C185">
        <v>8.8309759999999997</v>
      </c>
      <c r="D185">
        <f t="shared" si="9"/>
        <v>0.9158779999999993</v>
      </c>
      <c r="E185">
        <f t="shared" si="10"/>
        <v>39.940652</v>
      </c>
      <c r="F185">
        <f t="shared" si="8"/>
        <v>3.6561184467348309E-2</v>
      </c>
    </row>
    <row r="186" spans="1:6" x14ac:dyDescent="0.2">
      <c r="A186">
        <v>1193.6819479999999</v>
      </c>
      <c r="B186">
        <v>19.929928</v>
      </c>
      <c r="C186">
        <v>8.8359810000000003</v>
      </c>
      <c r="D186">
        <f t="shared" si="9"/>
        <v>0.9208829999999999</v>
      </c>
      <c r="E186">
        <f t="shared" si="10"/>
        <v>40.851065999999946</v>
      </c>
      <c r="F186">
        <f t="shared" si="8"/>
        <v>3.7162961206688709E-2</v>
      </c>
    </row>
    <row r="187" spans="1:6" x14ac:dyDescent="0.2">
      <c r="A187">
        <v>1194.7269329999999</v>
      </c>
      <c r="B187">
        <v>19.930779999999999</v>
      </c>
      <c r="C187">
        <v>8.8409859999999991</v>
      </c>
      <c r="D187">
        <f t="shared" si="9"/>
        <v>0.92588799999999871</v>
      </c>
      <c r="E187">
        <f t="shared" si="10"/>
        <v>41.896050999999943</v>
      </c>
      <c r="F187">
        <f t="shared" si="8"/>
        <v>3.78744190436235E-2</v>
      </c>
    </row>
    <row r="188" spans="1:6" x14ac:dyDescent="0.2">
      <c r="A188">
        <v>1195.5175850000001</v>
      </c>
      <c r="B188">
        <v>19.947313000000001</v>
      </c>
      <c r="C188">
        <v>8.8459900000000005</v>
      </c>
      <c r="D188">
        <f t="shared" si="9"/>
        <v>0.93089200000000005</v>
      </c>
      <c r="E188">
        <f t="shared" si="10"/>
        <v>42.68670300000008</v>
      </c>
      <c r="F188">
        <f t="shared" si="8"/>
        <v>3.8356356439749224E-2</v>
      </c>
    </row>
    <row r="189" spans="1:6" x14ac:dyDescent="0.2">
      <c r="A189">
        <v>1195.8378929999999</v>
      </c>
      <c r="B189">
        <v>19.986028000000001</v>
      </c>
      <c r="C189">
        <v>8.8509949999999993</v>
      </c>
      <c r="D189">
        <f t="shared" si="9"/>
        <v>0.93589699999999887</v>
      </c>
      <c r="E189">
        <f t="shared" si="10"/>
        <v>43.00701099999992</v>
      </c>
      <c r="F189">
        <f t="shared" si="8"/>
        <v>3.8427213551734556E-2</v>
      </c>
    </row>
    <row r="190" spans="1:6" x14ac:dyDescent="0.2">
      <c r="A190">
        <v>1195.8065710000001</v>
      </c>
      <c r="B190">
        <v>20.013396</v>
      </c>
      <c r="C190">
        <v>8.8559999999999999</v>
      </c>
      <c r="D190">
        <f t="shared" si="9"/>
        <v>0.94090199999999946</v>
      </c>
      <c r="E190">
        <f t="shared" si="10"/>
        <v>42.975689000000102</v>
      </c>
      <c r="F190">
        <f t="shared" si="8"/>
        <v>3.8195968009379841E-2</v>
      </c>
    </row>
    <row r="191" spans="1:6" x14ac:dyDescent="0.2">
      <c r="A191">
        <v>1195.547691</v>
      </c>
      <c r="B191">
        <v>20.018765999999999</v>
      </c>
      <c r="C191">
        <v>8.8610050000000005</v>
      </c>
      <c r="D191">
        <f t="shared" si="9"/>
        <v>0.94590700000000005</v>
      </c>
      <c r="E191">
        <f t="shared" si="10"/>
        <v>42.716809000000012</v>
      </c>
      <c r="F191">
        <f t="shared" si="8"/>
        <v>3.7773172196036806E-2</v>
      </c>
    </row>
    <row r="192" spans="1:6" x14ac:dyDescent="0.2">
      <c r="A192">
        <v>1195.1108549999999</v>
      </c>
      <c r="B192">
        <v>20.047725</v>
      </c>
      <c r="C192">
        <v>8.8660099999999993</v>
      </c>
      <c r="D192">
        <f t="shared" si="9"/>
        <v>0.95091199999999887</v>
      </c>
      <c r="E192">
        <f t="shared" si="10"/>
        <v>42.279972999999927</v>
      </c>
      <c r="F192">
        <f t="shared" si="8"/>
        <v>3.7203704160298529E-2</v>
      </c>
    </row>
    <row r="193" spans="1:6" x14ac:dyDescent="0.2">
      <c r="A193">
        <v>1194.066102</v>
      </c>
      <c r="B193">
        <v>20.075334999999999</v>
      </c>
      <c r="C193">
        <v>8.8710140000000006</v>
      </c>
      <c r="D193">
        <f t="shared" si="9"/>
        <v>0.95591600000000021</v>
      </c>
      <c r="E193">
        <f t="shared" si="10"/>
        <v>41.235220000000027</v>
      </c>
      <c r="F193">
        <f t="shared" si="8"/>
        <v>3.6126028123635252E-2</v>
      </c>
    </row>
    <row r="194" spans="1:6" x14ac:dyDescent="0.2">
      <c r="A194">
        <v>1192.77988</v>
      </c>
      <c r="B194">
        <v>20.092549999999999</v>
      </c>
      <c r="C194">
        <v>8.8760189999999994</v>
      </c>
      <c r="D194">
        <f t="shared" si="9"/>
        <v>0.96092099999999903</v>
      </c>
      <c r="E194">
        <f t="shared" si="10"/>
        <v>39.948998000000074</v>
      </c>
      <c r="F194">
        <f t="shared" si="8"/>
        <v>3.4854423314219438E-2</v>
      </c>
    </row>
    <row r="195" spans="1:6" x14ac:dyDescent="0.2">
      <c r="A195">
        <v>1191.5554239999999</v>
      </c>
      <c r="B195">
        <v>20.094580000000001</v>
      </c>
      <c r="C195">
        <v>8.881024</v>
      </c>
      <c r="D195">
        <f t="shared" si="9"/>
        <v>0.96592599999999962</v>
      </c>
      <c r="E195">
        <f t="shared" si="10"/>
        <v>38.724541999999929</v>
      </c>
      <c r="F195">
        <f t="shared" ref="F195:F258" si="11">(1/A195)*(E195/D195)</f>
        <v>3.364559290533415E-2</v>
      </c>
    </row>
    <row r="196" spans="1:6" x14ac:dyDescent="0.2">
      <c r="A196">
        <v>1190.550111</v>
      </c>
      <c r="B196">
        <v>20.058323999999999</v>
      </c>
      <c r="C196">
        <v>8.8860290000000006</v>
      </c>
      <c r="D196">
        <f t="shared" si="9"/>
        <v>0.97093100000000021</v>
      </c>
      <c r="E196">
        <f t="shared" si="10"/>
        <v>37.719229000000041</v>
      </c>
      <c r="F196">
        <f t="shared" si="11"/>
        <v>3.2630727735005104E-2</v>
      </c>
    </row>
    <row r="197" spans="1:6" x14ac:dyDescent="0.2">
      <c r="A197">
        <v>1189.839393</v>
      </c>
      <c r="B197">
        <v>20.047391000000001</v>
      </c>
      <c r="C197">
        <v>8.8910339999999994</v>
      </c>
      <c r="D197">
        <f t="shared" si="9"/>
        <v>0.97593599999999903</v>
      </c>
      <c r="E197">
        <f t="shared" si="10"/>
        <v>37.008510999999999</v>
      </c>
      <c r="F197">
        <f t="shared" si="11"/>
        <v>3.1870724066897754E-2</v>
      </c>
    </row>
    <row r="198" spans="1:6" x14ac:dyDescent="0.2">
      <c r="A198">
        <v>1188.5545609999999</v>
      </c>
      <c r="B198">
        <v>20.099222000000001</v>
      </c>
      <c r="C198">
        <v>8.8960380000000008</v>
      </c>
      <c r="D198">
        <f t="shared" si="9"/>
        <v>0.98094000000000037</v>
      </c>
      <c r="E198">
        <f t="shared" si="10"/>
        <v>35.723678999999947</v>
      </c>
      <c r="F198">
        <f t="shared" si="11"/>
        <v>3.0640412739174158E-2</v>
      </c>
    </row>
    <row r="199" spans="1:6" x14ac:dyDescent="0.2">
      <c r="A199">
        <v>1187.5359020000001</v>
      </c>
      <c r="B199">
        <v>20.046005999999998</v>
      </c>
      <c r="C199">
        <v>8.9010429999999996</v>
      </c>
      <c r="D199">
        <f t="shared" ref="D199:D262" si="12">C199-$C$2</f>
        <v>0.98594499999999918</v>
      </c>
      <c r="E199">
        <f t="shared" ref="E199:E262" si="13">A199-$A$2</f>
        <v>34.705020000000104</v>
      </c>
      <c r="F199">
        <f t="shared" si="11"/>
        <v>2.9641000716197734E-2</v>
      </c>
    </row>
    <row r="200" spans="1:6" x14ac:dyDescent="0.2">
      <c r="A200">
        <v>1186.963389</v>
      </c>
      <c r="B200">
        <v>20.041533999999999</v>
      </c>
      <c r="C200">
        <v>8.9060480000000002</v>
      </c>
      <c r="D200">
        <f t="shared" si="12"/>
        <v>0.99094999999999978</v>
      </c>
      <c r="E200">
        <f t="shared" si="13"/>
        <v>34.132507000000032</v>
      </c>
      <c r="F200">
        <f t="shared" si="11"/>
        <v>2.901877814925E-2</v>
      </c>
    </row>
    <row r="201" spans="1:6" x14ac:dyDescent="0.2">
      <c r="A201">
        <v>1186.446029</v>
      </c>
      <c r="B201">
        <v>20.028466999999999</v>
      </c>
      <c r="C201">
        <v>8.9110530000000008</v>
      </c>
      <c r="D201">
        <f t="shared" si="12"/>
        <v>0.99595500000000037</v>
      </c>
      <c r="E201">
        <f t="shared" si="13"/>
        <v>33.615146999999979</v>
      </c>
      <c r="F201">
        <f t="shared" si="11"/>
        <v>2.8447709959274051E-2</v>
      </c>
    </row>
    <row r="202" spans="1:6" x14ac:dyDescent="0.2">
      <c r="A202">
        <v>1186.4456210000001</v>
      </c>
      <c r="B202">
        <v>19.976565999999998</v>
      </c>
      <c r="C202">
        <v>8.9160579999999996</v>
      </c>
      <c r="D202">
        <f t="shared" si="12"/>
        <v>1.0009599999999992</v>
      </c>
      <c r="E202">
        <f t="shared" si="13"/>
        <v>33.6147390000001</v>
      </c>
      <c r="F202">
        <f t="shared" si="11"/>
        <v>2.8305131904728012E-2</v>
      </c>
    </row>
    <row r="203" spans="1:6" x14ac:dyDescent="0.2">
      <c r="A203">
        <v>1187.0847429999999</v>
      </c>
      <c r="B203">
        <v>19.960756</v>
      </c>
      <c r="C203">
        <v>8.9210619999999992</v>
      </c>
      <c r="D203">
        <f t="shared" si="12"/>
        <v>1.0059639999999987</v>
      </c>
      <c r="E203">
        <f t="shared" si="13"/>
        <v>34.253860999999915</v>
      </c>
      <c r="F203">
        <f t="shared" si="11"/>
        <v>2.8684373492402611E-2</v>
      </c>
    </row>
    <row r="204" spans="1:6" x14ac:dyDescent="0.2">
      <c r="A204">
        <v>1187.398522</v>
      </c>
      <c r="B204">
        <v>19.972778999999999</v>
      </c>
      <c r="C204">
        <v>8.9260669999999998</v>
      </c>
      <c r="D204">
        <f t="shared" si="12"/>
        <v>1.0109689999999993</v>
      </c>
      <c r="E204">
        <f t="shared" si="13"/>
        <v>34.567639999999983</v>
      </c>
      <c r="F204">
        <f t="shared" si="11"/>
        <v>2.8796213688338027E-2</v>
      </c>
    </row>
    <row r="205" spans="1:6" x14ac:dyDescent="0.2">
      <c r="A205">
        <v>1188.1761240000001</v>
      </c>
      <c r="B205">
        <v>19.932618000000002</v>
      </c>
      <c r="C205">
        <v>8.9310720000000003</v>
      </c>
      <c r="D205">
        <f t="shared" si="12"/>
        <v>1.0159739999999999</v>
      </c>
      <c r="E205">
        <f t="shared" si="13"/>
        <v>35.345242000000098</v>
      </c>
      <c r="F205">
        <f t="shared" si="11"/>
        <v>2.9279762146267763E-2</v>
      </c>
    </row>
    <row r="206" spans="1:6" x14ac:dyDescent="0.2">
      <c r="A206">
        <v>1189.017967</v>
      </c>
      <c r="B206">
        <v>19.949940999999999</v>
      </c>
      <c r="C206">
        <v>8.9360769999999992</v>
      </c>
      <c r="D206">
        <f t="shared" si="12"/>
        <v>1.0209789999999987</v>
      </c>
      <c r="E206">
        <f t="shared" si="13"/>
        <v>36.187085000000025</v>
      </c>
      <c r="F206">
        <f t="shared" si="11"/>
        <v>2.980906636591258E-2</v>
      </c>
    </row>
    <row r="207" spans="1:6" x14ac:dyDescent="0.2">
      <c r="A207">
        <v>1190.0062820000001</v>
      </c>
      <c r="B207">
        <v>19.936214</v>
      </c>
      <c r="C207">
        <v>8.9410819999999998</v>
      </c>
      <c r="D207">
        <f t="shared" si="12"/>
        <v>1.0259839999999993</v>
      </c>
      <c r="E207">
        <f t="shared" si="13"/>
        <v>37.175400000000081</v>
      </c>
      <c r="F207">
        <f t="shared" si="11"/>
        <v>3.0448493367180699E-2</v>
      </c>
    </row>
    <row r="208" spans="1:6" x14ac:dyDescent="0.2">
      <c r="A208">
        <v>1190.9259520000001</v>
      </c>
      <c r="B208">
        <v>19.932946999999999</v>
      </c>
      <c r="C208">
        <v>8.9460859999999993</v>
      </c>
      <c r="D208">
        <f t="shared" si="12"/>
        <v>1.0309879999999989</v>
      </c>
      <c r="E208">
        <f t="shared" si="13"/>
        <v>38.095070000000078</v>
      </c>
      <c r="F208">
        <f t="shared" si="11"/>
        <v>3.1026329917790977E-2</v>
      </c>
    </row>
    <row r="209" spans="1:6" x14ac:dyDescent="0.2">
      <c r="A209">
        <v>1191.8834589999999</v>
      </c>
      <c r="B209">
        <v>19.91629</v>
      </c>
      <c r="C209">
        <v>8.9510909999999999</v>
      </c>
      <c r="D209">
        <f t="shared" si="12"/>
        <v>1.0359929999999995</v>
      </c>
      <c r="E209">
        <f t="shared" si="13"/>
        <v>39.052576999999928</v>
      </c>
      <c r="F209">
        <f t="shared" si="11"/>
        <v>3.1627079024751557E-2</v>
      </c>
    </row>
    <row r="210" spans="1:6" x14ac:dyDescent="0.2">
      <c r="A210">
        <v>1193.06212</v>
      </c>
      <c r="B210">
        <v>19.923840999999999</v>
      </c>
      <c r="C210">
        <v>8.9560960000000005</v>
      </c>
      <c r="D210">
        <f t="shared" si="12"/>
        <v>1.0409980000000001</v>
      </c>
      <c r="E210">
        <f t="shared" si="13"/>
        <v>40.231238000000076</v>
      </c>
      <c r="F210">
        <f t="shared" si="11"/>
        <v>3.2392945835623285E-2</v>
      </c>
    </row>
    <row r="211" spans="1:6" x14ac:dyDescent="0.2">
      <c r="A211">
        <v>1193.872441</v>
      </c>
      <c r="B211">
        <v>19.948777</v>
      </c>
      <c r="C211">
        <v>8.9611009999999993</v>
      </c>
      <c r="D211">
        <f t="shared" si="12"/>
        <v>1.0460029999999989</v>
      </c>
      <c r="E211">
        <f t="shared" si="13"/>
        <v>41.041559000000007</v>
      </c>
      <c r="F211">
        <f t="shared" si="11"/>
        <v>3.2864951232236775E-2</v>
      </c>
    </row>
    <row r="212" spans="1:6" x14ac:dyDescent="0.2">
      <c r="A212">
        <v>1194.57727</v>
      </c>
      <c r="B212">
        <v>19.955763999999999</v>
      </c>
      <c r="C212">
        <v>8.9661059999999999</v>
      </c>
      <c r="D212">
        <f t="shared" si="12"/>
        <v>1.0510079999999995</v>
      </c>
      <c r="E212">
        <f t="shared" si="13"/>
        <v>41.746388000000024</v>
      </c>
      <c r="F212">
        <f t="shared" si="11"/>
        <v>3.3250534929391791E-2</v>
      </c>
    </row>
    <row r="213" spans="1:6" x14ac:dyDescent="0.2">
      <c r="A213">
        <v>1195.0278780000001</v>
      </c>
      <c r="B213">
        <v>19.97372</v>
      </c>
      <c r="C213">
        <v>8.9711099999999995</v>
      </c>
      <c r="D213">
        <f t="shared" si="12"/>
        <v>1.0560119999999991</v>
      </c>
      <c r="E213">
        <f t="shared" si="13"/>
        <v>42.196996000000127</v>
      </c>
      <c r="F213">
        <f t="shared" si="11"/>
        <v>3.3437565075468446E-2</v>
      </c>
    </row>
    <row r="214" spans="1:6" x14ac:dyDescent="0.2">
      <c r="A214">
        <v>1195.831083</v>
      </c>
      <c r="B214">
        <v>19.930949999999999</v>
      </c>
      <c r="C214">
        <v>8.9761150000000001</v>
      </c>
      <c r="D214">
        <f t="shared" si="12"/>
        <v>1.0610169999999997</v>
      </c>
      <c r="E214">
        <f t="shared" si="13"/>
        <v>43.000201000000061</v>
      </c>
      <c r="F214">
        <f t="shared" si="11"/>
        <v>3.3890525697441179E-2</v>
      </c>
    </row>
    <row r="215" spans="1:6" x14ac:dyDescent="0.2">
      <c r="A215">
        <v>1196.0746899999999</v>
      </c>
      <c r="B215">
        <v>20.012854999999998</v>
      </c>
      <c r="C215">
        <v>8.9811200000000007</v>
      </c>
      <c r="D215">
        <f t="shared" si="12"/>
        <v>1.0660220000000002</v>
      </c>
      <c r="E215">
        <f t="shared" si="13"/>
        <v>43.243807999999945</v>
      </c>
      <c r="F215">
        <f t="shared" si="11"/>
        <v>3.39155967145649E-2</v>
      </c>
    </row>
    <row r="216" spans="1:6" x14ac:dyDescent="0.2">
      <c r="A216">
        <v>1195.2721489999999</v>
      </c>
      <c r="B216">
        <v>20.068255000000001</v>
      </c>
      <c r="C216">
        <v>8.9861249999999995</v>
      </c>
      <c r="D216">
        <f t="shared" si="12"/>
        <v>1.0710269999999991</v>
      </c>
      <c r="E216">
        <f t="shared" si="13"/>
        <v>42.441266999999925</v>
      </c>
      <c r="F216">
        <f t="shared" si="11"/>
        <v>3.3152869261444305E-2</v>
      </c>
    </row>
    <row r="217" spans="1:6" x14ac:dyDescent="0.2">
      <c r="A217">
        <v>1194.4287589999999</v>
      </c>
      <c r="B217">
        <v>20.042580000000001</v>
      </c>
      <c r="C217">
        <v>8.9911300000000001</v>
      </c>
      <c r="D217">
        <f t="shared" si="12"/>
        <v>1.0760319999999997</v>
      </c>
      <c r="E217">
        <f t="shared" si="13"/>
        <v>41.597876999999926</v>
      </c>
      <c r="F217">
        <f t="shared" si="11"/>
        <v>3.2365753921941715E-2</v>
      </c>
    </row>
    <row r="218" spans="1:6" x14ac:dyDescent="0.2">
      <c r="A218">
        <v>1193.640179</v>
      </c>
      <c r="B218">
        <v>20.066237000000001</v>
      </c>
      <c r="C218">
        <v>8.9961339999999996</v>
      </c>
      <c r="D218">
        <f t="shared" si="12"/>
        <v>1.0810359999999992</v>
      </c>
      <c r="E218">
        <f t="shared" si="13"/>
        <v>40.809297000000015</v>
      </c>
      <c r="F218">
        <f t="shared" si="11"/>
        <v>3.1626091825157951E-2</v>
      </c>
    </row>
    <row r="219" spans="1:6" x14ac:dyDescent="0.2">
      <c r="A219">
        <v>1192.6380999999999</v>
      </c>
      <c r="B219">
        <v>20.075468999999998</v>
      </c>
      <c r="C219">
        <v>9.0011390000000002</v>
      </c>
      <c r="D219">
        <f t="shared" si="12"/>
        <v>1.0860409999999998</v>
      </c>
      <c r="E219">
        <f t="shared" si="13"/>
        <v>39.807217999999921</v>
      </c>
      <c r="F219">
        <f t="shared" si="11"/>
        <v>3.0733139483803008E-2</v>
      </c>
    </row>
    <row r="220" spans="1:6" x14ac:dyDescent="0.2">
      <c r="A220">
        <v>1191.469376</v>
      </c>
      <c r="B220">
        <v>20.073218000000001</v>
      </c>
      <c r="C220">
        <v>9.0061440000000008</v>
      </c>
      <c r="D220">
        <f t="shared" si="12"/>
        <v>1.0910460000000004</v>
      </c>
      <c r="E220">
        <f t="shared" si="13"/>
        <v>38.638494000000037</v>
      </c>
      <c r="F220">
        <f t="shared" si="11"/>
        <v>2.972310974531911E-2</v>
      </c>
    </row>
    <row r="221" spans="1:6" x14ac:dyDescent="0.2">
      <c r="A221">
        <v>1190.121112</v>
      </c>
      <c r="B221">
        <v>20.098465000000001</v>
      </c>
      <c r="C221">
        <v>9.0111489999999996</v>
      </c>
      <c r="D221">
        <f t="shared" si="12"/>
        <v>1.0960509999999992</v>
      </c>
      <c r="E221">
        <f t="shared" si="13"/>
        <v>37.290230000000065</v>
      </c>
      <c r="F221">
        <f t="shared" si="11"/>
        <v>2.8587300050337966E-2</v>
      </c>
    </row>
    <row r="222" spans="1:6" x14ac:dyDescent="0.2">
      <c r="A222">
        <v>1189.336951</v>
      </c>
      <c r="B222">
        <v>20.047872000000002</v>
      </c>
      <c r="C222">
        <v>9.0161540000000002</v>
      </c>
      <c r="D222">
        <f t="shared" si="12"/>
        <v>1.1010559999999998</v>
      </c>
      <c r="E222">
        <f t="shared" si="13"/>
        <v>36.506069000000025</v>
      </c>
      <c r="F222">
        <f t="shared" si="11"/>
        <v>2.7877302677551809E-2</v>
      </c>
    </row>
    <row r="223" spans="1:6" x14ac:dyDescent="0.2">
      <c r="A223">
        <v>1188.596544</v>
      </c>
      <c r="B223">
        <v>20.058947</v>
      </c>
      <c r="C223">
        <v>9.0211579999999998</v>
      </c>
      <c r="D223">
        <f t="shared" si="12"/>
        <v>1.1060599999999994</v>
      </c>
      <c r="E223">
        <f t="shared" si="13"/>
        <v>35.76566200000002</v>
      </c>
      <c r="F223">
        <f t="shared" si="11"/>
        <v>2.7205274871648435E-2</v>
      </c>
    </row>
    <row r="224" spans="1:6" x14ac:dyDescent="0.2">
      <c r="A224">
        <v>1188.031988</v>
      </c>
      <c r="B224">
        <v>20.022190999999999</v>
      </c>
      <c r="C224">
        <v>9.0261630000000004</v>
      </c>
      <c r="D224">
        <f t="shared" si="12"/>
        <v>1.111065</v>
      </c>
      <c r="E224">
        <f t="shared" si="13"/>
        <v>35.201105999999982</v>
      </c>
      <c r="F224">
        <f t="shared" si="11"/>
        <v>2.6667893235105336E-2</v>
      </c>
    </row>
    <row r="225" spans="1:6" x14ac:dyDescent="0.2">
      <c r="A225">
        <v>1187.5711940000001</v>
      </c>
      <c r="B225">
        <v>20.025762</v>
      </c>
      <c r="C225">
        <v>9.0311679999999992</v>
      </c>
      <c r="D225">
        <f t="shared" si="12"/>
        <v>1.1160699999999988</v>
      </c>
      <c r="E225">
        <f t="shared" si="13"/>
        <v>34.740312000000131</v>
      </c>
      <c r="F225">
        <f t="shared" si="11"/>
        <v>2.6210941754301404E-2</v>
      </c>
    </row>
    <row r="226" spans="1:6" x14ac:dyDescent="0.2">
      <c r="A226">
        <v>1187.4945319999999</v>
      </c>
      <c r="B226">
        <v>19.995691000000001</v>
      </c>
      <c r="C226">
        <v>9.0361729999999998</v>
      </c>
      <c r="D226">
        <f t="shared" si="12"/>
        <v>1.1210749999999994</v>
      </c>
      <c r="E226">
        <f t="shared" si="13"/>
        <v>34.663649999999961</v>
      </c>
      <c r="F226">
        <f t="shared" si="11"/>
        <v>2.6038022895090499E-2</v>
      </c>
    </row>
    <row r="227" spans="1:6" x14ac:dyDescent="0.2">
      <c r="A227">
        <v>1187.7254290000001</v>
      </c>
      <c r="B227">
        <v>19.963341</v>
      </c>
      <c r="C227">
        <v>9.0411780000000004</v>
      </c>
      <c r="D227">
        <f t="shared" si="12"/>
        <v>1.12608</v>
      </c>
      <c r="E227">
        <f t="shared" si="13"/>
        <v>34.894547000000102</v>
      </c>
      <c r="F227">
        <f t="shared" si="11"/>
        <v>2.6089891007294051E-2</v>
      </c>
    </row>
    <row r="228" spans="1:6" x14ac:dyDescent="0.2">
      <c r="A228">
        <v>1188.521295</v>
      </c>
      <c r="B228">
        <v>19.942060999999999</v>
      </c>
      <c r="C228">
        <v>9.0461819999999999</v>
      </c>
      <c r="D228">
        <f t="shared" si="12"/>
        <v>1.1310839999999995</v>
      </c>
      <c r="E228">
        <f t="shared" si="13"/>
        <v>35.690413000000035</v>
      </c>
      <c r="F228">
        <f t="shared" si="11"/>
        <v>2.6549096558224756E-2</v>
      </c>
    </row>
    <row r="229" spans="1:6" x14ac:dyDescent="0.2">
      <c r="A229">
        <v>1189.5083970000001</v>
      </c>
      <c r="B229">
        <v>19.940812000000001</v>
      </c>
      <c r="C229">
        <v>9.0511870000000005</v>
      </c>
      <c r="D229">
        <f t="shared" si="12"/>
        <v>1.1360890000000001</v>
      </c>
      <c r="E229">
        <f t="shared" si="13"/>
        <v>36.677515000000085</v>
      </c>
      <c r="F229">
        <f t="shared" si="11"/>
        <v>2.7140636991140544E-2</v>
      </c>
    </row>
    <row r="230" spans="1:6" x14ac:dyDescent="0.2">
      <c r="A230">
        <v>1190.42347</v>
      </c>
      <c r="B230">
        <v>19.925412000000001</v>
      </c>
      <c r="C230">
        <v>9.0561919999999994</v>
      </c>
      <c r="D230">
        <f t="shared" si="12"/>
        <v>1.1410939999999989</v>
      </c>
      <c r="E230">
        <f t="shared" si="13"/>
        <v>37.592587999999978</v>
      </c>
      <c r="F230">
        <f t="shared" si="11"/>
        <v>2.7674470648312955E-2</v>
      </c>
    </row>
    <row r="231" spans="1:6" x14ac:dyDescent="0.2">
      <c r="A231">
        <v>1191.358952</v>
      </c>
      <c r="B231">
        <v>19.937379</v>
      </c>
      <c r="C231">
        <v>9.0611969999999999</v>
      </c>
      <c r="D231">
        <f t="shared" si="12"/>
        <v>1.1460989999999995</v>
      </c>
      <c r="E231">
        <f t="shared" si="13"/>
        <v>38.528070000000071</v>
      </c>
      <c r="F231">
        <f t="shared" si="11"/>
        <v>2.8217107205729373E-2</v>
      </c>
    </row>
    <row r="232" spans="1:6" x14ac:dyDescent="0.2">
      <c r="A232">
        <v>1192.1297219999999</v>
      </c>
      <c r="B232">
        <v>19.952245000000001</v>
      </c>
      <c r="C232">
        <v>9.0662020000000005</v>
      </c>
      <c r="D232">
        <f t="shared" si="12"/>
        <v>1.1511040000000001</v>
      </c>
      <c r="E232">
        <f t="shared" si="13"/>
        <v>39.298839999999927</v>
      </c>
      <c r="F232">
        <f t="shared" si="11"/>
        <v>2.8637931923985494E-2</v>
      </c>
    </row>
    <row r="233" spans="1:6" x14ac:dyDescent="0.2">
      <c r="A233">
        <v>1192.6067149999999</v>
      </c>
      <c r="B233">
        <v>19.969571999999999</v>
      </c>
      <c r="C233">
        <v>9.0712060000000001</v>
      </c>
      <c r="D233">
        <f t="shared" si="12"/>
        <v>1.1561079999999997</v>
      </c>
      <c r="E233">
        <f t="shared" si="13"/>
        <v>39.775832999999921</v>
      </c>
      <c r="F233">
        <f t="shared" si="11"/>
        <v>2.8848525921400327E-2</v>
      </c>
    </row>
    <row r="234" spans="1:6" x14ac:dyDescent="0.2">
      <c r="A234">
        <v>1192.89455</v>
      </c>
      <c r="B234">
        <v>19.962851000000001</v>
      </c>
      <c r="C234">
        <v>9.0762110000000007</v>
      </c>
      <c r="D234">
        <f t="shared" si="12"/>
        <v>1.1611130000000003</v>
      </c>
      <c r="E234">
        <f t="shared" si="13"/>
        <v>40.063668000000007</v>
      </c>
      <c r="F234">
        <f t="shared" si="11"/>
        <v>2.8925053197682848E-2</v>
      </c>
    </row>
    <row r="235" spans="1:6" x14ac:dyDescent="0.2">
      <c r="A235">
        <v>1193.8049940000001</v>
      </c>
      <c r="B235">
        <v>19.948312000000001</v>
      </c>
      <c r="C235">
        <v>9.0812159999999995</v>
      </c>
      <c r="D235">
        <f t="shared" si="12"/>
        <v>1.1661179999999991</v>
      </c>
      <c r="E235">
        <f t="shared" si="13"/>
        <v>40.974112000000105</v>
      </c>
      <c r="F235">
        <f t="shared" si="11"/>
        <v>2.9432940995038921E-2</v>
      </c>
    </row>
    <row r="236" spans="1:6" x14ac:dyDescent="0.2">
      <c r="A236">
        <v>1194.568317</v>
      </c>
      <c r="B236">
        <v>19.949097999999999</v>
      </c>
      <c r="C236">
        <v>9.0862210000000001</v>
      </c>
      <c r="D236">
        <f t="shared" si="12"/>
        <v>1.1711229999999997</v>
      </c>
      <c r="E236">
        <f t="shared" si="13"/>
        <v>41.737435000000005</v>
      </c>
      <c r="F236">
        <f t="shared" si="11"/>
        <v>2.9834052762673677E-2</v>
      </c>
    </row>
    <row r="237" spans="1:6" x14ac:dyDescent="0.2">
      <c r="A237">
        <v>1194.7434599999999</v>
      </c>
      <c r="B237">
        <v>20.00863</v>
      </c>
      <c r="C237">
        <v>9.0912260000000007</v>
      </c>
      <c r="D237">
        <f t="shared" si="12"/>
        <v>1.1761280000000003</v>
      </c>
      <c r="E237">
        <f t="shared" si="13"/>
        <v>41.912577999999939</v>
      </c>
      <c r="F237">
        <f t="shared" si="11"/>
        <v>2.9827381120926064E-2</v>
      </c>
    </row>
    <row r="238" spans="1:6" x14ac:dyDescent="0.2">
      <c r="A238">
        <v>1194.6098489999999</v>
      </c>
      <c r="B238">
        <v>19.996665</v>
      </c>
      <c r="C238">
        <v>9.0962300000000003</v>
      </c>
      <c r="D238">
        <f t="shared" si="12"/>
        <v>1.1811319999999998</v>
      </c>
      <c r="E238">
        <f t="shared" si="13"/>
        <v>41.778966999999966</v>
      </c>
      <c r="F238">
        <f t="shared" si="11"/>
        <v>2.9609642977256687E-2</v>
      </c>
    </row>
    <row r="239" spans="1:6" x14ac:dyDescent="0.2">
      <c r="A239">
        <v>1194.5707179999999</v>
      </c>
      <c r="B239">
        <v>19.997181999999999</v>
      </c>
      <c r="C239">
        <v>9.1012350000000009</v>
      </c>
      <c r="D239">
        <f t="shared" si="12"/>
        <v>1.1861370000000004</v>
      </c>
      <c r="E239">
        <f t="shared" si="13"/>
        <v>41.739835999999968</v>
      </c>
      <c r="F239">
        <f t="shared" si="11"/>
        <v>2.9458051704900755E-2</v>
      </c>
    </row>
    <row r="240" spans="1:6" x14ac:dyDescent="0.2">
      <c r="A240">
        <v>1194.7304590000001</v>
      </c>
      <c r="B240">
        <v>19.995476</v>
      </c>
      <c r="C240">
        <v>9.1062399999999997</v>
      </c>
      <c r="D240">
        <f t="shared" si="12"/>
        <v>1.1911419999999993</v>
      </c>
      <c r="E240">
        <f t="shared" si="13"/>
        <v>41.899577000000136</v>
      </c>
      <c r="F240">
        <f t="shared" si="11"/>
        <v>2.944260037709517E-2</v>
      </c>
    </row>
    <row r="241" spans="1:6" x14ac:dyDescent="0.2">
      <c r="A241">
        <v>1194.3361440000001</v>
      </c>
      <c r="B241">
        <v>20.027788999999999</v>
      </c>
      <c r="C241">
        <v>9.1112450000000003</v>
      </c>
      <c r="D241">
        <f t="shared" si="12"/>
        <v>1.1961469999999998</v>
      </c>
      <c r="E241">
        <f t="shared" si="13"/>
        <v>41.50526200000013</v>
      </c>
      <c r="F241">
        <f t="shared" si="11"/>
        <v>2.9053069887891619E-2</v>
      </c>
    </row>
    <row r="242" spans="1:6" x14ac:dyDescent="0.2">
      <c r="A242">
        <v>1193.847064</v>
      </c>
      <c r="B242">
        <v>20.043821000000001</v>
      </c>
      <c r="C242">
        <v>9.1162500000000009</v>
      </c>
      <c r="D242">
        <f t="shared" si="12"/>
        <v>1.2011520000000004</v>
      </c>
      <c r="E242">
        <f t="shared" si="13"/>
        <v>41.016182000000072</v>
      </c>
      <c r="F242">
        <f t="shared" si="11"/>
        <v>2.860280116355262E-2</v>
      </c>
    </row>
    <row r="243" spans="1:6" x14ac:dyDescent="0.2">
      <c r="A243">
        <v>1192.9243939999999</v>
      </c>
      <c r="B243">
        <v>20.068757000000002</v>
      </c>
      <c r="C243">
        <v>9.1212540000000004</v>
      </c>
      <c r="D243">
        <f t="shared" si="12"/>
        <v>1.206156</v>
      </c>
      <c r="E243">
        <f t="shared" si="13"/>
        <v>40.093511999999919</v>
      </c>
      <c r="F243">
        <f t="shared" si="11"/>
        <v>2.786491348193491E-2</v>
      </c>
    </row>
    <row r="244" spans="1:6" x14ac:dyDescent="0.2">
      <c r="A244">
        <v>1192.0397459999999</v>
      </c>
      <c r="B244">
        <v>20.045891999999998</v>
      </c>
      <c r="C244">
        <v>9.1262589999999992</v>
      </c>
      <c r="D244">
        <f t="shared" si="12"/>
        <v>1.2111609999999988</v>
      </c>
      <c r="E244">
        <f t="shared" si="13"/>
        <v>39.208863999999949</v>
      </c>
      <c r="F244">
        <f t="shared" si="11"/>
        <v>2.7157616142006676E-2</v>
      </c>
    </row>
    <row r="245" spans="1:6" x14ac:dyDescent="0.2">
      <c r="A245">
        <v>1191.479439</v>
      </c>
      <c r="B245">
        <v>20.042190999999999</v>
      </c>
      <c r="C245">
        <v>9.1312639999999998</v>
      </c>
      <c r="D245">
        <f t="shared" si="12"/>
        <v>1.2161659999999994</v>
      </c>
      <c r="E245">
        <f t="shared" si="13"/>
        <v>38.648556999999983</v>
      </c>
      <c r="F245">
        <f t="shared" si="11"/>
        <v>2.6671895042598939E-2</v>
      </c>
    </row>
    <row r="246" spans="1:6" x14ac:dyDescent="0.2">
      <c r="A246">
        <v>1191.497132</v>
      </c>
      <c r="B246">
        <v>19.995856</v>
      </c>
      <c r="C246">
        <v>9.1362690000000004</v>
      </c>
      <c r="D246">
        <f t="shared" si="12"/>
        <v>1.221171</v>
      </c>
      <c r="E246">
        <f t="shared" si="13"/>
        <v>38.666249999999991</v>
      </c>
      <c r="F246">
        <f t="shared" si="11"/>
        <v>2.657434512894457E-2</v>
      </c>
    </row>
    <row r="247" spans="1:6" x14ac:dyDescent="0.2">
      <c r="A247">
        <v>1191.0093730000001</v>
      </c>
      <c r="B247">
        <v>20.034469000000001</v>
      </c>
      <c r="C247">
        <v>9.1412739999999992</v>
      </c>
      <c r="D247">
        <f t="shared" si="12"/>
        <v>1.2261759999999988</v>
      </c>
      <c r="E247">
        <f t="shared" si="13"/>
        <v>38.178491000000122</v>
      </c>
      <c r="F247">
        <f t="shared" si="11"/>
        <v>2.6142719807703246E-2</v>
      </c>
    </row>
    <row r="248" spans="1:6" x14ac:dyDescent="0.2">
      <c r="A248">
        <v>1190.671484</v>
      </c>
      <c r="B248">
        <v>20.021622000000001</v>
      </c>
      <c r="C248">
        <v>9.1462780000000006</v>
      </c>
      <c r="D248">
        <f t="shared" si="12"/>
        <v>1.2311800000000002</v>
      </c>
      <c r="E248">
        <f t="shared" si="13"/>
        <v>37.84060199999999</v>
      </c>
      <c r="F248">
        <f t="shared" si="11"/>
        <v>2.5813359650068778E-2</v>
      </c>
    </row>
    <row r="249" spans="1:6" x14ac:dyDescent="0.2">
      <c r="A249">
        <v>1190.608876</v>
      </c>
      <c r="B249">
        <v>20.001511000000001</v>
      </c>
      <c r="C249">
        <v>9.1512829999999994</v>
      </c>
      <c r="D249">
        <f t="shared" si="12"/>
        <v>1.236184999999999</v>
      </c>
      <c r="E249">
        <f t="shared" si="13"/>
        <v>37.777994000000035</v>
      </c>
      <c r="F249">
        <f t="shared" si="11"/>
        <v>2.5667661772790201E-2</v>
      </c>
    </row>
    <row r="250" spans="1:6" x14ac:dyDescent="0.2">
      <c r="A250">
        <v>1190.7134450000001</v>
      </c>
      <c r="B250">
        <v>19.976571</v>
      </c>
      <c r="C250">
        <v>9.156288</v>
      </c>
      <c r="D250">
        <f t="shared" si="12"/>
        <v>1.2411899999999996</v>
      </c>
      <c r="E250">
        <f t="shared" si="13"/>
        <v>37.882563000000118</v>
      </c>
      <c r="F250">
        <f t="shared" si="11"/>
        <v>2.5632668959051232E-2</v>
      </c>
    </row>
    <row r="251" spans="1:6" x14ac:dyDescent="0.2">
      <c r="A251">
        <v>1190.8458869999999</v>
      </c>
      <c r="B251">
        <v>19.986346000000001</v>
      </c>
      <c r="C251">
        <v>9.1612930000000006</v>
      </c>
      <c r="D251">
        <f t="shared" si="12"/>
        <v>1.2461950000000002</v>
      </c>
      <c r="E251">
        <f t="shared" si="13"/>
        <v>38.015004999999974</v>
      </c>
      <c r="F251">
        <f t="shared" si="11"/>
        <v>2.5616128106309529E-2</v>
      </c>
    </row>
    <row r="252" spans="1:6" x14ac:dyDescent="0.2">
      <c r="A252">
        <v>1190.997535</v>
      </c>
      <c r="B252">
        <v>19.992491999999999</v>
      </c>
      <c r="C252">
        <v>9.1662979999999994</v>
      </c>
      <c r="D252">
        <f t="shared" si="12"/>
        <v>1.251199999999999</v>
      </c>
      <c r="E252">
        <f t="shared" si="13"/>
        <v>38.166652999999997</v>
      </c>
      <c r="F252">
        <f t="shared" si="11"/>
        <v>2.5612176034451598E-2</v>
      </c>
    </row>
    <row r="253" spans="1:6" x14ac:dyDescent="0.2">
      <c r="A253">
        <v>1191.3854249999999</v>
      </c>
      <c r="B253">
        <v>19.973348999999999</v>
      </c>
      <c r="C253">
        <v>9.1713020000000007</v>
      </c>
      <c r="D253">
        <f t="shared" si="12"/>
        <v>1.2562040000000003</v>
      </c>
      <c r="E253">
        <f t="shared" si="13"/>
        <v>38.554542999999967</v>
      </c>
      <c r="F253">
        <f t="shared" si="11"/>
        <v>2.576102297339317E-2</v>
      </c>
    </row>
    <row r="254" spans="1:6" x14ac:dyDescent="0.2">
      <c r="A254">
        <v>1191.7175460000001</v>
      </c>
      <c r="B254">
        <v>19.97307</v>
      </c>
      <c r="C254">
        <v>9.1763069999999995</v>
      </c>
      <c r="D254">
        <f t="shared" si="12"/>
        <v>1.2612089999999991</v>
      </c>
      <c r="E254">
        <f t="shared" si="13"/>
        <v>38.88666400000011</v>
      </c>
      <c r="F254">
        <f t="shared" si="11"/>
        <v>2.5872613018756704E-2</v>
      </c>
    </row>
    <row r="255" spans="1:6" x14ac:dyDescent="0.2">
      <c r="A255">
        <v>1192.25053</v>
      </c>
      <c r="B255">
        <v>19.961380999999999</v>
      </c>
      <c r="C255">
        <v>9.1813120000000001</v>
      </c>
      <c r="D255">
        <f t="shared" si="12"/>
        <v>1.2662139999999997</v>
      </c>
      <c r="E255">
        <f t="shared" si="13"/>
        <v>39.419648000000052</v>
      </c>
      <c r="F255">
        <f t="shared" si="11"/>
        <v>2.6111877924596023E-2</v>
      </c>
    </row>
    <row r="256" spans="1:6" x14ac:dyDescent="0.2">
      <c r="A256">
        <v>1192.444569</v>
      </c>
      <c r="B256">
        <v>19.984051000000001</v>
      </c>
      <c r="C256">
        <v>9.1863170000000007</v>
      </c>
      <c r="D256">
        <f t="shared" si="12"/>
        <v>1.2712190000000003</v>
      </c>
      <c r="E256">
        <f t="shared" si="13"/>
        <v>39.613687000000027</v>
      </c>
      <c r="F256">
        <f t="shared" si="11"/>
        <v>2.613284487588519E-2</v>
      </c>
    </row>
    <row r="257" spans="1:6" x14ac:dyDescent="0.2">
      <c r="A257">
        <v>1192.7003070000001</v>
      </c>
      <c r="B257">
        <v>19.978422999999999</v>
      </c>
      <c r="C257">
        <v>9.1913219999999995</v>
      </c>
      <c r="D257">
        <f t="shared" si="12"/>
        <v>1.2762239999999991</v>
      </c>
      <c r="E257">
        <f t="shared" si="13"/>
        <v>39.869425000000092</v>
      </c>
      <c r="F257">
        <f t="shared" si="11"/>
        <v>2.6192788356561192E-2</v>
      </c>
    </row>
    <row r="258" spans="1:6" x14ac:dyDescent="0.2">
      <c r="A258">
        <v>1193.049839</v>
      </c>
      <c r="B258">
        <v>19.983809000000001</v>
      </c>
      <c r="C258">
        <v>9.1963259999999991</v>
      </c>
      <c r="D258">
        <f t="shared" si="12"/>
        <v>1.2812279999999987</v>
      </c>
      <c r="E258">
        <f t="shared" si="13"/>
        <v>40.218957000000046</v>
      </c>
      <c r="F258">
        <f t="shared" si="11"/>
        <v>2.6311511424545121E-2</v>
      </c>
    </row>
    <row r="259" spans="1:6" x14ac:dyDescent="0.2">
      <c r="A259">
        <v>1192.793185</v>
      </c>
      <c r="B259">
        <v>20.043590999999999</v>
      </c>
      <c r="C259">
        <v>9.2013309999999997</v>
      </c>
      <c r="D259">
        <f t="shared" si="12"/>
        <v>1.2862329999999993</v>
      </c>
      <c r="E259">
        <f t="shared" si="13"/>
        <v>39.96230300000002</v>
      </c>
      <c r="F259">
        <f t="shared" ref="F259:F322" si="14">(1/A259)*(E259/D259)</f>
        <v>2.6047479893417554E-2</v>
      </c>
    </row>
    <row r="260" spans="1:6" x14ac:dyDescent="0.2">
      <c r="A260">
        <v>1192.107154</v>
      </c>
      <c r="B260">
        <v>20.041886999999999</v>
      </c>
      <c r="C260">
        <v>9.2063360000000003</v>
      </c>
      <c r="D260">
        <f t="shared" si="12"/>
        <v>1.2912379999999999</v>
      </c>
      <c r="E260">
        <f t="shared" si="13"/>
        <v>39.276272000000063</v>
      </c>
      <c r="F260">
        <f t="shared" si="14"/>
        <v>2.5515769266638857E-2</v>
      </c>
    </row>
    <row r="261" spans="1:6" x14ac:dyDescent="0.2">
      <c r="A261">
        <v>1192.193252</v>
      </c>
      <c r="B261">
        <v>19.962547000000001</v>
      </c>
      <c r="C261">
        <v>9.2113409999999991</v>
      </c>
      <c r="D261">
        <f t="shared" si="12"/>
        <v>1.2962429999999987</v>
      </c>
      <c r="E261">
        <f t="shared" si="13"/>
        <v>39.362370000000055</v>
      </c>
      <c r="F261">
        <f t="shared" si="14"/>
        <v>2.547112668468636E-2</v>
      </c>
    </row>
    <row r="262" spans="1:6" x14ac:dyDescent="0.2">
      <c r="A262">
        <v>1192.335298</v>
      </c>
      <c r="B262">
        <v>19.989958999999999</v>
      </c>
      <c r="C262">
        <v>9.2163459999999997</v>
      </c>
      <c r="D262">
        <f t="shared" si="12"/>
        <v>1.3012479999999993</v>
      </c>
      <c r="E262">
        <f t="shared" si="13"/>
        <v>39.504415999999992</v>
      </c>
      <c r="F262">
        <f t="shared" si="14"/>
        <v>2.5461686696294963E-2</v>
      </c>
    </row>
    <row r="263" spans="1:6" x14ac:dyDescent="0.2">
      <c r="A263">
        <v>1192.2060799999999</v>
      </c>
      <c r="B263">
        <v>20.032508</v>
      </c>
      <c r="C263">
        <v>9.2213499999999993</v>
      </c>
      <c r="D263">
        <f t="shared" ref="D263:D326" si="15">C263-$C$2</f>
        <v>1.3062519999999989</v>
      </c>
      <c r="E263">
        <f t="shared" ref="E263:E326" si="16">A263-$A$2</f>
        <v>39.375197999999955</v>
      </c>
      <c r="F263">
        <f t="shared" si="14"/>
        <v>2.5283922470729945E-2</v>
      </c>
    </row>
    <row r="264" spans="1:6" x14ac:dyDescent="0.2">
      <c r="A264">
        <v>1192.2480089999999</v>
      </c>
      <c r="B264">
        <v>19.978914</v>
      </c>
      <c r="C264">
        <v>9.2263549999999999</v>
      </c>
      <c r="D264">
        <f t="shared" si="15"/>
        <v>1.3112569999999995</v>
      </c>
      <c r="E264">
        <f t="shared" si="16"/>
        <v>39.417126999999937</v>
      </c>
      <c r="F264">
        <f t="shared" si="14"/>
        <v>2.5213349338405206E-2</v>
      </c>
    </row>
    <row r="265" spans="1:6" x14ac:dyDescent="0.2">
      <c r="A265">
        <v>1192.634505</v>
      </c>
      <c r="B265">
        <v>19.965793999999999</v>
      </c>
      <c r="C265">
        <v>9.2313600000000005</v>
      </c>
      <c r="D265">
        <f t="shared" si="15"/>
        <v>1.316262</v>
      </c>
      <c r="E265">
        <f t="shared" si="16"/>
        <v>39.803623000000016</v>
      </c>
      <c r="F265">
        <f t="shared" si="14"/>
        <v>2.5355541536477618E-2</v>
      </c>
    </row>
    <row r="266" spans="1:6" x14ac:dyDescent="0.2">
      <c r="A266">
        <v>1192.792862</v>
      </c>
      <c r="B266">
        <v>20.00581</v>
      </c>
      <c r="C266">
        <v>9.2363649999999993</v>
      </c>
      <c r="D266">
        <f t="shared" si="15"/>
        <v>1.3212669999999989</v>
      </c>
      <c r="E266">
        <f t="shared" si="16"/>
        <v>39.96198000000004</v>
      </c>
      <c r="F266">
        <f t="shared" si="14"/>
        <v>2.5356620944236335E-2</v>
      </c>
    </row>
    <row r="267" spans="1:6" x14ac:dyDescent="0.2">
      <c r="A267">
        <v>1192.6973290000001</v>
      </c>
      <c r="B267">
        <v>20.00281</v>
      </c>
      <c r="C267">
        <v>9.2413699999999999</v>
      </c>
      <c r="D267">
        <f t="shared" si="15"/>
        <v>1.3262719999999995</v>
      </c>
      <c r="E267">
        <f t="shared" si="16"/>
        <v>39.866447000000107</v>
      </c>
      <c r="F267">
        <f t="shared" si="14"/>
        <v>2.5202561564179445E-2</v>
      </c>
    </row>
    <row r="268" spans="1:6" x14ac:dyDescent="0.2">
      <c r="A268">
        <v>1192.898784</v>
      </c>
      <c r="B268">
        <v>19.972681999999999</v>
      </c>
      <c r="C268">
        <v>9.2463739999999994</v>
      </c>
      <c r="D268">
        <f t="shared" si="15"/>
        <v>1.331275999999999</v>
      </c>
      <c r="E268">
        <f t="shared" si="16"/>
        <v>40.067902000000004</v>
      </c>
      <c r="F268">
        <f t="shared" si="14"/>
        <v>2.5230444645063053E-2</v>
      </c>
    </row>
    <row r="269" spans="1:6" x14ac:dyDescent="0.2">
      <c r="A269">
        <v>1193.3628369999999</v>
      </c>
      <c r="B269">
        <v>19.968233999999999</v>
      </c>
      <c r="C269">
        <v>9.251379</v>
      </c>
      <c r="D269">
        <f t="shared" si="15"/>
        <v>1.3362809999999996</v>
      </c>
      <c r="E269">
        <f t="shared" si="16"/>
        <v>40.531954999999925</v>
      </c>
      <c r="F269">
        <f t="shared" si="14"/>
        <v>2.5417173251567948E-2</v>
      </c>
    </row>
    <row r="270" spans="1:6" x14ac:dyDescent="0.2">
      <c r="A270">
        <v>1193.9540010000001</v>
      </c>
      <c r="B270">
        <v>19.957868999999999</v>
      </c>
      <c r="C270">
        <v>9.2563840000000006</v>
      </c>
      <c r="D270">
        <f t="shared" si="15"/>
        <v>1.3412860000000002</v>
      </c>
      <c r="E270">
        <f t="shared" si="16"/>
        <v>41.123119000000088</v>
      </c>
      <c r="F270">
        <f t="shared" si="14"/>
        <v>2.5678938058349501E-2</v>
      </c>
    </row>
    <row r="271" spans="1:6" x14ac:dyDescent="0.2">
      <c r="A271">
        <v>1193.9089509999999</v>
      </c>
      <c r="B271">
        <v>20.00244</v>
      </c>
      <c r="C271">
        <v>9.2613889999999994</v>
      </c>
      <c r="D271">
        <f t="shared" si="15"/>
        <v>1.346290999999999</v>
      </c>
      <c r="E271">
        <f t="shared" si="16"/>
        <v>41.078068999999914</v>
      </c>
      <c r="F271">
        <f t="shared" si="14"/>
        <v>2.5556411321048758E-2</v>
      </c>
    </row>
    <row r="272" spans="1:6" x14ac:dyDescent="0.2">
      <c r="A272">
        <v>1194.0566879999999</v>
      </c>
      <c r="B272">
        <v>19.997913</v>
      </c>
      <c r="C272">
        <v>9.266394</v>
      </c>
      <c r="D272">
        <f t="shared" si="15"/>
        <v>1.3512959999999996</v>
      </c>
      <c r="E272">
        <f t="shared" si="16"/>
        <v>41.22580599999992</v>
      </c>
      <c r="F272">
        <f t="shared" si="14"/>
        <v>2.5550165556172191E-2</v>
      </c>
    </row>
    <row r="273" spans="1:6" x14ac:dyDescent="0.2">
      <c r="A273">
        <v>1194.4634100000001</v>
      </c>
      <c r="B273">
        <v>19.967420000000001</v>
      </c>
      <c r="C273">
        <v>9.2713979999999996</v>
      </c>
      <c r="D273">
        <f t="shared" si="15"/>
        <v>1.3562999999999992</v>
      </c>
      <c r="E273">
        <f t="shared" si="16"/>
        <v>41.632528000000093</v>
      </c>
      <c r="F273">
        <f t="shared" si="14"/>
        <v>2.5698286732246337E-2</v>
      </c>
    </row>
    <row r="274" spans="1:6" x14ac:dyDescent="0.2">
      <c r="A274">
        <v>1194.4155860000001</v>
      </c>
      <c r="B274">
        <v>20.019483999999999</v>
      </c>
      <c r="C274">
        <v>9.2764030000000002</v>
      </c>
      <c r="D274">
        <f t="shared" si="15"/>
        <v>1.3613049999999998</v>
      </c>
      <c r="E274">
        <f t="shared" si="16"/>
        <v>41.584704000000102</v>
      </c>
      <c r="F274">
        <f t="shared" si="14"/>
        <v>2.5575416380496294E-2</v>
      </c>
    </row>
    <row r="275" spans="1:6" x14ac:dyDescent="0.2">
      <c r="A275">
        <v>1194.2743809999999</v>
      </c>
      <c r="B275">
        <v>20.013047</v>
      </c>
      <c r="C275">
        <v>9.2814080000000008</v>
      </c>
      <c r="D275">
        <f t="shared" si="15"/>
        <v>1.3663100000000004</v>
      </c>
      <c r="E275">
        <f t="shared" si="16"/>
        <v>41.443498999999974</v>
      </c>
      <c r="F275">
        <f t="shared" si="14"/>
        <v>2.5398206617959308E-2</v>
      </c>
    </row>
    <row r="276" spans="1:6" x14ac:dyDescent="0.2">
      <c r="A276">
        <v>1194.1283040000001</v>
      </c>
      <c r="B276">
        <v>19.986232000000001</v>
      </c>
      <c r="C276">
        <v>9.2864129999999996</v>
      </c>
      <c r="D276">
        <f t="shared" si="15"/>
        <v>1.3713149999999992</v>
      </c>
      <c r="E276">
        <f t="shared" si="16"/>
        <v>41.297422000000097</v>
      </c>
      <c r="F276">
        <f t="shared" si="14"/>
        <v>2.5219398414373501E-2</v>
      </c>
    </row>
    <row r="277" spans="1:6" x14ac:dyDescent="0.2">
      <c r="A277">
        <v>1194.0417709999999</v>
      </c>
      <c r="B277">
        <v>20.006067999999999</v>
      </c>
      <c r="C277">
        <v>9.2914180000000002</v>
      </c>
      <c r="D277">
        <f t="shared" si="15"/>
        <v>1.3763199999999998</v>
      </c>
      <c r="E277">
        <f t="shared" si="16"/>
        <v>41.210888999999952</v>
      </c>
      <c r="F277">
        <f t="shared" si="14"/>
        <v>2.5076853478224664E-2</v>
      </c>
    </row>
    <row r="278" spans="1:6" x14ac:dyDescent="0.2">
      <c r="A278">
        <v>1193.8398749999999</v>
      </c>
      <c r="B278">
        <v>20.018369</v>
      </c>
      <c r="C278">
        <v>9.2964219999999997</v>
      </c>
      <c r="D278">
        <f t="shared" si="15"/>
        <v>1.3813239999999993</v>
      </c>
      <c r="E278">
        <f t="shared" si="16"/>
        <v>41.008992999999919</v>
      </c>
      <c r="F278">
        <f t="shared" si="14"/>
        <v>2.4867805788203676E-2</v>
      </c>
    </row>
    <row r="279" spans="1:6" x14ac:dyDescent="0.2">
      <c r="A279">
        <v>1194.171638</v>
      </c>
      <c r="B279">
        <v>19.964261</v>
      </c>
      <c r="C279">
        <v>9.3014270000000003</v>
      </c>
      <c r="D279">
        <f t="shared" si="15"/>
        <v>1.3863289999999999</v>
      </c>
      <c r="E279">
        <f t="shared" si="16"/>
        <v>41.340756000000056</v>
      </c>
      <c r="F279">
        <f t="shared" si="14"/>
        <v>2.4971541589843618E-2</v>
      </c>
    </row>
    <row r="280" spans="1:6" x14ac:dyDescent="0.2">
      <c r="A280">
        <v>1194.371758</v>
      </c>
      <c r="B280">
        <v>19.996176999999999</v>
      </c>
      <c r="C280">
        <v>9.3064319999999991</v>
      </c>
      <c r="D280">
        <f t="shared" si="15"/>
        <v>1.3913339999999987</v>
      </c>
      <c r="E280">
        <f t="shared" si="16"/>
        <v>41.540876000000026</v>
      </c>
      <c r="F280">
        <f t="shared" si="14"/>
        <v>2.4997969100081813E-2</v>
      </c>
    </row>
    <row r="281" spans="1:6" x14ac:dyDescent="0.2">
      <c r="A281">
        <v>1194.28693</v>
      </c>
      <c r="B281">
        <v>20.003288000000001</v>
      </c>
      <c r="C281">
        <v>9.3114369999999997</v>
      </c>
      <c r="D281">
        <f t="shared" si="15"/>
        <v>1.3963389999999993</v>
      </c>
      <c r="E281">
        <f t="shared" si="16"/>
        <v>41.45604800000001</v>
      </c>
      <c r="F281">
        <f t="shared" si="14"/>
        <v>2.4859268830195732E-2</v>
      </c>
    </row>
    <row r="282" spans="1:6" x14ac:dyDescent="0.2">
      <c r="A282">
        <v>1194.619831</v>
      </c>
      <c r="B282">
        <v>19.966456000000001</v>
      </c>
      <c r="C282">
        <v>9.3164420000000003</v>
      </c>
      <c r="D282">
        <f t="shared" si="15"/>
        <v>1.4013439999999999</v>
      </c>
      <c r="E282">
        <f t="shared" si="16"/>
        <v>41.788949000000002</v>
      </c>
      <c r="F282">
        <f t="shared" si="14"/>
        <v>2.4962436346065285E-2</v>
      </c>
    </row>
    <row r="283" spans="1:6" x14ac:dyDescent="0.2">
      <c r="A283">
        <v>1194.9721480000001</v>
      </c>
      <c r="B283">
        <v>19.999970999999999</v>
      </c>
      <c r="C283">
        <v>9.3214459999999999</v>
      </c>
      <c r="D283">
        <f t="shared" si="15"/>
        <v>1.4063479999999995</v>
      </c>
      <c r="E283">
        <f t="shared" si="16"/>
        <v>42.141266000000087</v>
      </c>
      <c r="F283">
        <f t="shared" si="14"/>
        <v>2.5075926923567037E-2</v>
      </c>
    </row>
    <row r="284" spans="1:6" x14ac:dyDescent="0.2">
      <c r="A284">
        <v>1194.914522</v>
      </c>
      <c r="B284">
        <v>19.995138000000001</v>
      </c>
      <c r="C284">
        <v>9.3264510000000005</v>
      </c>
      <c r="D284">
        <f t="shared" si="15"/>
        <v>1.4113530000000001</v>
      </c>
      <c r="E284">
        <f t="shared" si="16"/>
        <v>42.083640000000059</v>
      </c>
      <c r="F284">
        <f t="shared" si="14"/>
        <v>2.4954036550694895E-2</v>
      </c>
    </row>
    <row r="285" spans="1:6" x14ac:dyDescent="0.2">
      <c r="A285">
        <v>1194.7397980000001</v>
      </c>
      <c r="B285">
        <v>20.007380000000001</v>
      </c>
      <c r="C285">
        <v>9.3314559999999993</v>
      </c>
      <c r="D285">
        <f t="shared" si="15"/>
        <v>1.4163579999999989</v>
      </c>
      <c r="E285">
        <f t="shared" si="16"/>
        <v>41.90891600000009</v>
      </c>
      <c r="F285">
        <f t="shared" si="14"/>
        <v>2.4766238851158303E-2</v>
      </c>
    </row>
    <row r="286" spans="1:6" x14ac:dyDescent="0.2">
      <c r="A286">
        <v>1194.486353</v>
      </c>
      <c r="B286">
        <v>20.004292</v>
      </c>
      <c r="C286">
        <v>9.3364609999999999</v>
      </c>
      <c r="D286">
        <f t="shared" si="15"/>
        <v>1.4213629999999995</v>
      </c>
      <c r="E286">
        <f t="shared" si="16"/>
        <v>41.655471000000034</v>
      </c>
      <c r="F286">
        <f t="shared" si="14"/>
        <v>2.4534988069484117E-2</v>
      </c>
    </row>
    <row r="287" spans="1:6" x14ac:dyDescent="0.2">
      <c r="A287">
        <v>1194.556795</v>
      </c>
      <c r="B287">
        <v>20.004957999999998</v>
      </c>
      <c r="C287">
        <v>9.3414660000000005</v>
      </c>
      <c r="D287">
        <f t="shared" si="15"/>
        <v>1.4263680000000001</v>
      </c>
      <c r="E287">
        <f t="shared" si="16"/>
        <v>41.725912999999991</v>
      </c>
      <c r="F287">
        <f t="shared" si="14"/>
        <v>2.4488797392999841E-2</v>
      </c>
    </row>
    <row r="288" spans="1:6" x14ac:dyDescent="0.2">
      <c r="A288">
        <v>1195.010706</v>
      </c>
      <c r="B288">
        <v>19.961742999999998</v>
      </c>
      <c r="C288">
        <v>9.3464700000000001</v>
      </c>
      <c r="D288">
        <f t="shared" si="15"/>
        <v>1.4313719999999996</v>
      </c>
      <c r="E288">
        <f t="shared" si="16"/>
        <v>42.179824000000053</v>
      </c>
      <c r="F288">
        <f t="shared" si="14"/>
        <v>2.4659283280106352E-2</v>
      </c>
    </row>
    <row r="289" spans="1:6" x14ac:dyDescent="0.2">
      <c r="A289">
        <v>1195.2994000000001</v>
      </c>
      <c r="B289">
        <v>19.965631999999999</v>
      </c>
      <c r="C289">
        <v>9.3514750000000006</v>
      </c>
      <c r="D289">
        <f t="shared" si="15"/>
        <v>1.4363770000000002</v>
      </c>
      <c r="E289">
        <f t="shared" si="16"/>
        <v>42.468518000000131</v>
      </c>
      <c r="F289">
        <f t="shared" si="14"/>
        <v>2.4735572248176147E-2</v>
      </c>
    </row>
    <row r="290" spans="1:6" x14ac:dyDescent="0.2">
      <c r="A290">
        <v>1195.5548739999999</v>
      </c>
      <c r="B290">
        <v>19.987041000000001</v>
      </c>
      <c r="C290">
        <v>9.3564799999999995</v>
      </c>
      <c r="D290">
        <f t="shared" si="15"/>
        <v>1.4413819999999991</v>
      </c>
      <c r="E290">
        <f t="shared" si="16"/>
        <v>42.723991999999953</v>
      </c>
      <c r="F290">
        <f t="shared" si="14"/>
        <v>2.4792665242731569E-2</v>
      </c>
    </row>
    <row r="291" spans="1:6" x14ac:dyDescent="0.2">
      <c r="A291">
        <v>1195.7343940000001</v>
      </c>
      <c r="B291">
        <v>19.988987999999999</v>
      </c>
      <c r="C291">
        <v>9.3614850000000001</v>
      </c>
      <c r="D291">
        <f t="shared" si="15"/>
        <v>1.4463869999999996</v>
      </c>
      <c r="E291">
        <f t="shared" si="16"/>
        <v>42.903512000000092</v>
      </c>
      <c r="F291">
        <f t="shared" si="14"/>
        <v>2.4806963804713533E-2</v>
      </c>
    </row>
    <row r="292" spans="1:6" x14ac:dyDescent="0.2">
      <c r="A292">
        <v>1195.9263639999999</v>
      </c>
      <c r="B292">
        <v>19.972749</v>
      </c>
      <c r="C292">
        <v>9.3664900000000006</v>
      </c>
      <c r="D292">
        <f t="shared" si="15"/>
        <v>1.4513920000000002</v>
      </c>
      <c r="E292">
        <f t="shared" si="16"/>
        <v>43.095481999999947</v>
      </c>
      <c r="F292">
        <f t="shared" si="14"/>
        <v>2.482804806902239E-2</v>
      </c>
    </row>
    <row r="293" spans="1:6" x14ac:dyDescent="0.2">
      <c r="A293">
        <v>1195.7177409999999</v>
      </c>
      <c r="B293">
        <v>20.037198</v>
      </c>
      <c r="C293">
        <v>9.3714940000000002</v>
      </c>
      <c r="D293">
        <f t="shared" si="15"/>
        <v>1.4563959999999998</v>
      </c>
      <c r="E293">
        <f t="shared" si="16"/>
        <v>42.886858999999959</v>
      </c>
      <c r="F293">
        <f t="shared" si="14"/>
        <v>2.4627259667829349E-2</v>
      </c>
    </row>
    <row r="294" spans="1:6" x14ac:dyDescent="0.2">
      <c r="A294">
        <v>1195.5711859999999</v>
      </c>
      <c r="B294">
        <v>20.004947999999999</v>
      </c>
      <c r="C294">
        <v>9.3764990000000008</v>
      </c>
      <c r="D294">
        <f t="shared" si="15"/>
        <v>1.4614010000000004</v>
      </c>
      <c r="E294">
        <f t="shared" si="16"/>
        <v>42.740303999999924</v>
      </c>
      <c r="F294">
        <f t="shared" si="14"/>
        <v>2.4462045348225346E-2</v>
      </c>
    </row>
    <row r="295" spans="1:6" x14ac:dyDescent="0.2">
      <c r="A295">
        <v>1195.311911</v>
      </c>
      <c r="B295">
        <v>20.01052</v>
      </c>
      <c r="C295">
        <v>9.3815039999999996</v>
      </c>
      <c r="D295">
        <f t="shared" si="15"/>
        <v>1.4664059999999992</v>
      </c>
      <c r="E295">
        <f t="shared" si="16"/>
        <v>42.481029000000035</v>
      </c>
      <c r="F295">
        <f t="shared" si="14"/>
        <v>2.4235922319354519E-2</v>
      </c>
    </row>
    <row r="296" spans="1:6" x14ac:dyDescent="0.2">
      <c r="A296">
        <v>1195.284134</v>
      </c>
      <c r="B296">
        <v>19.998279</v>
      </c>
      <c r="C296">
        <v>9.3865090000000002</v>
      </c>
      <c r="D296">
        <f t="shared" si="15"/>
        <v>1.4714109999999998</v>
      </c>
      <c r="E296">
        <f t="shared" si="16"/>
        <v>42.45325200000002</v>
      </c>
      <c r="F296">
        <f t="shared" si="14"/>
        <v>2.4138251637097013E-2</v>
      </c>
    </row>
    <row r="297" spans="1:6" x14ac:dyDescent="0.2">
      <c r="A297">
        <v>1194.986637</v>
      </c>
      <c r="B297">
        <v>20.052942000000002</v>
      </c>
      <c r="C297">
        <v>9.3915140000000008</v>
      </c>
      <c r="D297">
        <f t="shared" si="15"/>
        <v>1.4764160000000004</v>
      </c>
      <c r="E297">
        <f t="shared" si="16"/>
        <v>42.155754999999999</v>
      </c>
      <c r="F297">
        <f t="shared" si="14"/>
        <v>2.3893792068919589E-2</v>
      </c>
    </row>
    <row r="298" spans="1:6" x14ac:dyDescent="0.2">
      <c r="A298">
        <v>1194.9994119999999</v>
      </c>
      <c r="B298">
        <v>19.965115999999998</v>
      </c>
      <c r="C298">
        <v>9.3965180000000004</v>
      </c>
      <c r="D298">
        <f t="shared" si="15"/>
        <v>1.48142</v>
      </c>
      <c r="E298">
        <f t="shared" si="16"/>
        <v>42.168529999999919</v>
      </c>
      <c r="F298">
        <f t="shared" si="14"/>
        <v>2.3820044394273154E-2</v>
      </c>
    </row>
    <row r="299" spans="1:6" x14ac:dyDescent="0.2">
      <c r="A299">
        <v>1194.9249749999999</v>
      </c>
      <c r="B299">
        <v>20.029717999999999</v>
      </c>
      <c r="C299">
        <v>9.4015229999999992</v>
      </c>
      <c r="D299">
        <f t="shared" si="15"/>
        <v>1.4864249999999988</v>
      </c>
      <c r="E299">
        <f t="shared" si="16"/>
        <v>42.09409299999993</v>
      </c>
      <c r="F299">
        <f t="shared" si="14"/>
        <v>2.3699409043892655E-2</v>
      </c>
    </row>
    <row r="300" spans="1:6" x14ac:dyDescent="0.2">
      <c r="A300">
        <v>1194.5363829999999</v>
      </c>
      <c r="B300">
        <v>20.017503999999999</v>
      </c>
      <c r="C300">
        <v>9.4065279999999998</v>
      </c>
      <c r="D300">
        <f t="shared" si="15"/>
        <v>1.4914299999999994</v>
      </c>
      <c r="E300">
        <f t="shared" si="16"/>
        <v>41.705500999999913</v>
      </c>
      <c r="F300">
        <f t="shared" si="14"/>
        <v>2.3409443310365766E-2</v>
      </c>
    </row>
    <row r="301" spans="1:6" x14ac:dyDescent="0.2">
      <c r="A301">
        <v>1194.586638</v>
      </c>
      <c r="B301">
        <v>19.981021999999999</v>
      </c>
      <c r="C301">
        <v>9.4115330000000004</v>
      </c>
      <c r="D301">
        <f t="shared" si="15"/>
        <v>1.496435</v>
      </c>
      <c r="E301">
        <f t="shared" si="16"/>
        <v>41.755756000000019</v>
      </c>
      <c r="F301">
        <f t="shared" si="14"/>
        <v>2.3358278980160782E-2</v>
      </c>
    </row>
    <row r="302" spans="1:6" x14ac:dyDescent="0.2">
      <c r="A302">
        <v>1195.275271</v>
      </c>
      <c r="B302">
        <v>19.929217999999999</v>
      </c>
      <c r="C302">
        <v>9.4165379999999992</v>
      </c>
      <c r="D302">
        <f t="shared" si="15"/>
        <v>1.5014399999999988</v>
      </c>
      <c r="E302">
        <f t="shared" si="16"/>
        <v>42.444389000000001</v>
      </c>
      <c r="F302">
        <f t="shared" si="14"/>
        <v>2.3650720183932637E-2</v>
      </c>
    </row>
    <row r="303" spans="1:6" x14ac:dyDescent="0.2">
      <c r="A303">
        <v>1195.6252489999999</v>
      </c>
      <c r="B303">
        <v>19.992659</v>
      </c>
      <c r="C303">
        <v>9.4215420000000005</v>
      </c>
      <c r="D303">
        <f t="shared" si="15"/>
        <v>1.5064440000000001</v>
      </c>
      <c r="E303">
        <f t="shared" si="16"/>
        <v>42.794366999999966</v>
      </c>
      <c r="F303">
        <f t="shared" si="14"/>
        <v>2.3759567837252298E-2</v>
      </c>
    </row>
    <row r="304" spans="1:6" x14ac:dyDescent="0.2">
      <c r="A304">
        <v>1195.664589</v>
      </c>
      <c r="B304">
        <v>19.990247</v>
      </c>
      <c r="C304">
        <v>9.4265469999999993</v>
      </c>
      <c r="D304">
        <f t="shared" si="15"/>
        <v>1.5114489999999989</v>
      </c>
      <c r="E304">
        <f t="shared" si="16"/>
        <v>42.833707000000004</v>
      </c>
      <c r="F304">
        <f t="shared" si="14"/>
        <v>2.3701880092595745E-2</v>
      </c>
    </row>
    <row r="305" spans="1:6" x14ac:dyDescent="0.2">
      <c r="A305">
        <v>1195.761385</v>
      </c>
      <c r="B305">
        <v>20.003031</v>
      </c>
      <c r="C305">
        <v>9.4315519999999999</v>
      </c>
      <c r="D305">
        <f t="shared" si="15"/>
        <v>1.5164539999999995</v>
      </c>
      <c r="E305">
        <f t="shared" si="16"/>
        <v>42.930503000000044</v>
      </c>
      <c r="F305">
        <f t="shared" si="14"/>
        <v>2.3675121225949215E-2</v>
      </c>
    </row>
    <row r="306" spans="1:6" x14ac:dyDescent="0.2">
      <c r="A306">
        <v>1195.677267</v>
      </c>
      <c r="B306">
        <v>20.001729000000001</v>
      </c>
      <c r="C306">
        <v>9.4365570000000005</v>
      </c>
      <c r="D306">
        <f t="shared" si="15"/>
        <v>1.5214590000000001</v>
      </c>
      <c r="E306">
        <f t="shared" si="16"/>
        <v>42.846385000000055</v>
      </c>
      <c r="F306">
        <f t="shared" si="14"/>
        <v>2.3552659854064951E-2</v>
      </c>
    </row>
    <row r="307" spans="1:6" x14ac:dyDescent="0.2">
      <c r="A307">
        <v>1195.5196350000001</v>
      </c>
      <c r="B307">
        <v>20.02937</v>
      </c>
      <c r="C307">
        <v>9.4415619999999993</v>
      </c>
      <c r="D307">
        <f t="shared" si="15"/>
        <v>1.5264639999999989</v>
      </c>
      <c r="E307">
        <f t="shared" si="16"/>
        <v>42.688753000000133</v>
      </c>
      <c r="F307">
        <f t="shared" si="14"/>
        <v>2.3392152627733608E-2</v>
      </c>
    </row>
    <row r="308" spans="1:6" x14ac:dyDescent="0.2">
      <c r="A308">
        <v>1195.2555030000001</v>
      </c>
      <c r="B308">
        <v>20.008797999999999</v>
      </c>
      <c r="C308">
        <v>9.4465660000000007</v>
      </c>
      <c r="D308">
        <f t="shared" si="15"/>
        <v>1.5314680000000003</v>
      </c>
      <c r="E308">
        <f t="shared" si="16"/>
        <v>42.424621000000116</v>
      </c>
      <c r="F308">
        <f t="shared" si="14"/>
        <v>2.3176576906620987E-2</v>
      </c>
    </row>
    <row r="309" spans="1:6" x14ac:dyDescent="0.2">
      <c r="A309">
        <v>1195.3508489999999</v>
      </c>
      <c r="B309">
        <v>19.971457000000001</v>
      </c>
      <c r="C309">
        <v>9.4515709999999995</v>
      </c>
      <c r="D309">
        <f t="shared" si="15"/>
        <v>1.5364729999999991</v>
      </c>
      <c r="E309">
        <f t="shared" si="16"/>
        <v>42.519966999999951</v>
      </c>
      <c r="F309">
        <f t="shared" si="14"/>
        <v>2.3151151209250358E-2</v>
      </c>
    </row>
    <row r="310" spans="1:6" x14ac:dyDescent="0.2">
      <c r="A310">
        <v>1195.825456</v>
      </c>
      <c r="B310">
        <v>19.958863000000001</v>
      </c>
      <c r="C310">
        <v>9.4565760000000001</v>
      </c>
      <c r="D310">
        <f t="shared" si="15"/>
        <v>1.5414779999999997</v>
      </c>
      <c r="E310">
        <f t="shared" si="16"/>
        <v>42.994574000000057</v>
      </c>
      <c r="F310">
        <f t="shared" si="14"/>
        <v>2.3324294976227244E-2</v>
      </c>
    </row>
    <row r="311" spans="1:6" x14ac:dyDescent="0.2">
      <c r="A311">
        <v>1196.127847</v>
      </c>
      <c r="B311">
        <v>19.996949999999998</v>
      </c>
      <c r="C311">
        <v>9.4615810000000007</v>
      </c>
      <c r="D311">
        <f t="shared" si="15"/>
        <v>1.5464830000000003</v>
      </c>
      <c r="E311">
        <f t="shared" si="16"/>
        <v>43.296965</v>
      </c>
      <c r="F311">
        <f t="shared" si="14"/>
        <v>2.3406404332811336E-2</v>
      </c>
    </row>
    <row r="312" spans="1:6" x14ac:dyDescent="0.2">
      <c r="A312">
        <v>1196.406172</v>
      </c>
      <c r="B312">
        <v>19.97438</v>
      </c>
      <c r="C312">
        <v>9.4665859999999995</v>
      </c>
      <c r="D312">
        <f t="shared" si="15"/>
        <v>1.5514879999999991</v>
      </c>
      <c r="E312">
        <f t="shared" si="16"/>
        <v>43.575289999999995</v>
      </c>
      <c r="F312">
        <f t="shared" si="14"/>
        <v>2.3475411860418096E-2</v>
      </c>
    </row>
    <row r="313" spans="1:6" x14ac:dyDescent="0.2">
      <c r="A313">
        <v>1196.3118039999999</v>
      </c>
      <c r="B313">
        <v>20.017227999999999</v>
      </c>
      <c r="C313">
        <v>9.4715900000000008</v>
      </c>
      <c r="D313">
        <f t="shared" si="15"/>
        <v>1.5564920000000004</v>
      </c>
      <c r="E313">
        <f t="shared" si="16"/>
        <v>43.480921999999964</v>
      </c>
      <c r="F313">
        <f t="shared" si="14"/>
        <v>2.3351106458471448E-2</v>
      </c>
    </row>
    <row r="314" spans="1:6" x14ac:dyDescent="0.2">
      <c r="A314">
        <v>1196.094701</v>
      </c>
      <c r="B314">
        <v>20.008626</v>
      </c>
      <c r="C314">
        <v>9.4765949999999997</v>
      </c>
      <c r="D314">
        <f t="shared" si="15"/>
        <v>1.5614969999999992</v>
      </c>
      <c r="E314">
        <f t="shared" si="16"/>
        <v>43.263819000000012</v>
      </c>
      <c r="F314">
        <f t="shared" si="14"/>
        <v>2.3164244082436281E-2</v>
      </c>
    </row>
    <row r="315" spans="1:6" x14ac:dyDescent="0.2">
      <c r="A315">
        <v>1196.4437009999999</v>
      </c>
      <c r="B315">
        <v>19.951177999999999</v>
      </c>
      <c r="C315">
        <v>9.4816000000000003</v>
      </c>
      <c r="D315">
        <f t="shared" si="15"/>
        <v>1.5665019999999998</v>
      </c>
      <c r="E315">
        <f t="shared" si="16"/>
        <v>43.612818999999945</v>
      </c>
      <c r="F315">
        <f t="shared" si="14"/>
        <v>2.3269708225349812E-2</v>
      </c>
    </row>
    <row r="316" spans="1:6" x14ac:dyDescent="0.2">
      <c r="A316">
        <v>1196.873317</v>
      </c>
      <c r="B316">
        <v>19.977948999999999</v>
      </c>
      <c r="C316">
        <v>9.4866050000000008</v>
      </c>
      <c r="D316">
        <f t="shared" si="15"/>
        <v>1.5715070000000004</v>
      </c>
      <c r="E316">
        <f t="shared" si="16"/>
        <v>44.042435000000069</v>
      </c>
      <c r="F316">
        <f t="shared" si="14"/>
        <v>2.3415682311867858E-2</v>
      </c>
    </row>
    <row r="317" spans="1:6" x14ac:dyDescent="0.2">
      <c r="A317">
        <v>1197.1092189999999</v>
      </c>
      <c r="B317">
        <v>19.991555999999999</v>
      </c>
      <c r="C317">
        <v>9.4916099999999997</v>
      </c>
      <c r="D317">
        <f t="shared" si="15"/>
        <v>1.5765119999999992</v>
      </c>
      <c r="E317">
        <f t="shared" si="16"/>
        <v>44.278336999999965</v>
      </c>
      <c r="F317">
        <f t="shared" si="14"/>
        <v>2.3461741484530247E-2</v>
      </c>
    </row>
    <row r="318" spans="1:6" x14ac:dyDescent="0.2">
      <c r="A318">
        <v>1197.0530839999999</v>
      </c>
      <c r="B318">
        <v>20.020257000000001</v>
      </c>
      <c r="C318">
        <v>9.4966139999999992</v>
      </c>
      <c r="D318">
        <f t="shared" si="15"/>
        <v>1.5815159999999988</v>
      </c>
      <c r="E318">
        <f t="shared" si="16"/>
        <v>44.222201999999925</v>
      </c>
      <c r="F318">
        <f t="shared" si="14"/>
        <v>2.3358952535007985E-2</v>
      </c>
    </row>
    <row r="319" spans="1:6" x14ac:dyDescent="0.2">
      <c r="A319">
        <v>1196.957868</v>
      </c>
      <c r="B319">
        <v>20.008454</v>
      </c>
      <c r="C319">
        <v>9.5016189999999998</v>
      </c>
      <c r="D319">
        <f t="shared" si="15"/>
        <v>1.5865209999999994</v>
      </c>
      <c r="E319">
        <f t="shared" si="16"/>
        <v>44.126985999999988</v>
      </c>
      <c r="F319">
        <f t="shared" si="14"/>
        <v>2.3236974213178732E-2</v>
      </c>
    </row>
    <row r="320" spans="1:6" x14ac:dyDescent="0.2">
      <c r="A320">
        <v>1196.722634</v>
      </c>
      <c r="B320">
        <v>20.006475999999999</v>
      </c>
      <c r="C320">
        <v>9.5066240000000004</v>
      </c>
      <c r="D320">
        <f t="shared" si="15"/>
        <v>1.591526</v>
      </c>
      <c r="E320">
        <f t="shared" si="16"/>
        <v>43.891751999999997</v>
      </c>
      <c r="F320">
        <f t="shared" si="14"/>
        <v>2.3044944881362474E-2</v>
      </c>
    </row>
    <row r="321" spans="1:6" x14ac:dyDescent="0.2">
      <c r="A321">
        <v>1196.568037</v>
      </c>
      <c r="B321">
        <v>20.001152000000001</v>
      </c>
      <c r="C321">
        <v>9.5116289999999992</v>
      </c>
      <c r="D321">
        <f t="shared" si="15"/>
        <v>1.5965309999999988</v>
      </c>
      <c r="E321">
        <f t="shared" si="16"/>
        <v>43.73715500000003</v>
      </c>
      <c r="F321">
        <f t="shared" si="14"/>
        <v>2.2894743188789993E-2</v>
      </c>
    </row>
    <row r="322" spans="1:6" x14ac:dyDescent="0.2">
      <c r="A322">
        <v>1196.335002</v>
      </c>
      <c r="B322">
        <v>20.025233</v>
      </c>
      <c r="C322">
        <v>9.5166339999999998</v>
      </c>
      <c r="D322">
        <f t="shared" si="15"/>
        <v>1.6015359999999994</v>
      </c>
      <c r="E322">
        <f t="shared" si="16"/>
        <v>43.504120000000057</v>
      </c>
      <c r="F322">
        <f t="shared" si="14"/>
        <v>2.2706012544085205E-2</v>
      </c>
    </row>
    <row r="323" spans="1:6" x14ac:dyDescent="0.2">
      <c r="A323">
        <v>1195.9495019999999</v>
      </c>
      <c r="B323">
        <v>20.03632</v>
      </c>
      <c r="C323">
        <v>9.5216379999999994</v>
      </c>
      <c r="D323">
        <f t="shared" si="15"/>
        <v>1.606539999999999</v>
      </c>
      <c r="E323">
        <f t="shared" si="16"/>
        <v>43.118619999999964</v>
      </c>
      <c r="F323">
        <f t="shared" ref="F323:F386" si="17">(1/A323)*(E323/D323)</f>
        <v>2.2441943643588105E-2</v>
      </c>
    </row>
    <row r="324" spans="1:6" x14ac:dyDescent="0.2">
      <c r="A324">
        <v>1195.663652</v>
      </c>
      <c r="B324">
        <v>20.000316999999999</v>
      </c>
      <c r="C324">
        <v>9.526643</v>
      </c>
      <c r="D324">
        <f t="shared" si="15"/>
        <v>1.6115449999999996</v>
      </c>
      <c r="E324">
        <f t="shared" si="16"/>
        <v>42.832769999999982</v>
      </c>
      <c r="F324">
        <f t="shared" si="17"/>
        <v>2.2229244217837646E-2</v>
      </c>
    </row>
    <row r="325" spans="1:6" x14ac:dyDescent="0.2">
      <c r="A325">
        <v>1195.3297259999999</v>
      </c>
      <c r="B325">
        <v>20.056017000000001</v>
      </c>
      <c r="C325">
        <v>9.5316480000000006</v>
      </c>
      <c r="D325">
        <f t="shared" si="15"/>
        <v>1.6165500000000002</v>
      </c>
      <c r="E325">
        <f t="shared" si="16"/>
        <v>42.498843999999963</v>
      </c>
      <c r="F325">
        <f t="shared" si="17"/>
        <v>2.1993799179856589E-2</v>
      </c>
    </row>
    <row r="326" spans="1:6" x14ac:dyDescent="0.2">
      <c r="A326">
        <v>1195.018904</v>
      </c>
      <c r="B326">
        <v>20.006415000000001</v>
      </c>
      <c r="C326">
        <v>9.5366529999999994</v>
      </c>
      <c r="D326">
        <f t="shared" si="15"/>
        <v>1.621554999999999</v>
      </c>
      <c r="E326">
        <f t="shared" si="16"/>
        <v>42.188022000000046</v>
      </c>
      <c r="F326">
        <f t="shared" si="17"/>
        <v>2.1771216905980498E-2</v>
      </c>
    </row>
    <row r="327" spans="1:6" x14ac:dyDescent="0.2">
      <c r="A327">
        <v>1194.919459</v>
      </c>
      <c r="B327">
        <v>19.992944000000001</v>
      </c>
      <c r="C327">
        <v>9.541658</v>
      </c>
      <c r="D327">
        <f t="shared" ref="D327:D390" si="18">C327-$C$2</f>
        <v>1.6265599999999996</v>
      </c>
      <c r="E327">
        <f t="shared" ref="E327:E390" si="19">A327-$A$2</f>
        <v>42.088576999999987</v>
      </c>
      <c r="F327">
        <f t="shared" si="17"/>
        <v>2.1654867016547466E-2</v>
      </c>
    </row>
    <row r="328" spans="1:6" x14ac:dyDescent="0.2">
      <c r="A328">
        <v>1194.807061</v>
      </c>
      <c r="B328">
        <v>20.001715000000001</v>
      </c>
      <c r="C328">
        <v>9.5466619999999995</v>
      </c>
      <c r="D328">
        <f t="shared" si="18"/>
        <v>1.6315639999999991</v>
      </c>
      <c r="E328">
        <f t="shared" si="19"/>
        <v>41.976179000000002</v>
      </c>
      <c r="F328">
        <f t="shared" si="17"/>
        <v>2.15328248833292E-2</v>
      </c>
    </row>
    <row r="329" spans="1:6" x14ac:dyDescent="0.2">
      <c r="A329">
        <v>1195.2787109999999</v>
      </c>
      <c r="B329">
        <v>19.951309999999999</v>
      </c>
      <c r="C329">
        <v>9.5516670000000001</v>
      </c>
      <c r="D329">
        <f t="shared" si="18"/>
        <v>1.6365689999999997</v>
      </c>
      <c r="E329">
        <f t="shared" si="19"/>
        <v>42.447828999999956</v>
      </c>
      <c r="F329">
        <f t="shared" si="17"/>
        <v>2.1699612485022304E-2</v>
      </c>
    </row>
    <row r="330" spans="1:6" x14ac:dyDescent="0.2">
      <c r="A330">
        <v>1195.8658339999999</v>
      </c>
      <c r="B330">
        <v>19.942748000000002</v>
      </c>
      <c r="C330">
        <v>9.5566720000000007</v>
      </c>
      <c r="D330">
        <f t="shared" si="18"/>
        <v>1.6415740000000003</v>
      </c>
      <c r="E330">
        <f t="shared" si="19"/>
        <v>43.034951999999976</v>
      </c>
      <c r="F330">
        <f t="shared" si="17"/>
        <v>2.1921910470026007E-2</v>
      </c>
    </row>
    <row r="331" spans="1:6" x14ac:dyDescent="0.2">
      <c r="A331">
        <v>1196.399809</v>
      </c>
      <c r="B331">
        <v>19.967873999999998</v>
      </c>
      <c r="C331">
        <v>9.5616769999999995</v>
      </c>
      <c r="D331">
        <f t="shared" si="18"/>
        <v>1.6465789999999991</v>
      </c>
      <c r="E331">
        <f t="shared" si="19"/>
        <v>43.568927000000031</v>
      </c>
      <c r="F331">
        <f t="shared" si="17"/>
        <v>2.2116579312705359E-2</v>
      </c>
    </row>
    <row r="332" spans="1:6" x14ac:dyDescent="0.2">
      <c r="A332">
        <v>1196.7080370000001</v>
      </c>
      <c r="B332">
        <v>19.995094000000002</v>
      </c>
      <c r="C332">
        <v>9.5666820000000001</v>
      </c>
      <c r="D332">
        <f t="shared" si="18"/>
        <v>1.6515839999999997</v>
      </c>
      <c r="E332">
        <f t="shared" si="19"/>
        <v>43.87715500000013</v>
      </c>
      <c r="F332">
        <f t="shared" si="17"/>
        <v>2.2199826764304362E-2</v>
      </c>
    </row>
    <row r="333" spans="1:6" x14ac:dyDescent="0.2">
      <c r="A333">
        <v>1197.2455010000001</v>
      </c>
      <c r="B333">
        <v>19.963608000000001</v>
      </c>
      <c r="C333">
        <v>9.5716859999999997</v>
      </c>
      <c r="D333">
        <f t="shared" si="18"/>
        <v>1.6565879999999993</v>
      </c>
      <c r="E333">
        <f t="shared" si="19"/>
        <v>44.41461900000013</v>
      </c>
      <c r="F333">
        <f t="shared" si="17"/>
        <v>2.2393821706512308E-2</v>
      </c>
    </row>
    <row r="334" spans="1:6" x14ac:dyDescent="0.2">
      <c r="A334">
        <v>1198.1716739999999</v>
      </c>
      <c r="B334">
        <v>19.918693000000001</v>
      </c>
      <c r="C334">
        <v>9.5766910000000003</v>
      </c>
      <c r="D334">
        <f t="shared" si="18"/>
        <v>1.6615929999999999</v>
      </c>
      <c r="E334">
        <f t="shared" si="19"/>
        <v>45.340791999999965</v>
      </c>
      <c r="F334">
        <f t="shared" si="17"/>
        <v>2.2774319017381466E-2</v>
      </c>
    </row>
    <row r="335" spans="1:6" x14ac:dyDescent="0.2">
      <c r="A335">
        <v>1198.864628</v>
      </c>
      <c r="B335">
        <v>19.950406999999998</v>
      </c>
      <c r="C335">
        <v>9.5816960000000009</v>
      </c>
      <c r="D335">
        <f t="shared" si="18"/>
        <v>1.6665980000000005</v>
      </c>
      <c r="E335">
        <f t="shared" si="19"/>
        <v>46.033746000000065</v>
      </c>
      <c r="F335">
        <f t="shared" si="17"/>
        <v>2.3039620117215432E-2</v>
      </c>
    </row>
    <row r="336" spans="1:6" x14ac:dyDescent="0.2">
      <c r="A336">
        <v>1199.4270309999999</v>
      </c>
      <c r="B336">
        <v>19.945461000000002</v>
      </c>
      <c r="C336">
        <v>9.5867009999999997</v>
      </c>
      <c r="D336">
        <f t="shared" si="18"/>
        <v>1.6716029999999993</v>
      </c>
      <c r="E336">
        <f t="shared" si="19"/>
        <v>46.596148999999969</v>
      </c>
      <c r="F336">
        <f t="shared" si="17"/>
        <v>2.3240370712798816E-2</v>
      </c>
    </row>
    <row r="337" spans="1:6" x14ac:dyDescent="0.2">
      <c r="A337">
        <v>1199.740403</v>
      </c>
      <c r="B337">
        <v>20.002279000000001</v>
      </c>
      <c r="C337">
        <v>9.5917060000000003</v>
      </c>
      <c r="D337">
        <f t="shared" si="18"/>
        <v>1.6766079999999999</v>
      </c>
      <c r="E337">
        <f t="shared" si="19"/>
        <v>46.909521000000041</v>
      </c>
      <c r="F337">
        <f t="shared" si="17"/>
        <v>2.3320732083053158E-2</v>
      </c>
    </row>
    <row r="338" spans="1:6" x14ac:dyDescent="0.2">
      <c r="A338">
        <v>1199.871633</v>
      </c>
      <c r="B338">
        <v>19.984591000000002</v>
      </c>
      <c r="C338">
        <v>9.5967099999999999</v>
      </c>
      <c r="D338">
        <f t="shared" si="18"/>
        <v>1.6816119999999994</v>
      </c>
      <c r="E338">
        <f t="shared" si="19"/>
        <v>47.040751</v>
      </c>
      <c r="F338">
        <f t="shared" si="17"/>
        <v>2.3313832008159785E-2</v>
      </c>
    </row>
    <row r="339" spans="1:6" x14ac:dyDescent="0.2">
      <c r="A339">
        <v>1200.2526109999999</v>
      </c>
      <c r="B339">
        <v>19.973752000000001</v>
      </c>
      <c r="C339">
        <v>9.6017150000000004</v>
      </c>
      <c r="D339">
        <f t="shared" si="18"/>
        <v>1.686617</v>
      </c>
      <c r="E339">
        <f t="shared" si="19"/>
        <v>47.421728999999914</v>
      </c>
      <c r="F339">
        <f t="shared" si="17"/>
        <v>2.3425466674984911E-2</v>
      </c>
    </row>
    <row r="340" spans="1:6" x14ac:dyDescent="0.2">
      <c r="A340">
        <v>1200.611116</v>
      </c>
      <c r="B340">
        <v>19.973257</v>
      </c>
      <c r="C340">
        <v>9.6067199999999993</v>
      </c>
      <c r="D340">
        <f t="shared" si="18"/>
        <v>1.6916219999999988</v>
      </c>
      <c r="E340">
        <f t="shared" si="19"/>
        <v>47.780234000000064</v>
      </c>
      <c r="F340">
        <f t="shared" si="17"/>
        <v>2.3525701794008487E-2</v>
      </c>
    </row>
    <row r="341" spans="1:6" x14ac:dyDescent="0.2">
      <c r="A341">
        <v>1200.750593</v>
      </c>
      <c r="B341">
        <v>20.004431</v>
      </c>
      <c r="C341">
        <v>9.6117249999999999</v>
      </c>
      <c r="D341">
        <f t="shared" si="18"/>
        <v>1.6966269999999994</v>
      </c>
      <c r="E341">
        <f t="shared" si="19"/>
        <v>47.919711000000007</v>
      </c>
      <c r="F341">
        <f t="shared" si="17"/>
        <v>2.3522041201371306E-2</v>
      </c>
    </row>
    <row r="342" spans="1:6" x14ac:dyDescent="0.2">
      <c r="A342">
        <v>1200.736386</v>
      </c>
      <c r="B342">
        <v>19.998315999999999</v>
      </c>
      <c r="C342">
        <v>9.6167300000000004</v>
      </c>
      <c r="D342">
        <f t="shared" si="18"/>
        <v>1.701632</v>
      </c>
      <c r="E342">
        <f t="shared" si="19"/>
        <v>47.905504000000064</v>
      </c>
      <c r="F342">
        <f t="shared" si="17"/>
        <v>2.3446180185048286E-2</v>
      </c>
    </row>
    <row r="343" spans="1:6" x14ac:dyDescent="0.2">
      <c r="A343">
        <v>1200.333187</v>
      </c>
      <c r="B343">
        <v>20.040143</v>
      </c>
      <c r="C343">
        <v>9.621734</v>
      </c>
      <c r="D343">
        <f t="shared" si="18"/>
        <v>1.7066359999999996</v>
      </c>
      <c r="E343">
        <f t="shared" si="19"/>
        <v>47.502304999999978</v>
      </c>
      <c r="F343">
        <f t="shared" si="17"/>
        <v>2.3188463234587089E-2</v>
      </c>
    </row>
    <row r="344" spans="1:6" x14ac:dyDescent="0.2">
      <c r="A344">
        <v>1199.8501859999999</v>
      </c>
      <c r="B344">
        <v>20.026885</v>
      </c>
      <c r="C344">
        <v>9.6267390000000006</v>
      </c>
      <c r="D344">
        <f t="shared" si="18"/>
        <v>1.7116410000000002</v>
      </c>
      <c r="E344">
        <f t="shared" si="19"/>
        <v>47.01930399999992</v>
      </c>
      <c r="F344">
        <f t="shared" si="17"/>
        <v>2.2894780923664804E-2</v>
      </c>
    </row>
    <row r="345" spans="1:6" x14ac:dyDescent="0.2">
      <c r="A345">
        <v>1199.6559729999999</v>
      </c>
      <c r="B345">
        <v>19.998225999999999</v>
      </c>
      <c r="C345">
        <v>9.6317439999999994</v>
      </c>
      <c r="D345">
        <f t="shared" si="18"/>
        <v>1.716645999999999</v>
      </c>
      <c r="E345">
        <f t="shared" si="19"/>
        <v>46.825090999999929</v>
      </c>
      <c r="F345">
        <f t="shared" si="17"/>
        <v>2.2737418924270301E-2</v>
      </c>
    </row>
    <row r="346" spans="1:6" x14ac:dyDescent="0.2">
      <c r="A346">
        <v>1199.5488109999999</v>
      </c>
      <c r="B346">
        <v>19.999953000000001</v>
      </c>
      <c r="C346">
        <v>9.636749</v>
      </c>
      <c r="D346">
        <f t="shared" si="18"/>
        <v>1.7216509999999996</v>
      </c>
      <c r="E346">
        <f t="shared" si="19"/>
        <v>46.717928999999913</v>
      </c>
      <c r="F346">
        <f t="shared" si="17"/>
        <v>2.2621455180721051E-2</v>
      </c>
    </row>
    <row r="347" spans="1:6" x14ac:dyDescent="0.2">
      <c r="A347">
        <v>1199.1788509999999</v>
      </c>
      <c r="B347">
        <v>20.056504</v>
      </c>
      <c r="C347">
        <v>9.6417540000000006</v>
      </c>
      <c r="D347">
        <f t="shared" si="18"/>
        <v>1.7266560000000002</v>
      </c>
      <c r="E347">
        <f t="shared" si="19"/>
        <v>46.347968999999921</v>
      </c>
      <c r="F347">
        <f t="shared" si="17"/>
        <v>2.2384166373137157E-2</v>
      </c>
    </row>
    <row r="348" spans="1:6" x14ac:dyDescent="0.2">
      <c r="A348">
        <v>1198.850903</v>
      </c>
      <c r="B348">
        <v>20.005278000000001</v>
      </c>
      <c r="C348">
        <v>9.6467580000000002</v>
      </c>
      <c r="D348">
        <f t="shared" si="18"/>
        <v>1.7316599999999998</v>
      </c>
      <c r="E348">
        <f t="shared" si="19"/>
        <v>46.020021000000042</v>
      </c>
      <c r="F348">
        <f t="shared" si="17"/>
        <v>2.2167617165548954E-2</v>
      </c>
    </row>
    <row r="349" spans="1:6" x14ac:dyDescent="0.2">
      <c r="A349">
        <v>1198.9051509999999</v>
      </c>
      <c r="B349">
        <v>19.985688</v>
      </c>
      <c r="C349">
        <v>9.6517630000000008</v>
      </c>
      <c r="D349">
        <f t="shared" si="18"/>
        <v>1.7366650000000003</v>
      </c>
      <c r="E349">
        <f t="shared" si="19"/>
        <v>46.074268999999958</v>
      </c>
      <c r="F349">
        <f t="shared" si="17"/>
        <v>2.2128785325732689E-2</v>
      </c>
    </row>
    <row r="350" spans="1:6" x14ac:dyDescent="0.2">
      <c r="A350">
        <v>1198.9340669999999</v>
      </c>
      <c r="B350">
        <v>20.017956000000002</v>
      </c>
      <c r="C350">
        <v>9.6567679999999996</v>
      </c>
      <c r="D350">
        <f t="shared" si="18"/>
        <v>1.7416699999999992</v>
      </c>
      <c r="E350">
        <f t="shared" si="19"/>
        <v>46.103184999999939</v>
      </c>
      <c r="F350">
        <f t="shared" si="17"/>
        <v>2.2078509816904877E-2</v>
      </c>
    </row>
    <row r="351" spans="1:6" x14ac:dyDescent="0.2">
      <c r="A351">
        <v>1198.6446089999999</v>
      </c>
      <c r="B351">
        <v>20.007273999999999</v>
      </c>
      <c r="C351">
        <v>9.6617730000000002</v>
      </c>
      <c r="D351">
        <f t="shared" si="18"/>
        <v>1.7466749999999998</v>
      </c>
      <c r="E351">
        <f t="shared" si="19"/>
        <v>45.813726999999972</v>
      </c>
      <c r="F351">
        <f t="shared" si="17"/>
        <v>2.1882305797275486E-2</v>
      </c>
    </row>
    <row r="352" spans="1:6" x14ac:dyDescent="0.2">
      <c r="A352">
        <v>1198.1289959999999</v>
      </c>
      <c r="B352">
        <v>20.043671</v>
      </c>
      <c r="C352">
        <v>9.6667780000000008</v>
      </c>
      <c r="D352">
        <f t="shared" si="18"/>
        <v>1.7516800000000003</v>
      </c>
      <c r="E352">
        <f t="shared" si="19"/>
        <v>45.298113999999941</v>
      </c>
      <c r="F352">
        <f t="shared" si="17"/>
        <v>2.1583494965113026E-2</v>
      </c>
    </row>
    <row r="353" spans="1:6" x14ac:dyDescent="0.2">
      <c r="A353">
        <v>1197.682708</v>
      </c>
      <c r="B353">
        <v>20.033591000000001</v>
      </c>
      <c r="C353">
        <v>9.6717820000000003</v>
      </c>
      <c r="D353">
        <f t="shared" si="18"/>
        <v>1.7566839999999999</v>
      </c>
      <c r="E353">
        <f t="shared" si="19"/>
        <v>44.851826000000074</v>
      </c>
      <c r="F353">
        <f t="shared" si="17"/>
        <v>2.1317913890258156E-2</v>
      </c>
    </row>
    <row r="354" spans="1:6" x14ac:dyDescent="0.2">
      <c r="A354">
        <v>1197.43697</v>
      </c>
      <c r="B354">
        <v>20.019455000000001</v>
      </c>
      <c r="C354">
        <v>9.6767869999999991</v>
      </c>
      <c r="D354">
        <f t="shared" si="18"/>
        <v>1.7616889999999987</v>
      </c>
      <c r="E354">
        <f t="shared" si="19"/>
        <v>44.606088</v>
      </c>
      <c r="F354">
        <f t="shared" si="17"/>
        <v>2.1145221152554756E-2</v>
      </c>
    </row>
    <row r="355" spans="1:6" x14ac:dyDescent="0.2">
      <c r="A355">
        <v>1197.306427</v>
      </c>
      <c r="B355">
        <v>20.001353000000002</v>
      </c>
      <c r="C355">
        <v>9.6817919999999997</v>
      </c>
      <c r="D355">
        <f t="shared" si="18"/>
        <v>1.7666939999999993</v>
      </c>
      <c r="E355">
        <f t="shared" si="19"/>
        <v>44.475545000000011</v>
      </c>
      <c r="F355">
        <f t="shared" si="17"/>
        <v>2.102590175188631E-2</v>
      </c>
    </row>
    <row r="356" spans="1:6" x14ac:dyDescent="0.2">
      <c r="A356">
        <v>1197.663423</v>
      </c>
      <c r="B356">
        <v>19.935065000000002</v>
      </c>
      <c r="C356">
        <v>9.6867970000000003</v>
      </c>
      <c r="D356">
        <f t="shared" si="18"/>
        <v>1.7716989999999999</v>
      </c>
      <c r="E356">
        <f t="shared" si="19"/>
        <v>44.832540999999992</v>
      </c>
      <c r="F356">
        <f t="shared" si="17"/>
        <v>2.1128498162448685E-2</v>
      </c>
    </row>
    <row r="357" spans="1:6" x14ac:dyDescent="0.2">
      <c r="A357">
        <v>1198.321929</v>
      </c>
      <c r="B357">
        <v>19.962828999999999</v>
      </c>
      <c r="C357">
        <v>9.6918019999999991</v>
      </c>
      <c r="D357">
        <f t="shared" si="18"/>
        <v>1.7767039999999987</v>
      </c>
      <c r="E357">
        <f t="shared" si="19"/>
        <v>45.49104699999998</v>
      </c>
      <c r="F357">
        <f t="shared" si="17"/>
        <v>2.1366694743622915E-2</v>
      </c>
    </row>
    <row r="358" spans="1:6" x14ac:dyDescent="0.2">
      <c r="A358">
        <v>1198.802171</v>
      </c>
      <c r="B358">
        <v>19.980188999999999</v>
      </c>
      <c r="C358">
        <v>9.6968060000000005</v>
      </c>
      <c r="D358">
        <f t="shared" si="18"/>
        <v>1.7817080000000001</v>
      </c>
      <c r="E358">
        <f t="shared" si="19"/>
        <v>45.97128900000007</v>
      </c>
      <c r="F358">
        <f t="shared" si="17"/>
        <v>2.152299131420727E-2</v>
      </c>
    </row>
    <row r="359" spans="1:6" x14ac:dyDescent="0.2">
      <c r="A359">
        <v>1199.2753290000001</v>
      </c>
      <c r="B359">
        <v>19.956596999999999</v>
      </c>
      <c r="C359">
        <v>9.7018109999999993</v>
      </c>
      <c r="D359">
        <f t="shared" si="18"/>
        <v>1.7867129999999989</v>
      </c>
      <c r="E359">
        <f t="shared" si="19"/>
        <v>46.444447000000082</v>
      </c>
      <c r="F359">
        <f t="shared" si="17"/>
        <v>2.1675049565455014E-2</v>
      </c>
    </row>
    <row r="360" spans="1:6" x14ac:dyDescent="0.2">
      <c r="A360">
        <v>1199.7290290000001</v>
      </c>
      <c r="B360">
        <v>19.958103999999999</v>
      </c>
      <c r="C360">
        <v>9.7068159999999999</v>
      </c>
      <c r="D360">
        <f t="shared" si="18"/>
        <v>1.7917179999999995</v>
      </c>
      <c r="E360">
        <f t="shared" si="19"/>
        <v>46.898147000000108</v>
      </c>
      <c r="F360">
        <f t="shared" si="17"/>
        <v>2.1817393242760438E-2</v>
      </c>
    </row>
    <row r="361" spans="1:6" x14ac:dyDescent="0.2">
      <c r="A361">
        <v>1200.3941090000001</v>
      </c>
      <c r="B361">
        <v>19.955480999999999</v>
      </c>
      <c r="C361">
        <v>9.7118210000000005</v>
      </c>
      <c r="D361">
        <f t="shared" si="18"/>
        <v>1.7967230000000001</v>
      </c>
      <c r="E361">
        <f t="shared" si="19"/>
        <v>47.563227000000097</v>
      </c>
      <c r="F361">
        <f t="shared" si="17"/>
        <v>2.2052931557159747E-2</v>
      </c>
    </row>
    <row r="362" spans="1:6" x14ac:dyDescent="0.2">
      <c r="A362">
        <v>1200.7204630000001</v>
      </c>
      <c r="B362">
        <v>19.978014999999999</v>
      </c>
      <c r="C362">
        <v>9.7168259999999993</v>
      </c>
      <c r="D362">
        <f t="shared" si="18"/>
        <v>1.8017279999999989</v>
      </c>
      <c r="E362">
        <f t="shared" si="19"/>
        <v>47.889581000000135</v>
      </c>
      <c r="F362">
        <f t="shared" si="17"/>
        <v>2.2136548000065658E-2</v>
      </c>
    </row>
    <row r="363" spans="1:6" x14ac:dyDescent="0.2">
      <c r="A363">
        <v>1201.2555990000001</v>
      </c>
      <c r="B363">
        <v>19.971813999999998</v>
      </c>
      <c r="C363">
        <v>9.7218300000000006</v>
      </c>
      <c r="D363">
        <f t="shared" si="18"/>
        <v>1.8067320000000002</v>
      </c>
      <c r="E363">
        <f t="shared" si="19"/>
        <v>48.424717000000101</v>
      </c>
      <c r="F363">
        <f t="shared" si="17"/>
        <v>2.231197063968357E-2</v>
      </c>
    </row>
    <row r="364" spans="1:6" x14ac:dyDescent="0.2">
      <c r="A364">
        <v>1201.561193</v>
      </c>
      <c r="B364">
        <v>19.989335000000001</v>
      </c>
      <c r="C364">
        <v>9.7268349999999995</v>
      </c>
      <c r="D364">
        <f t="shared" si="18"/>
        <v>1.811736999999999</v>
      </c>
      <c r="E364">
        <f t="shared" si="19"/>
        <v>48.730311000000029</v>
      </c>
      <c r="F364">
        <f t="shared" si="17"/>
        <v>2.2385053460995261E-2</v>
      </c>
    </row>
    <row r="365" spans="1:6" x14ac:dyDescent="0.2">
      <c r="A365">
        <v>1201.2805840000001</v>
      </c>
      <c r="B365">
        <v>20.022565</v>
      </c>
      <c r="C365">
        <v>9.73184</v>
      </c>
      <c r="D365">
        <f t="shared" si="18"/>
        <v>1.8167419999999996</v>
      </c>
      <c r="E365">
        <f t="shared" si="19"/>
        <v>48.449702000000116</v>
      </c>
      <c r="F365">
        <f t="shared" si="17"/>
        <v>2.22000215475016E-2</v>
      </c>
    </row>
    <row r="366" spans="1:6" x14ac:dyDescent="0.2">
      <c r="A366">
        <v>1201.3128369999999</v>
      </c>
      <c r="B366">
        <v>19.980407</v>
      </c>
      <c r="C366">
        <v>9.7368450000000006</v>
      </c>
      <c r="D366">
        <f t="shared" si="18"/>
        <v>1.8217470000000002</v>
      </c>
      <c r="E366">
        <f t="shared" si="19"/>
        <v>48.481954999999971</v>
      </c>
      <c r="F366">
        <f t="shared" si="17"/>
        <v>2.215317321375869E-2</v>
      </c>
    </row>
    <row r="367" spans="1:6" x14ac:dyDescent="0.2">
      <c r="A367">
        <v>1201.6809229999999</v>
      </c>
      <c r="B367">
        <v>19.967252999999999</v>
      </c>
      <c r="C367">
        <v>9.7418499999999995</v>
      </c>
      <c r="D367">
        <f t="shared" si="18"/>
        <v>1.826751999999999</v>
      </c>
      <c r="E367">
        <f t="shared" si="19"/>
        <v>48.850040999999919</v>
      </c>
      <c r="F367">
        <f t="shared" si="17"/>
        <v>2.2253389753149742E-2</v>
      </c>
    </row>
    <row r="368" spans="1:6" x14ac:dyDescent="0.2">
      <c r="A368">
        <v>1201.8121410000001</v>
      </c>
      <c r="B368">
        <v>19.994076</v>
      </c>
      <c r="C368">
        <v>9.7468540000000008</v>
      </c>
      <c r="D368">
        <f t="shared" si="18"/>
        <v>1.8317560000000004</v>
      </c>
      <c r="E368">
        <f t="shared" si="19"/>
        <v>48.981259000000136</v>
      </c>
      <c r="F368">
        <f t="shared" si="17"/>
        <v>2.2249780663444171E-2</v>
      </c>
    </row>
    <row r="369" spans="1:6" x14ac:dyDescent="0.2">
      <c r="A369">
        <v>1201.9633839999999</v>
      </c>
      <c r="B369">
        <v>20.004719000000001</v>
      </c>
      <c r="C369">
        <v>9.7518589999999996</v>
      </c>
      <c r="D369">
        <f t="shared" si="18"/>
        <v>1.8367609999999992</v>
      </c>
      <c r="E369">
        <f t="shared" si="19"/>
        <v>49.132501999999931</v>
      </c>
      <c r="F369">
        <f t="shared" si="17"/>
        <v>2.2254866494981377E-2</v>
      </c>
    </row>
    <row r="370" spans="1:6" x14ac:dyDescent="0.2">
      <c r="A370">
        <v>1201.5436890000001</v>
      </c>
      <c r="B370">
        <v>20.029627999999999</v>
      </c>
      <c r="C370">
        <v>9.7568640000000002</v>
      </c>
      <c r="D370">
        <f t="shared" si="18"/>
        <v>1.8417659999999998</v>
      </c>
      <c r="E370">
        <f t="shared" si="19"/>
        <v>48.712807000000112</v>
      </c>
      <c r="F370">
        <f t="shared" si="17"/>
        <v>2.20124882803929E-2</v>
      </c>
    </row>
    <row r="371" spans="1:6" x14ac:dyDescent="0.2">
      <c r="A371">
        <v>1201.213667</v>
      </c>
      <c r="B371">
        <v>20.020161000000002</v>
      </c>
      <c r="C371">
        <v>9.7618690000000008</v>
      </c>
      <c r="D371">
        <f t="shared" si="18"/>
        <v>1.8467710000000004</v>
      </c>
      <c r="E371">
        <f t="shared" si="19"/>
        <v>48.382785000000013</v>
      </c>
      <c r="F371">
        <f t="shared" si="17"/>
        <v>2.1810094762034968E-2</v>
      </c>
    </row>
    <row r="372" spans="1:6" x14ac:dyDescent="0.2">
      <c r="A372">
        <v>1200.980321</v>
      </c>
      <c r="B372">
        <v>20.011122</v>
      </c>
      <c r="C372">
        <v>9.7668739999999996</v>
      </c>
      <c r="D372">
        <f t="shared" si="18"/>
        <v>1.8517759999999992</v>
      </c>
      <c r="E372">
        <f t="shared" si="19"/>
        <v>48.149439000000029</v>
      </c>
      <c r="F372">
        <f t="shared" si="17"/>
        <v>2.1650448086047634E-2</v>
      </c>
    </row>
    <row r="373" spans="1:6" x14ac:dyDescent="0.2">
      <c r="A373">
        <v>1200.623341</v>
      </c>
      <c r="B373">
        <v>20.034400000000002</v>
      </c>
      <c r="C373">
        <v>9.7718779999999992</v>
      </c>
      <c r="D373">
        <f t="shared" si="18"/>
        <v>1.8567799999999988</v>
      </c>
      <c r="E373">
        <f t="shared" si="19"/>
        <v>47.792459000000008</v>
      </c>
      <c r="F373">
        <f t="shared" si="17"/>
        <v>2.1438388884901838E-2</v>
      </c>
    </row>
    <row r="374" spans="1:6" x14ac:dyDescent="0.2">
      <c r="A374">
        <v>1200.193178</v>
      </c>
      <c r="B374">
        <v>20.032426999999998</v>
      </c>
      <c r="C374">
        <v>9.7768829999999998</v>
      </c>
      <c r="D374">
        <f t="shared" si="18"/>
        <v>1.8617849999999994</v>
      </c>
      <c r="E374">
        <f t="shared" si="19"/>
        <v>47.362296000000015</v>
      </c>
      <c r="F374">
        <f t="shared" si="17"/>
        <v>2.1195910002969252E-2</v>
      </c>
    </row>
    <row r="375" spans="1:6" x14ac:dyDescent="0.2">
      <c r="A375">
        <v>1199.9681780000001</v>
      </c>
      <c r="B375">
        <v>19.99269</v>
      </c>
      <c r="C375">
        <v>9.7818880000000004</v>
      </c>
      <c r="D375">
        <f t="shared" si="18"/>
        <v>1.8667899999999999</v>
      </c>
      <c r="E375">
        <f t="shared" si="19"/>
        <v>47.137296000000106</v>
      </c>
      <c r="F375">
        <f t="shared" si="17"/>
        <v>2.1042603451056238E-2</v>
      </c>
    </row>
    <row r="376" spans="1:6" x14ac:dyDescent="0.2">
      <c r="A376">
        <v>1199.912875</v>
      </c>
      <c r="B376">
        <v>20.003655999999999</v>
      </c>
      <c r="C376">
        <v>9.7868929999999992</v>
      </c>
      <c r="D376">
        <f t="shared" si="18"/>
        <v>1.8717949999999988</v>
      </c>
      <c r="E376">
        <f t="shared" si="19"/>
        <v>47.081993000000011</v>
      </c>
      <c r="F376">
        <f t="shared" si="17"/>
        <v>2.0962681809471303E-2</v>
      </c>
    </row>
    <row r="377" spans="1:6" x14ac:dyDescent="0.2">
      <c r="A377">
        <v>1199.7624840000001</v>
      </c>
      <c r="B377">
        <v>20.009409999999999</v>
      </c>
      <c r="C377">
        <v>9.7918979999999998</v>
      </c>
      <c r="D377">
        <f t="shared" si="18"/>
        <v>1.8767999999999994</v>
      </c>
      <c r="E377">
        <f t="shared" si="19"/>
        <v>46.931602000000112</v>
      </c>
      <c r="F377">
        <f t="shared" si="17"/>
        <v>2.0842610210177689E-2</v>
      </c>
    </row>
    <row r="378" spans="1:6" x14ac:dyDescent="0.2">
      <c r="A378">
        <v>1199.741096</v>
      </c>
      <c r="B378">
        <v>20.001276000000001</v>
      </c>
      <c r="C378">
        <v>9.7969019999999993</v>
      </c>
      <c r="D378">
        <f t="shared" si="18"/>
        <v>1.8818039999999989</v>
      </c>
      <c r="E378">
        <f t="shared" si="19"/>
        <v>46.910213999999996</v>
      </c>
      <c r="F378">
        <f t="shared" si="17"/>
        <v>2.0778083698389144E-2</v>
      </c>
    </row>
    <row r="379" spans="1:6" x14ac:dyDescent="0.2">
      <c r="A379">
        <v>1199.798775</v>
      </c>
      <c r="B379">
        <v>19.987734</v>
      </c>
      <c r="C379">
        <v>9.8019069999999999</v>
      </c>
      <c r="D379">
        <f t="shared" si="18"/>
        <v>1.8868089999999995</v>
      </c>
      <c r="E379">
        <f t="shared" si="19"/>
        <v>46.967893000000004</v>
      </c>
      <c r="F379">
        <f t="shared" si="17"/>
        <v>2.0747449905048562E-2</v>
      </c>
    </row>
    <row r="380" spans="1:6" x14ac:dyDescent="0.2">
      <c r="A380">
        <v>1200.0191380000001</v>
      </c>
      <c r="B380">
        <v>19.994785</v>
      </c>
      <c r="C380">
        <v>9.8069120000000005</v>
      </c>
      <c r="D380">
        <f t="shared" si="18"/>
        <v>1.8918140000000001</v>
      </c>
      <c r="E380">
        <f t="shared" si="19"/>
        <v>47.188256000000138</v>
      </c>
      <c r="F380">
        <f t="shared" si="17"/>
        <v>2.0785827534651104E-2</v>
      </c>
    </row>
    <row r="381" spans="1:6" x14ac:dyDescent="0.2">
      <c r="A381">
        <v>1200.5454319999999</v>
      </c>
      <c r="B381">
        <v>19.942067000000002</v>
      </c>
      <c r="C381">
        <v>9.8119169999999993</v>
      </c>
      <c r="D381">
        <f t="shared" si="18"/>
        <v>1.8968189999999989</v>
      </c>
      <c r="E381">
        <f t="shared" si="19"/>
        <v>47.714549999999917</v>
      </c>
      <c r="F381">
        <f t="shared" si="17"/>
        <v>2.0953006198676846E-2</v>
      </c>
    </row>
    <row r="382" spans="1:6" x14ac:dyDescent="0.2">
      <c r="A382">
        <v>1201.0766369999999</v>
      </c>
      <c r="B382">
        <v>19.972837999999999</v>
      </c>
      <c r="C382">
        <v>9.8169219999999999</v>
      </c>
      <c r="D382">
        <f t="shared" si="18"/>
        <v>1.9018239999999995</v>
      </c>
      <c r="E382">
        <f t="shared" si="19"/>
        <v>48.245754999999917</v>
      </c>
      <c r="F382">
        <f t="shared" si="17"/>
        <v>2.1121174475346078E-2</v>
      </c>
    </row>
    <row r="383" spans="1:6" x14ac:dyDescent="0.2">
      <c r="A383">
        <v>1201.211491</v>
      </c>
      <c r="B383">
        <v>20.002164</v>
      </c>
      <c r="C383">
        <v>9.8219259999999995</v>
      </c>
      <c r="D383">
        <f t="shared" si="18"/>
        <v>1.9068279999999991</v>
      </c>
      <c r="E383">
        <f t="shared" si="19"/>
        <v>48.380609000000049</v>
      </c>
      <c r="F383">
        <f t="shared" si="17"/>
        <v>2.1122257473420409E-2</v>
      </c>
    </row>
    <row r="384" spans="1:6" x14ac:dyDescent="0.2">
      <c r="A384">
        <v>1201.3398569999999</v>
      </c>
      <c r="B384">
        <v>19.988263</v>
      </c>
      <c r="C384">
        <v>9.8269310000000001</v>
      </c>
      <c r="D384">
        <f t="shared" si="18"/>
        <v>1.9118329999999997</v>
      </c>
      <c r="E384">
        <f t="shared" si="19"/>
        <v>48.508974999999964</v>
      </c>
      <c r="F384">
        <f t="shared" si="17"/>
        <v>2.112060033175649E-2</v>
      </c>
    </row>
    <row r="385" spans="1:6" x14ac:dyDescent="0.2">
      <c r="A385">
        <v>1201.2399310000001</v>
      </c>
      <c r="B385">
        <v>20.009885000000001</v>
      </c>
      <c r="C385">
        <v>9.8319360000000007</v>
      </c>
      <c r="D385">
        <f t="shared" si="18"/>
        <v>1.9168380000000003</v>
      </c>
      <c r="E385">
        <f t="shared" si="19"/>
        <v>48.409049000000095</v>
      </c>
      <c r="F385">
        <f t="shared" si="17"/>
        <v>2.1023807928542991E-2</v>
      </c>
    </row>
    <row r="386" spans="1:6" x14ac:dyDescent="0.2">
      <c r="A386">
        <v>1201.048761</v>
      </c>
      <c r="B386">
        <v>20.024267999999999</v>
      </c>
      <c r="C386">
        <v>9.8369409999999995</v>
      </c>
      <c r="D386">
        <f t="shared" si="18"/>
        <v>1.9218429999999991</v>
      </c>
      <c r="E386">
        <f t="shared" si="19"/>
        <v>48.217879000000039</v>
      </c>
      <c r="F386">
        <f t="shared" si="17"/>
        <v>2.0889572725424056E-2</v>
      </c>
    </row>
    <row r="387" spans="1:6" x14ac:dyDescent="0.2">
      <c r="A387">
        <v>1200.636526</v>
      </c>
      <c r="B387">
        <v>20.017916</v>
      </c>
      <c r="C387">
        <v>9.8419460000000001</v>
      </c>
      <c r="D387">
        <f t="shared" si="18"/>
        <v>1.9268479999999997</v>
      </c>
      <c r="E387">
        <f t="shared" si="19"/>
        <v>47.805644000000029</v>
      </c>
      <c r="F387">
        <f t="shared" ref="F387:F418" si="20">(1/A387)*(E387/D387)</f>
        <v>2.0664274632962044E-2</v>
      </c>
    </row>
    <row r="388" spans="1:6" x14ac:dyDescent="0.2">
      <c r="A388">
        <v>1200.515067</v>
      </c>
      <c r="B388">
        <v>19.989173999999998</v>
      </c>
      <c r="C388">
        <v>9.8469499999999996</v>
      </c>
      <c r="D388">
        <f t="shared" si="18"/>
        <v>1.9318519999999992</v>
      </c>
      <c r="E388">
        <f t="shared" si="19"/>
        <v>47.68418500000007</v>
      </c>
      <c r="F388">
        <f t="shared" si="20"/>
        <v>2.0560463334357154E-2</v>
      </c>
    </row>
    <row r="389" spans="1:6" x14ac:dyDescent="0.2">
      <c r="A389">
        <v>1200.6179480000001</v>
      </c>
      <c r="B389">
        <v>20.009620999999999</v>
      </c>
      <c r="C389">
        <v>9.8519550000000002</v>
      </c>
      <c r="D389">
        <f t="shared" si="18"/>
        <v>1.9368569999999998</v>
      </c>
      <c r="E389">
        <f t="shared" si="19"/>
        <v>47.787066000000095</v>
      </c>
      <c r="F389">
        <f t="shared" si="20"/>
        <v>2.0549817908365828E-2</v>
      </c>
    </row>
    <row r="390" spans="1:6" x14ac:dyDescent="0.2">
      <c r="A390">
        <v>1200.375865</v>
      </c>
      <c r="B390">
        <v>20.029838000000002</v>
      </c>
      <c r="C390">
        <v>9.8569600000000008</v>
      </c>
      <c r="D390">
        <f t="shared" si="18"/>
        <v>1.9418620000000004</v>
      </c>
      <c r="E390">
        <f t="shared" si="19"/>
        <v>47.544983000000002</v>
      </c>
      <c r="F390">
        <f t="shared" si="20"/>
        <v>2.0397130685158887E-2</v>
      </c>
    </row>
    <row r="391" spans="1:6" x14ac:dyDescent="0.2">
      <c r="A391">
        <v>1199.8869540000001</v>
      </c>
      <c r="B391">
        <v>20.017548000000001</v>
      </c>
      <c r="C391">
        <v>9.8619649999999996</v>
      </c>
      <c r="D391">
        <f t="shared" ref="D391:D409" si="21">C391-$C$2</f>
        <v>1.9468669999999992</v>
      </c>
      <c r="E391">
        <f t="shared" ref="E391:E409" si="22">A391-$A$2</f>
        <v>47.056072000000086</v>
      </c>
      <c r="F391">
        <f t="shared" si="20"/>
        <v>2.0143691263495474E-2</v>
      </c>
    </row>
    <row r="392" spans="1:6" x14ac:dyDescent="0.2">
      <c r="A392">
        <v>1199.4869200000001</v>
      </c>
      <c r="B392">
        <v>20.014098000000001</v>
      </c>
      <c r="C392">
        <v>9.8669700000000002</v>
      </c>
      <c r="D392">
        <f t="shared" si="21"/>
        <v>1.9518719999999998</v>
      </c>
      <c r="E392">
        <f t="shared" si="22"/>
        <v>46.656038000000081</v>
      </c>
      <c r="F392">
        <f t="shared" si="20"/>
        <v>1.9927875692172345E-2</v>
      </c>
    </row>
    <row r="393" spans="1:6" x14ac:dyDescent="0.2">
      <c r="A393">
        <v>1199.6889699999999</v>
      </c>
      <c r="B393">
        <v>19.982589000000001</v>
      </c>
      <c r="C393">
        <v>9.8719739999999998</v>
      </c>
      <c r="D393">
        <f t="shared" si="21"/>
        <v>1.9568759999999994</v>
      </c>
      <c r="E393">
        <f t="shared" si="22"/>
        <v>46.858087999999952</v>
      </c>
      <c r="F393">
        <f t="shared" si="20"/>
        <v>1.9959634801712433E-2</v>
      </c>
    </row>
    <row r="394" spans="1:6" x14ac:dyDescent="0.2">
      <c r="A394">
        <v>1199.9843550000001</v>
      </c>
      <c r="B394">
        <v>19.988049</v>
      </c>
      <c r="C394">
        <v>9.8769790000000004</v>
      </c>
      <c r="D394">
        <f t="shared" si="21"/>
        <v>1.961881</v>
      </c>
      <c r="E394">
        <f t="shared" si="22"/>
        <v>47.153473000000076</v>
      </c>
      <c r="F394">
        <f t="shared" si="20"/>
        <v>2.0029284723614475E-2</v>
      </c>
    </row>
    <row r="395" spans="1:6" x14ac:dyDescent="0.2">
      <c r="A395">
        <v>1199.970374</v>
      </c>
      <c r="B395">
        <v>20.009782999999999</v>
      </c>
      <c r="C395">
        <v>9.8819839999999992</v>
      </c>
      <c r="D395">
        <f t="shared" si="21"/>
        <v>1.9668859999999988</v>
      </c>
      <c r="E395">
        <f t="shared" si="22"/>
        <v>47.139492000000018</v>
      </c>
      <c r="F395">
        <f t="shared" si="20"/>
        <v>1.9972626707150536E-2</v>
      </c>
    </row>
    <row r="396" spans="1:6" x14ac:dyDescent="0.2">
      <c r="A396">
        <v>1200.13346</v>
      </c>
      <c r="B396">
        <v>19.969380000000001</v>
      </c>
      <c r="C396">
        <v>9.8869889999999998</v>
      </c>
      <c r="D396">
        <f t="shared" si="21"/>
        <v>1.9718909999999994</v>
      </c>
      <c r="E396">
        <f t="shared" si="22"/>
        <v>47.30257800000004</v>
      </c>
      <c r="F396">
        <f t="shared" si="20"/>
        <v>1.9988139029142427E-2</v>
      </c>
    </row>
    <row r="397" spans="1:6" x14ac:dyDescent="0.2">
      <c r="A397">
        <v>1200.6711760000001</v>
      </c>
      <c r="B397">
        <v>19.955577000000002</v>
      </c>
      <c r="C397">
        <v>9.8919940000000004</v>
      </c>
      <c r="D397">
        <f t="shared" si="21"/>
        <v>1.976896</v>
      </c>
      <c r="E397">
        <f t="shared" si="22"/>
        <v>47.840294000000085</v>
      </c>
      <c r="F397">
        <f t="shared" si="20"/>
        <v>2.0155145256029194E-2</v>
      </c>
    </row>
    <row r="398" spans="1:6" x14ac:dyDescent="0.2">
      <c r="A398">
        <v>1201.393558</v>
      </c>
      <c r="B398">
        <v>19.950751</v>
      </c>
      <c r="C398">
        <v>9.896998</v>
      </c>
      <c r="D398">
        <f t="shared" si="21"/>
        <v>1.9818999999999996</v>
      </c>
      <c r="E398">
        <f t="shared" si="22"/>
        <v>48.56267600000001</v>
      </c>
      <c r="F398">
        <f t="shared" si="20"/>
        <v>2.0395557151229916E-2</v>
      </c>
    </row>
    <row r="399" spans="1:6" x14ac:dyDescent="0.2">
      <c r="A399">
        <v>1201.897017</v>
      </c>
      <c r="B399">
        <v>19.974692999999998</v>
      </c>
      <c r="C399">
        <v>9.9020030000000006</v>
      </c>
      <c r="D399">
        <f t="shared" si="21"/>
        <v>1.9869050000000001</v>
      </c>
      <c r="E399">
        <f t="shared" si="22"/>
        <v>49.066135000000031</v>
      </c>
      <c r="F399">
        <f t="shared" si="20"/>
        <v>2.0546482825362183E-2</v>
      </c>
    </row>
    <row r="400" spans="1:6" x14ac:dyDescent="0.2">
      <c r="A400">
        <v>1202.0224619999999</v>
      </c>
      <c r="B400">
        <v>19.987361</v>
      </c>
      <c r="C400">
        <v>9.9070079999999994</v>
      </c>
      <c r="D400">
        <f t="shared" si="21"/>
        <v>1.991909999999999</v>
      </c>
      <c r="E400">
        <f t="shared" si="22"/>
        <v>49.191579999999931</v>
      </c>
      <c r="F400">
        <f t="shared" si="20"/>
        <v>2.0545110280933889E-2</v>
      </c>
    </row>
    <row r="401" spans="1:7" x14ac:dyDescent="0.2">
      <c r="A401">
        <v>1202.003093</v>
      </c>
      <c r="B401">
        <v>19.998567999999999</v>
      </c>
      <c r="C401">
        <v>9.912013</v>
      </c>
      <c r="D401">
        <f t="shared" si="21"/>
        <v>1.9969149999999996</v>
      </c>
      <c r="E401">
        <f t="shared" si="22"/>
        <v>49.172211000000061</v>
      </c>
      <c r="F401">
        <f t="shared" si="20"/>
        <v>2.0485877531748277E-2</v>
      </c>
    </row>
    <row r="402" spans="1:7" x14ac:dyDescent="0.2">
      <c r="A402">
        <v>1202.1550749999999</v>
      </c>
      <c r="B402">
        <v>19.989366</v>
      </c>
      <c r="C402">
        <v>9.9170180000000006</v>
      </c>
      <c r="D402">
        <f t="shared" si="21"/>
        <v>2.0019200000000001</v>
      </c>
      <c r="E402">
        <f t="shared" si="22"/>
        <v>49.324192999999923</v>
      </c>
      <c r="F402">
        <f t="shared" si="20"/>
        <v>2.0495229032036134E-2</v>
      </c>
    </row>
    <row r="403" spans="1:7" x14ac:dyDescent="0.2">
      <c r="A403">
        <v>1201.8702840000001</v>
      </c>
      <c r="B403">
        <v>20.041315999999998</v>
      </c>
      <c r="C403">
        <v>9.9220220000000001</v>
      </c>
      <c r="D403">
        <f t="shared" si="21"/>
        <v>2.0069239999999997</v>
      </c>
      <c r="E403">
        <f t="shared" si="22"/>
        <v>49.039402000000109</v>
      </c>
      <c r="F403">
        <f t="shared" si="20"/>
        <v>2.0330901750409341E-2</v>
      </c>
    </row>
    <row r="404" spans="1:7" x14ac:dyDescent="0.2">
      <c r="A404">
        <v>1201.7849940000001</v>
      </c>
      <c r="B404">
        <v>19.997067000000001</v>
      </c>
      <c r="C404">
        <v>9.9270270000000007</v>
      </c>
      <c r="D404">
        <f t="shared" si="21"/>
        <v>2.0119290000000003</v>
      </c>
      <c r="E404">
        <f t="shared" si="22"/>
        <v>48.954112000000123</v>
      </c>
      <c r="F404">
        <f t="shared" si="20"/>
        <v>2.0246490292061891E-2</v>
      </c>
    </row>
    <row r="405" spans="1:7" x14ac:dyDescent="0.2">
      <c r="A405">
        <v>1201.7452599999999</v>
      </c>
      <c r="B405">
        <v>20.002641000000001</v>
      </c>
      <c r="C405">
        <v>9.9320319999999995</v>
      </c>
      <c r="D405">
        <f t="shared" si="21"/>
        <v>2.0169339999999991</v>
      </c>
      <c r="E405">
        <f t="shared" si="22"/>
        <v>48.914377999999942</v>
      </c>
      <c r="F405">
        <f t="shared" si="20"/>
        <v>2.018052361439843E-2</v>
      </c>
    </row>
    <row r="406" spans="1:7" x14ac:dyDescent="0.2">
      <c r="A406">
        <v>1201.584018</v>
      </c>
      <c r="B406">
        <v>20.017150000000001</v>
      </c>
      <c r="C406">
        <v>9.9370370000000001</v>
      </c>
      <c r="D406">
        <f t="shared" si="21"/>
        <v>2.0219389999999997</v>
      </c>
      <c r="E406">
        <f t="shared" si="22"/>
        <v>48.75313600000004</v>
      </c>
      <c r="F406">
        <f t="shared" si="20"/>
        <v>2.0066903587180079E-2</v>
      </c>
    </row>
    <row r="407" spans="1:7" x14ac:dyDescent="0.2">
      <c r="A407">
        <v>1200.9575400000001</v>
      </c>
      <c r="B407">
        <v>20.058173</v>
      </c>
      <c r="C407">
        <v>9.9420420000000007</v>
      </c>
      <c r="D407">
        <f t="shared" si="21"/>
        <v>2.0269440000000003</v>
      </c>
      <c r="E407">
        <f t="shared" si="22"/>
        <v>48.126658000000134</v>
      </c>
      <c r="F407">
        <f t="shared" si="20"/>
        <v>1.9770438466407452E-2</v>
      </c>
    </row>
    <row r="408" spans="1:7" x14ac:dyDescent="0.2">
      <c r="A408">
        <v>1200.151617</v>
      </c>
      <c r="B408">
        <v>20.048721</v>
      </c>
      <c r="C408">
        <v>9.9470460000000003</v>
      </c>
      <c r="D408">
        <f t="shared" si="21"/>
        <v>2.0319479999999999</v>
      </c>
      <c r="E408">
        <f t="shared" si="22"/>
        <v>47.320735000000013</v>
      </c>
      <c r="F408">
        <f t="shared" si="20"/>
        <v>1.9404514329251516E-2</v>
      </c>
    </row>
    <row r="409" spans="1:7" s="1" customFormat="1" x14ac:dyDescent="0.2">
      <c r="A409">
        <v>1200.022753</v>
      </c>
      <c r="B409">
        <v>19.989121000000001</v>
      </c>
      <c r="C409">
        <v>9.9520510000000009</v>
      </c>
      <c r="D409">
        <f t="shared" si="21"/>
        <v>2.0369530000000005</v>
      </c>
      <c r="E409">
        <f t="shared" si="22"/>
        <v>47.191870999999992</v>
      </c>
      <c r="F409">
        <f t="shared" si="20"/>
        <v>1.9306195830964618E-2</v>
      </c>
      <c r="G409"/>
    </row>
    <row r="410" spans="1:7" s="1" customFormat="1" x14ac:dyDescent="0.2">
      <c r="A410">
        <v>1200.1383860000001</v>
      </c>
      <c r="B410">
        <v>19.988354000000001</v>
      </c>
      <c r="C410">
        <v>9.9570559999999997</v>
      </c>
      <c r="D410">
        <f t="shared" ref="D410:D418" si="23">C410-$C$2</f>
        <v>2.0419579999999993</v>
      </c>
      <c r="E410">
        <f t="shared" ref="E410:E418" si="24">A410-$A$2</f>
        <v>47.307504000000108</v>
      </c>
      <c r="F410">
        <f t="shared" si="20"/>
        <v>1.9304204203705079E-2</v>
      </c>
      <c r="G410"/>
    </row>
    <row r="411" spans="1:7" s="1" customFormat="1" x14ac:dyDescent="0.2">
      <c r="A411">
        <v>1199.578182</v>
      </c>
      <c r="B411">
        <v>20.022210000000001</v>
      </c>
      <c r="C411">
        <v>9.9620610000000003</v>
      </c>
      <c r="D411">
        <f t="shared" si="23"/>
        <v>2.0469629999999999</v>
      </c>
      <c r="E411">
        <f t="shared" si="24"/>
        <v>46.747299999999996</v>
      </c>
      <c r="F411">
        <f t="shared" si="20"/>
        <v>1.9037853540186809E-2</v>
      </c>
      <c r="G411"/>
    </row>
    <row r="412" spans="1:7" x14ac:dyDescent="0.2">
      <c r="A412">
        <v>1198.6697409999999</v>
      </c>
      <c r="B412">
        <v>20.025915999999999</v>
      </c>
      <c r="C412">
        <v>9.9670660000000009</v>
      </c>
      <c r="D412">
        <f t="shared" si="23"/>
        <v>2.0519680000000005</v>
      </c>
      <c r="E412">
        <f t="shared" si="24"/>
        <v>45.838858999999957</v>
      </c>
      <c r="F412">
        <f t="shared" si="20"/>
        <v>1.8636470785596382E-2</v>
      </c>
    </row>
    <row r="413" spans="1:7" x14ac:dyDescent="0.2">
      <c r="A413">
        <v>1197.7223059999999</v>
      </c>
      <c r="B413">
        <v>19.994166</v>
      </c>
      <c r="C413">
        <v>9.9720700000000004</v>
      </c>
      <c r="D413">
        <f t="shared" si="23"/>
        <v>2.056972</v>
      </c>
      <c r="E413">
        <f t="shared" si="24"/>
        <v>44.891423999999915</v>
      </c>
      <c r="F413">
        <f t="shared" si="20"/>
        <v>1.8221279254652716E-2</v>
      </c>
    </row>
    <row r="414" spans="1:7" x14ac:dyDescent="0.2">
      <c r="A414">
        <v>1196.8682670000001</v>
      </c>
      <c r="B414">
        <v>19.97447</v>
      </c>
      <c r="C414">
        <v>9.9770749999999992</v>
      </c>
      <c r="D414">
        <f t="shared" si="23"/>
        <v>2.0619769999999988</v>
      </c>
      <c r="E414">
        <f t="shared" si="24"/>
        <v>44.037385000000086</v>
      </c>
      <c r="F414">
        <f t="shared" si="20"/>
        <v>1.7843964593717374E-2</v>
      </c>
    </row>
    <row r="415" spans="1:7" x14ac:dyDescent="0.2">
      <c r="A415">
        <v>1196.2994550000001</v>
      </c>
      <c r="B415">
        <v>19.946750999999999</v>
      </c>
      <c r="C415">
        <v>9.9820799999999998</v>
      </c>
      <c r="D415">
        <f t="shared" si="23"/>
        <v>2.0669819999999994</v>
      </c>
      <c r="E415">
        <f t="shared" si="24"/>
        <v>43.468573000000106</v>
      </c>
      <c r="F415">
        <f t="shared" si="20"/>
        <v>1.7579186907862202E-2</v>
      </c>
    </row>
    <row r="416" spans="1:7" x14ac:dyDescent="0.2">
      <c r="A416" s="1">
        <v>1195.3815950000001</v>
      </c>
      <c r="B416" s="1">
        <v>19.938085999999998</v>
      </c>
      <c r="C416" s="1">
        <v>9.9870850000000004</v>
      </c>
      <c r="D416" s="1">
        <f t="shared" si="23"/>
        <v>2.071987</v>
      </c>
      <c r="E416" s="1">
        <f t="shared" si="24"/>
        <v>42.550713000000087</v>
      </c>
      <c r="F416">
        <f t="shared" si="20"/>
        <v>1.7179608026688817E-2</v>
      </c>
    </row>
    <row r="417" spans="1:6" x14ac:dyDescent="0.2">
      <c r="A417" s="1">
        <v>1194.59888</v>
      </c>
      <c r="B417" s="1">
        <v>19.899630999999999</v>
      </c>
      <c r="C417" s="1">
        <v>9.9920899999999993</v>
      </c>
      <c r="D417" s="1">
        <f t="shared" si="23"/>
        <v>2.0769919999999988</v>
      </c>
      <c r="E417" s="1">
        <f t="shared" si="24"/>
        <v>41.767998000000034</v>
      </c>
      <c r="F417">
        <f t="shared" si="20"/>
        <v>1.6833977114102464E-2</v>
      </c>
    </row>
    <row r="418" spans="1:6" x14ac:dyDescent="0.2">
      <c r="A418" s="1">
        <v>1194.2938610000001</v>
      </c>
      <c r="B418" s="1">
        <v>19.852003</v>
      </c>
      <c r="C418" s="1">
        <v>9.9970940000000006</v>
      </c>
      <c r="D418" s="1">
        <f t="shared" si="23"/>
        <v>2.0819960000000002</v>
      </c>
      <c r="E418" s="1">
        <f t="shared" si="24"/>
        <v>41.462979000000132</v>
      </c>
      <c r="F418">
        <f t="shared" si="20"/>
        <v>1.6675137012729314E-2</v>
      </c>
    </row>
    <row r="419" spans="1:6" ht="15" x14ac:dyDescent="0.25">
      <c r="A419" s="1">
        <f>MAX(A2:A418)</f>
        <v>1202.1550749999999</v>
      </c>
      <c r="B419" s="9" t="s">
        <v>16</v>
      </c>
      <c r="C419" s="1"/>
      <c r="D419" s="1"/>
      <c r="E419" s="1"/>
    </row>
    <row r="420" spans="1:6" ht="15" x14ac:dyDescent="0.25">
      <c r="A420" s="1">
        <f>MIN(A2:A418)</f>
        <v>1152.830882</v>
      </c>
      <c r="B420" s="9" t="s">
        <v>17</v>
      </c>
      <c r="C420" s="1"/>
      <c r="D420" s="1"/>
      <c r="E420" s="1"/>
    </row>
    <row r="422" spans="1:6" x14ac:dyDescent="0.2">
      <c r="A422" t="s">
        <v>20</v>
      </c>
      <c r="C422" s="14">
        <f>E418/A420</f>
        <v>3.5966228566038823E-2</v>
      </c>
    </row>
  </sheetData>
  <pageMargins left="0.7" right="0.7" top="0.75" bottom="0.75" header="0.3" footer="0.3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22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s="1" t="s">
        <v>8</v>
      </c>
      <c r="B1" s="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1354.0050900000001</v>
      </c>
      <c r="B2" s="1">
        <v>19.85605</v>
      </c>
      <c r="C2">
        <v>6.9204220000000003</v>
      </c>
      <c r="D2">
        <f>C2-$C$2</f>
        <v>0</v>
      </c>
      <c r="E2">
        <f>A2-$A$2</f>
        <v>0</v>
      </c>
      <c r="G2" s="3">
        <f>(A419-A420)/A419</f>
        <v>4.3198724110718935E-2</v>
      </c>
    </row>
    <row r="3" spans="1:7" x14ac:dyDescent="0.2">
      <c r="A3">
        <v>1354.0081479999999</v>
      </c>
      <c r="B3">
        <v>19.889681</v>
      </c>
      <c r="C3">
        <v>6.925427</v>
      </c>
      <c r="D3">
        <f t="shared" ref="D3:D6" si="0">C3-$C$2</f>
        <v>5.0049999999997041E-3</v>
      </c>
      <c r="E3">
        <f t="shared" ref="E3:E6" si="1">A3-$A$2</f>
        <v>3.0579999997826235E-3</v>
      </c>
      <c r="F3">
        <f t="shared" ref="F3:F66" si="2">(1/A3)*(E3/D3)</f>
        <v>4.5124470768370537E-4</v>
      </c>
      <c r="G3" s="4">
        <f>G2*100</f>
        <v>4.3198724110718931</v>
      </c>
    </row>
    <row r="4" spans="1:7" x14ac:dyDescent="0.2">
      <c r="A4">
        <v>1354.35133</v>
      </c>
      <c r="B4">
        <v>19.890060999999999</v>
      </c>
      <c r="C4">
        <v>6.9304319999999997</v>
      </c>
      <c r="D4">
        <f t="shared" si="0"/>
        <v>1.0009999999999408E-2</v>
      </c>
      <c r="E4">
        <f t="shared" si="1"/>
        <v>0.34623999999985244</v>
      </c>
      <c r="F4">
        <f t="shared" si="2"/>
        <v>2.5539466623773235E-2</v>
      </c>
    </row>
    <row r="5" spans="1:7" x14ac:dyDescent="0.2">
      <c r="A5">
        <v>1355.578025</v>
      </c>
      <c r="B5">
        <v>19.876498000000002</v>
      </c>
      <c r="C5">
        <v>6.9354370000000003</v>
      </c>
      <c r="D5">
        <f t="shared" si="0"/>
        <v>1.5015000000000001E-2</v>
      </c>
      <c r="E5">
        <f t="shared" si="1"/>
        <v>1.5729349999999158</v>
      </c>
      <c r="F5">
        <f t="shared" si="2"/>
        <v>7.7278897876476085E-2</v>
      </c>
    </row>
    <row r="6" spans="1:7" x14ac:dyDescent="0.2">
      <c r="A6">
        <v>1357.0980440000001</v>
      </c>
      <c r="B6">
        <v>19.883849000000001</v>
      </c>
      <c r="C6">
        <v>6.940442</v>
      </c>
      <c r="D6">
        <f t="shared" si="0"/>
        <v>2.0019999999999705E-2</v>
      </c>
      <c r="E6">
        <f t="shared" si="1"/>
        <v>3.0929539999999633</v>
      </c>
      <c r="F6">
        <f t="shared" si="2"/>
        <v>0.11384085879148702</v>
      </c>
    </row>
    <row r="7" spans="1:7" x14ac:dyDescent="0.2">
      <c r="A7">
        <v>1358.525298</v>
      </c>
      <c r="B7">
        <v>19.902135000000001</v>
      </c>
      <c r="C7">
        <v>6.9454459999999996</v>
      </c>
      <c r="D7">
        <f t="shared" ref="D7:D70" si="3">C7-$C$2</f>
        <v>2.5023999999999269E-2</v>
      </c>
      <c r="E7">
        <f t="shared" ref="E7:E70" si="4">A7-$A$2</f>
        <v>4.5202079999999114</v>
      </c>
      <c r="F7">
        <f t="shared" si="2"/>
        <v>0.13296396522896053</v>
      </c>
    </row>
    <row r="8" spans="1:7" x14ac:dyDescent="0.2">
      <c r="A8">
        <v>1360.289094</v>
      </c>
      <c r="B8">
        <v>19.902491999999999</v>
      </c>
      <c r="C8">
        <v>6.9504510000000002</v>
      </c>
      <c r="D8">
        <f t="shared" si="3"/>
        <v>3.0028999999999861E-2</v>
      </c>
      <c r="E8">
        <f t="shared" si="4"/>
        <v>6.284003999999868</v>
      </c>
      <c r="F8">
        <f t="shared" si="2"/>
        <v>0.15383826268677189</v>
      </c>
    </row>
    <row r="9" spans="1:7" x14ac:dyDescent="0.2">
      <c r="A9">
        <v>1362.164538</v>
      </c>
      <c r="B9">
        <v>19.899581000000001</v>
      </c>
      <c r="C9">
        <v>6.9554559999999999</v>
      </c>
      <c r="D9">
        <f t="shared" si="3"/>
        <v>3.5033999999999565E-2</v>
      </c>
      <c r="E9">
        <f t="shared" si="4"/>
        <v>8.1594479999998839</v>
      </c>
      <c r="F9">
        <f t="shared" si="2"/>
        <v>0.17097849245638744</v>
      </c>
    </row>
    <row r="10" spans="1:7" x14ac:dyDescent="0.2">
      <c r="A10">
        <v>1364.4032910000001</v>
      </c>
      <c r="B10">
        <v>19.883804999999999</v>
      </c>
      <c r="C10">
        <v>6.9604609999999996</v>
      </c>
      <c r="D10">
        <f t="shared" si="3"/>
        <v>4.003899999999927E-2</v>
      </c>
      <c r="E10">
        <f t="shared" si="4"/>
        <v>10.398200999999972</v>
      </c>
      <c r="F10">
        <f t="shared" si="2"/>
        <v>0.19034094790208739</v>
      </c>
    </row>
    <row r="11" spans="1:7" x14ac:dyDescent="0.2">
      <c r="A11">
        <v>1366.8622190000001</v>
      </c>
      <c r="B11">
        <v>19.850062000000001</v>
      </c>
      <c r="C11">
        <v>6.9654660000000002</v>
      </c>
      <c r="D11">
        <f t="shared" si="3"/>
        <v>4.5043999999999862E-2</v>
      </c>
      <c r="E11">
        <f t="shared" si="4"/>
        <v>12.857128999999986</v>
      </c>
      <c r="F11">
        <f t="shared" si="2"/>
        <v>0.20882491440737758</v>
      </c>
    </row>
    <row r="12" spans="1:7" x14ac:dyDescent="0.2">
      <c r="A12">
        <v>1369.3926750000001</v>
      </c>
      <c r="B12">
        <v>19.8735</v>
      </c>
      <c r="C12">
        <v>6.9704699999999997</v>
      </c>
      <c r="D12">
        <f t="shared" si="3"/>
        <v>5.0047999999999426E-2</v>
      </c>
      <c r="E12">
        <f t="shared" si="4"/>
        <v>15.387584999999945</v>
      </c>
      <c r="F12">
        <f t="shared" si="2"/>
        <v>0.22452036390508021</v>
      </c>
    </row>
    <row r="13" spans="1:7" x14ac:dyDescent="0.2">
      <c r="A13">
        <v>1371.4578610000001</v>
      </c>
      <c r="B13">
        <v>19.897801999999999</v>
      </c>
      <c r="C13">
        <v>6.9754750000000003</v>
      </c>
      <c r="D13">
        <f t="shared" si="3"/>
        <v>5.5053000000000019E-2</v>
      </c>
      <c r="E13">
        <f t="shared" si="4"/>
        <v>17.452770999999984</v>
      </c>
      <c r="F13">
        <f t="shared" si="2"/>
        <v>0.23115374405583425</v>
      </c>
    </row>
    <row r="14" spans="1:7" x14ac:dyDescent="0.2">
      <c r="A14">
        <v>1373.4258090000001</v>
      </c>
      <c r="B14">
        <v>19.910274000000001</v>
      </c>
      <c r="C14">
        <v>6.98048</v>
      </c>
      <c r="D14">
        <f t="shared" si="3"/>
        <v>6.0057999999999723E-2</v>
      </c>
      <c r="E14">
        <f t="shared" si="4"/>
        <v>19.420718999999963</v>
      </c>
      <c r="F14">
        <f t="shared" si="2"/>
        <v>0.23544487127513639</v>
      </c>
    </row>
    <row r="15" spans="1:7" x14ac:dyDescent="0.2">
      <c r="A15">
        <v>1374.821117</v>
      </c>
      <c r="B15">
        <v>19.947620000000001</v>
      </c>
      <c r="C15">
        <v>6.9854849999999997</v>
      </c>
      <c r="D15">
        <f t="shared" si="3"/>
        <v>6.5062999999999427E-2</v>
      </c>
      <c r="E15">
        <f t="shared" si="4"/>
        <v>20.816026999999849</v>
      </c>
      <c r="F15">
        <f t="shared" si="2"/>
        <v>0.23271134913263591</v>
      </c>
    </row>
    <row r="16" spans="1:7" x14ac:dyDescent="0.2">
      <c r="A16">
        <v>1375.590968</v>
      </c>
      <c r="B16">
        <v>19.951181999999999</v>
      </c>
      <c r="C16">
        <v>6.9904900000000003</v>
      </c>
      <c r="D16">
        <f t="shared" si="3"/>
        <v>7.0068000000000019E-2</v>
      </c>
      <c r="E16">
        <f t="shared" si="4"/>
        <v>21.585877999999866</v>
      </c>
      <c r="F16">
        <f t="shared" si="2"/>
        <v>0.22395495788752368</v>
      </c>
    </row>
    <row r="17" spans="1:6" x14ac:dyDescent="0.2">
      <c r="A17">
        <v>1376.487813</v>
      </c>
      <c r="B17">
        <v>19.956479999999999</v>
      </c>
      <c r="C17">
        <v>6.9954939999999999</v>
      </c>
      <c r="D17">
        <f t="shared" si="3"/>
        <v>7.5071999999999584E-2</v>
      </c>
      <c r="E17">
        <f t="shared" si="4"/>
        <v>22.482722999999851</v>
      </c>
      <c r="F17">
        <f t="shared" si="2"/>
        <v>0.2175697701933357</v>
      </c>
    </row>
    <row r="18" spans="1:6" x14ac:dyDescent="0.2">
      <c r="A18">
        <v>1376.831085</v>
      </c>
      <c r="B18">
        <v>19.999734</v>
      </c>
      <c r="C18">
        <v>7.0004989999999996</v>
      </c>
      <c r="D18">
        <f t="shared" si="3"/>
        <v>8.0076999999999288E-2</v>
      </c>
      <c r="E18">
        <f t="shared" si="4"/>
        <v>22.825994999999921</v>
      </c>
      <c r="F18">
        <f t="shared" si="2"/>
        <v>0.20703380351141132</v>
      </c>
    </row>
    <row r="19" spans="1:6" x14ac:dyDescent="0.2">
      <c r="A19">
        <v>1376.91849</v>
      </c>
      <c r="B19">
        <v>20.002946000000001</v>
      </c>
      <c r="C19">
        <v>7.0055040000000002</v>
      </c>
      <c r="D19">
        <f t="shared" si="3"/>
        <v>8.508199999999988E-2</v>
      </c>
      <c r="E19">
        <f t="shared" si="4"/>
        <v>22.913399999999911</v>
      </c>
      <c r="F19">
        <f t="shared" si="2"/>
        <v>0.19558863444593791</v>
      </c>
    </row>
    <row r="20" spans="1:6" x14ac:dyDescent="0.2">
      <c r="A20">
        <v>1376.437224</v>
      </c>
      <c r="B20">
        <v>20.018923000000001</v>
      </c>
      <c r="C20">
        <v>7.0105089999999999</v>
      </c>
      <c r="D20">
        <f t="shared" si="3"/>
        <v>9.0086999999999584E-2</v>
      </c>
      <c r="E20">
        <f t="shared" si="4"/>
        <v>22.432133999999905</v>
      </c>
      <c r="F20">
        <f t="shared" si="2"/>
        <v>0.18090561918669099</v>
      </c>
    </row>
    <row r="21" spans="1:6" x14ac:dyDescent="0.2">
      <c r="A21">
        <v>1375.524343</v>
      </c>
      <c r="B21">
        <v>20.041568999999999</v>
      </c>
      <c r="C21">
        <v>7.0155139999999996</v>
      </c>
      <c r="D21">
        <f t="shared" si="3"/>
        <v>9.5091999999999288E-2</v>
      </c>
      <c r="E21">
        <f t="shared" si="4"/>
        <v>21.519252999999935</v>
      </c>
      <c r="F21">
        <f t="shared" si="2"/>
        <v>0.1645185712468534</v>
      </c>
    </row>
    <row r="22" spans="1:6" x14ac:dyDescent="0.2">
      <c r="A22">
        <v>1374.478756</v>
      </c>
      <c r="B22">
        <v>20.063258999999999</v>
      </c>
      <c r="C22">
        <v>7.020518</v>
      </c>
      <c r="D22">
        <f t="shared" si="3"/>
        <v>0.10009599999999974</v>
      </c>
      <c r="E22">
        <f t="shared" si="4"/>
        <v>20.473665999999866</v>
      </c>
      <c r="F22">
        <f t="shared" si="2"/>
        <v>0.14881299577593535</v>
      </c>
    </row>
    <row r="23" spans="1:6" x14ac:dyDescent="0.2">
      <c r="A23">
        <v>1373.5567269999999</v>
      </c>
      <c r="B23">
        <v>20.043112000000001</v>
      </c>
      <c r="C23">
        <v>7.0255229999999997</v>
      </c>
      <c r="D23">
        <f t="shared" si="3"/>
        <v>0.10510099999999944</v>
      </c>
      <c r="E23">
        <f t="shared" si="4"/>
        <v>19.551636999999801</v>
      </c>
      <c r="F23">
        <f t="shared" si="2"/>
        <v>0.13543461484430255</v>
      </c>
    </row>
    <row r="24" spans="1:6" x14ac:dyDescent="0.2">
      <c r="A24">
        <v>1373.1185410000001</v>
      </c>
      <c r="B24">
        <v>19.996735000000001</v>
      </c>
      <c r="C24">
        <v>7.0305280000000003</v>
      </c>
      <c r="D24">
        <f t="shared" si="3"/>
        <v>0.11010600000000004</v>
      </c>
      <c r="E24">
        <f t="shared" si="4"/>
        <v>19.113450999999941</v>
      </c>
      <c r="F24">
        <f t="shared" si="2"/>
        <v>0.12642125302229881</v>
      </c>
    </row>
    <row r="25" spans="1:6" x14ac:dyDescent="0.2">
      <c r="A25">
        <v>1372.8203880000001</v>
      </c>
      <c r="B25">
        <v>20.013508999999999</v>
      </c>
      <c r="C25">
        <v>7.035533</v>
      </c>
      <c r="D25">
        <f t="shared" si="3"/>
        <v>0.11511099999999974</v>
      </c>
      <c r="E25">
        <f t="shared" si="4"/>
        <v>18.815297999999984</v>
      </c>
      <c r="F25">
        <f t="shared" si="2"/>
        <v>0.11906402338302687</v>
      </c>
    </row>
    <row r="26" spans="1:6" x14ac:dyDescent="0.2">
      <c r="A26">
        <v>1372.4842650000001</v>
      </c>
      <c r="B26">
        <v>20.017567</v>
      </c>
      <c r="C26">
        <v>7.0405379999999997</v>
      </c>
      <c r="D26">
        <f t="shared" si="3"/>
        <v>0.12011599999999945</v>
      </c>
      <c r="E26">
        <f t="shared" si="4"/>
        <v>18.479174999999941</v>
      </c>
      <c r="F26">
        <f t="shared" si="2"/>
        <v>0.11209192896518923</v>
      </c>
    </row>
    <row r="27" spans="1:6" x14ac:dyDescent="0.2">
      <c r="A27">
        <v>1372.5026399999999</v>
      </c>
      <c r="B27">
        <v>19.988679999999999</v>
      </c>
      <c r="C27">
        <v>7.0455420000000002</v>
      </c>
      <c r="D27">
        <f t="shared" si="3"/>
        <v>0.1251199999999999</v>
      </c>
      <c r="E27">
        <f t="shared" si="4"/>
        <v>18.497549999999819</v>
      </c>
      <c r="F27">
        <f t="shared" si="2"/>
        <v>0.10771452874140723</v>
      </c>
    </row>
    <row r="28" spans="1:6" x14ac:dyDescent="0.2">
      <c r="A28">
        <v>1372.7093870000001</v>
      </c>
      <c r="B28">
        <v>19.983025000000001</v>
      </c>
      <c r="C28">
        <v>7.0505469999999999</v>
      </c>
      <c r="D28">
        <f t="shared" si="3"/>
        <v>0.1301249999999996</v>
      </c>
      <c r="E28">
        <f t="shared" si="4"/>
        <v>18.704296999999997</v>
      </c>
      <c r="F28">
        <f t="shared" si="2"/>
        <v>0.10471334760161177</v>
      </c>
    </row>
    <row r="29" spans="1:6" x14ac:dyDescent="0.2">
      <c r="A29">
        <v>1372.8826260000001</v>
      </c>
      <c r="B29">
        <v>19.991672999999999</v>
      </c>
      <c r="C29">
        <v>7.0555519999999996</v>
      </c>
      <c r="D29">
        <f t="shared" si="3"/>
        <v>0.13512999999999931</v>
      </c>
      <c r="E29">
        <f t="shared" si="4"/>
        <v>18.877535999999964</v>
      </c>
      <c r="F29">
        <f t="shared" si="2"/>
        <v>0.10175602219679419</v>
      </c>
    </row>
    <row r="30" spans="1:6" x14ac:dyDescent="0.2">
      <c r="A30">
        <v>1373.545247</v>
      </c>
      <c r="B30">
        <v>19.963636999999999</v>
      </c>
      <c r="C30">
        <v>7.0605570000000002</v>
      </c>
      <c r="D30">
        <f t="shared" si="3"/>
        <v>0.1401349999999999</v>
      </c>
      <c r="E30">
        <f t="shared" si="4"/>
        <v>19.540156999999908</v>
      </c>
      <c r="F30">
        <f t="shared" si="2"/>
        <v>0.10151692646788421</v>
      </c>
    </row>
    <row r="31" spans="1:6" x14ac:dyDescent="0.2">
      <c r="A31">
        <v>1373.951026</v>
      </c>
      <c r="B31">
        <v>19.970669000000001</v>
      </c>
      <c r="C31">
        <v>7.0655619999999999</v>
      </c>
      <c r="D31">
        <f t="shared" si="3"/>
        <v>0.1451399999999996</v>
      </c>
      <c r="E31">
        <f t="shared" si="4"/>
        <v>19.945935999999847</v>
      </c>
      <c r="F31">
        <f t="shared" si="2"/>
        <v>0.1000221187125537</v>
      </c>
    </row>
    <row r="32" spans="1:6" x14ac:dyDescent="0.2">
      <c r="A32">
        <v>1374.4596059999999</v>
      </c>
      <c r="B32">
        <v>19.969009</v>
      </c>
      <c r="C32">
        <v>7.0705660000000004</v>
      </c>
      <c r="D32">
        <f t="shared" si="3"/>
        <v>0.15014400000000006</v>
      </c>
      <c r="E32">
        <f t="shared" si="4"/>
        <v>20.454515999999785</v>
      </c>
      <c r="F32">
        <f t="shared" si="2"/>
        <v>9.9117250194120946E-2</v>
      </c>
    </row>
    <row r="33" spans="1:6" x14ac:dyDescent="0.2">
      <c r="A33">
        <v>1375.311244</v>
      </c>
      <c r="B33">
        <v>19.942468999999999</v>
      </c>
      <c r="C33">
        <v>7.0755710000000001</v>
      </c>
      <c r="D33">
        <f t="shared" si="3"/>
        <v>0.15514899999999976</v>
      </c>
      <c r="E33">
        <f t="shared" si="4"/>
        <v>21.306153999999879</v>
      </c>
      <c r="F33">
        <f t="shared" si="2"/>
        <v>9.9851613591038779E-2</v>
      </c>
    </row>
    <row r="34" spans="1:6" x14ac:dyDescent="0.2">
      <c r="A34">
        <v>1376.5462070000001</v>
      </c>
      <c r="B34">
        <v>19.929583999999998</v>
      </c>
      <c r="C34">
        <v>7.0805759999999998</v>
      </c>
      <c r="D34">
        <f t="shared" si="3"/>
        <v>0.16015399999999946</v>
      </c>
      <c r="E34">
        <f t="shared" si="4"/>
        <v>22.541116999999986</v>
      </c>
      <c r="F34">
        <f t="shared" si="2"/>
        <v>0.10224612295306432</v>
      </c>
    </row>
    <row r="35" spans="1:6" x14ac:dyDescent="0.2">
      <c r="A35">
        <v>1377.788783</v>
      </c>
      <c r="B35">
        <v>19.943290999999999</v>
      </c>
      <c r="C35">
        <v>7.0855810000000004</v>
      </c>
      <c r="D35">
        <f t="shared" si="3"/>
        <v>0.16515900000000006</v>
      </c>
      <c r="E35">
        <f t="shared" si="4"/>
        <v>23.783692999999857</v>
      </c>
      <c r="F35">
        <f t="shared" si="2"/>
        <v>0.10451879666148715</v>
      </c>
    </row>
    <row r="36" spans="1:6" x14ac:dyDescent="0.2">
      <c r="A36">
        <v>1378.607227</v>
      </c>
      <c r="B36">
        <v>19.962758999999998</v>
      </c>
      <c r="C36">
        <v>7.0905860000000001</v>
      </c>
      <c r="D36">
        <f t="shared" si="3"/>
        <v>0.17016399999999976</v>
      </c>
      <c r="E36">
        <f t="shared" si="4"/>
        <v>24.602136999999857</v>
      </c>
      <c r="F36">
        <f t="shared" si="2"/>
        <v>0.10487321836144614</v>
      </c>
    </row>
    <row r="37" spans="1:6" x14ac:dyDescent="0.2">
      <c r="A37">
        <v>1379.705991</v>
      </c>
      <c r="B37">
        <v>19.928483</v>
      </c>
      <c r="C37">
        <v>7.0955899999999996</v>
      </c>
      <c r="D37">
        <f t="shared" si="3"/>
        <v>0.17516799999999932</v>
      </c>
      <c r="E37">
        <f t="shared" si="4"/>
        <v>25.700900999999931</v>
      </c>
      <c r="F37">
        <f t="shared" si="2"/>
        <v>0.10634253950070599</v>
      </c>
    </row>
    <row r="38" spans="1:6" x14ac:dyDescent="0.2">
      <c r="A38">
        <v>1381.1244489999999</v>
      </c>
      <c r="B38">
        <v>19.920601000000001</v>
      </c>
      <c r="C38">
        <v>7.1005950000000002</v>
      </c>
      <c r="D38">
        <f t="shared" si="3"/>
        <v>0.18017299999999992</v>
      </c>
      <c r="E38">
        <f t="shared" si="4"/>
        <v>27.119358999999804</v>
      </c>
      <c r="F38">
        <f t="shared" si="2"/>
        <v>0.10898253283318519</v>
      </c>
    </row>
    <row r="39" spans="1:6" x14ac:dyDescent="0.2">
      <c r="A39">
        <v>1381.768141</v>
      </c>
      <c r="B39">
        <v>19.982097</v>
      </c>
      <c r="C39">
        <v>7.1055999999999999</v>
      </c>
      <c r="D39">
        <f t="shared" si="3"/>
        <v>0.18517799999999962</v>
      </c>
      <c r="E39">
        <f t="shared" si="4"/>
        <v>27.763050999999905</v>
      </c>
      <c r="F39">
        <f t="shared" si="2"/>
        <v>0.10850321996253809</v>
      </c>
    </row>
    <row r="40" spans="1:6" x14ac:dyDescent="0.2">
      <c r="A40">
        <v>1381.712499</v>
      </c>
      <c r="B40">
        <v>20.025144999999998</v>
      </c>
      <c r="C40">
        <v>7.1106049999999996</v>
      </c>
      <c r="D40">
        <f t="shared" si="3"/>
        <v>0.19018299999999932</v>
      </c>
      <c r="E40">
        <f t="shared" si="4"/>
        <v>27.707408999999871</v>
      </c>
      <c r="F40">
        <f t="shared" si="2"/>
        <v>0.10544027635042433</v>
      </c>
    </row>
    <row r="41" spans="1:6" x14ac:dyDescent="0.2">
      <c r="A41">
        <v>1381.4983480000001</v>
      </c>
      <c r="B41">
        <v>19.992377000000001</v>
      </c>
      <c r="C41">
        <v>7.1156100000000002</v>
      </c>
      <c r="D41">
        <f t="shared" si="3"/>
        <v>0.19518799999999992</v>
      </c>
      <c r="E41">
        <f t="shared" si="4"/>
        <v>27.493257999999969</v>
      </c>
      <c r="F41">
        <f t="shared" si="2"/>
        <v>0.10195833237570348</v>
      </c>
    </row>
    <row r="42" spans="1:6" x14ac:dyDescent="0.2">
      <c r="A42">
        <v>1380.90653</v>
      </c>
      <c r="B42">
        <v>20.045608999999999</v>
      </c>
      <c r="C42">
        <v>7.1206139999999998</v>
      </c>
      <c r="D42">
        <f t="shared" si="3"/>
        <v>0.20019199999999948</v>
      </c>
      <c r="E42">
        <f t="shared" si="4"/>
        <v>26.901439999999866</v>
      </c>
      <c r="F42">
        <f t="shared" si="2"/>
        <v>9.7311580481081475E-2</v>
      </c>
    </row>
    <row r="43" spans="1:6" x14ac:dyDescent="0.2">
      <c r="A43">
        <v>1380.286169</v>
      </c>
      <c r="B43">
        <v>20.016964999999999</v>
      </c>
      <c r="C43">
        <v>7.1256190000000004</v>
      </c>
      <c r="D43">
        <f t="shared" si="3"/>
        <v>0.20519700000000007</v>
      </c>
      <c r="E43">
        <f t="shared" si="4"/>
        <v>26.281078999999863</v>
      </c>
      <c r="F43">
        <f t="shared" si="2"/>
        <v>9.2790400335043127E-2</v>
      </c>
    </row>
    <row r="44" spans="1:6" x14ac:dyDescent="0.2">
      <c r="A44">
        <v>1379.929181</v>
      </c>
      <c r="B44">
        <v>20.018774000000001</v>
      </c>
      <c r="C44">
        <v>7.1306240000000001</v>
      </c>
      <c r="D44">
        <f t="shared" si="3"/>
        <v>0.21020199999999978</v>
      </c>
      <c r="E44">
        <f t="shared" si="4"/>
        <v>25.924090999999862</v>
      </c>
      <c r="F44">
        <f t="shared" si="2"/>
        <v>8.9373732305610326E-2</v>
      </c>
    </row>
    <row r="45" spans="1:6" x14ac:dyDescent="0.2">
      <c r="A45">
        <v>1379.751002</v>
      </c>
      <c r="B45">
        <v>20.010238999999999</v>
      </c>
      <c r="C45">
        <v>7.1356289999999998</v>
      </c>
      <c r="D45">
        <f t="shared" si="3"/>
        <v>0.21520699999999948</v>
      </c>
      <c r="E45">
        <f t="shared" si="4"/>
        <v>25.745911999999862</v>
      </c>
      <c r="F45">
        <f t="shared" si="2"/>
        <v>8.6706402790834414E-2</v>
      </c>
    </row>
    <row r="46" spans="1:6" x14ac:dyDescent="0.2">
      <c r="A46">
        <v>1379.545631</v>
      </c>
      <c r="B46">
        <v>20.009228</v>
      </c>
      <c r="C46">
        <v>7.1406340000000004</v>
      </c>
      <c r="D46">
        <f t="shared" si="3"/>
        <v>0.22021200000000007</v>
      </c>
      <c r="E46">
        <f t="shared" si="4"/>
        <v>25.540540999999848</v>
      </c>
      <c r="F46">
        <f t="shared" si="2"/>
        <v>8.4072321700972327E-2</v>
      </c>
    </row>
    <row r="47" spans="1:6" x14ac:dyDescent="0.2">
      <c r="A47">
        <v>1379.1929929999999</v>
      </c>
      <c r="B47">
        <v>20.00366</v>
      </c>
      <c r="C47">
        <v>7.1456379999999999</v>
      </c>
      <c r="D47">
        <f t="shared" si="3"/>
        <v>0.22521599999999964</v>
      </c>
      <c r="E47">
        <f t="shared" si="4"/>
        <v>25.187902999999778</v>
      </c>
      <c r="F47">
        <f t="shared" si="2"/>
        <v>8.1090080074184542E-2</v>
      </c>
    </row>
    <row r="48" spans="1:6" x14ac:dyDescent="0.2">
      <c r="A48">
        <v>1378.541561</v>
      </c>
      <c r="B48">
        <v>20.038747000000001</v>
      </c>
      <c r="C48">
        <v>7.1506429999999996</v>
      </c>
      <c r="D48">
        <f t="shared" si="3"/>
        <v>0.23022099999999934</v>
      </c>
      <c r="E48">
        <f t="shared" si="4"/>
        <v>24.536470999999892</v>
      </c>
      <c r="F48">
        <f t="shared" si="2"/>
        <v>7.7312069689592394E-2</v>
      </c>
    </row>
    <row r="49" spans="1:6" x14ac:dyDescent="0.2">
      <c r="A49">
        <v>1377.8033760000001</v>
      </c>
      <c r="B49">
        <v>20.042051000000001</v>
      </c>
      <c r="C49">
        <v>7.1556480000000002</v>
      </c>
      <c r="D49">
        <f t="shared" si="3"/>
        <v>0.23522599999999994</v>
      </c>
      <c r="E49">
        <f t="shared" si="4"/>
        <v>23.798285999999962</v>
      </c>
      <c r="F49">
        <f t="shared" si="2"/>
        <v>7.3429929522387902E-2</v>
      </c>
    </row>
    <row r="50" spans="1:6" x14ac:dyDescent="0.2">
      <c r="A50">
        <v>1377.292674</v>
      </c>
      <c r="B50">
        <v>20.018419000000002</v>
      </c>
      <c r="C50">
        <v>7.1606529999999999</v>
      </c>
      <c r="D50">
        <f t="shared" si="3"/>
        <v>0.24023099999999964</v>
      </c>
      <c r="E50">
        <f t="shared" si="4"/>
        <v>23.287583999999924</v>
      </c>
      <c r="F50">
        <f t="shared" si="2"/>
        <v>7.0383222621602307E-2</v>
      </c>
    </row>
    <row r="51" spans="1:6" x14ac:dyDescent="0.2">
      <c r="A51">
        <v>1377.2480539999999</v>
      </c>
      <c r="B51">
        <v>19.984845</v>
      </c>
      <c r="C51">
        <v>7.1656579999999996</v>
      </c>
      <c r="D51">
        <f t="shared" si="3"/>
        <v>0.24523599999999934</v>
      </c>
      <c r="E51">
        <f t="shared" si="4"/>
        <v>23.242963999999802</v>
      </c>
      <c r="F51">
        <f t="shared" si="2"/>
        <v>6.8816902108030362E-2</v>
      </c>
    </row>
    <row r="52" spans="1:6" x14ac:dyDescent="0.2">
      <c r="A52">
        <v>1377.346104</v>
      </c>
      <c r="B52">
        <v>19.983198000000002</v>
      </c>
      <c r="C52">
        <v>7.1706620000000001</v>
      </c>
      <c r="D52">
        <f t="shared" si="3"/>
        <v>0.2502399999999998</v>
      </c>
      <c r="E52">
        <f t="shared" si="4"/>
        <v>23.341013999999859</v>
      </c>
      <c r="F52">
        <f t="shared" si="2"/>
        <v>6.7720460527058782E-2</v>
      </c>
    </row>
    <row r="53" spans="1:6" x14ac:dyDescent="0.2">
      <c r="A53">
        <v>1378.149555</v>
      </c>
      <c r="B53">
        <v>19.935355000000001</v>
      </c>
      <c r="C53">
        <v>7.1756669999999998</v>
      </c>
      <c r="D53">
        <f t="shared" si="3"/>
        <v>0.2552449999999995</v>
      </c>
      <c r="E53">
        <f t="shared" si="4"/>
        <v>24.144464999999855</v>
      </c>
      <c r="F53">
        <f t="shared" si="2"/>
        <v>6.8637900999619764E-2</v>
      </c>
    </row>
    <row r="54" spans="1:6" x14ac:dyDescent="0.2">
      <c r="A54">
        <v>1379.2968579999999</v>
      </c>
      <c r="B54">
        <v>19.938808999999999</v>
      </c>
      <c r="C54">
        <v>7.1806720000000004</v>
      </c>
      <c r="D54">
        <f t="shared" si="3"/>
        <v>0.26025000000000009</v>
      </c>
      <c r="E54">
        <f t="shared" si="4"/>
        <v>25.29176799999982</v>
      </c>
      <c r="F54">
        <f t="shared" si="2"/>
        <v>7.0458063767316503E-2</v>
      </c>
    </row>
    <row r="55" spans="1:6" x14ac:dyDescent="0.2">
      <c r="A55">
        <v>1381.0828059999999</v>
      </c>
      <c r="B55">
        <v>19.899438</v>
      </c>
      <c r="C55">
        <v>7.1856770000000001</v>
      </c>
      <c r="D55">
        <f t="shared" si="3"/>
        <v>0.2652549999999998</v>
      </c>
      <c r="E55">
        <f t="shared" si="4"/>
        <v>27.077715999999782</v>
      </c>
      <c r="F55">
        <f t="shared" si="2"/>
        <v>7.3914344779136235E-2</v>
      </c>
    </row>
    <row r="56" spans="1:6" x14ac:dyDescent="0.2">
      <c r="A56">
        <v>1383.2325519999999</v>
      </c>
      <c r="B56">
        <v>19.886941</v>
      </c>
      <c r="C56">
        <v>7.1906819999999998</v>
      </c>
      <c r="D56">
        <f t="shared" si="3"/>
        <v>0.2702599999999995</v>
      </c>
      <c r="E56">
        <f t="shared" si="4"/>
        <v>29.227461999999832</v>
      </c>
      <c r="F56">
        <f t="shared" si="2"/>
        <v>7.8183324113470704E-2</v>
      </c>
    </row>
    <row r="57" spans="1:6" x14ac:dyDescent="0.2">
      <c r="A57">
        <v>1386.188369</v>
      </c>
      <c r="B57">
        <v>19.806802000000001</v>
      </c>
      <c r="C57">
        <v>7.1956860000000002</v>
      </c>
      <c r="D57">
        <f t="shared" si="3"/>
        <v>0.27526399999999995</v>
      </c>
      <c r="E57">
        <f t="shared" si="4"/>
        <v>32.183278999999857</v>
      </c>
      <c r="F57">
        <f t="shared" si="2"/>
        <v>8.4344860279816955E-2</v>
      </c>
    </row>
    <row r="58" spans="1:6" x14ac:dyDescent="0.2">
      <c r="A58">
        <v>1389.520338</v>
      </c>
      <c r="B58">
        <v>19.852511</v>
      </c>
      <c r="C58">
        <v>7.200691</v>
      </c>
      <c r="D58">
        <f t="shared" si="3"/>
        <v>0.28026899999999966</v>
      </c>
      <c r="E58">
        <f t="shared" si="4"/>
        <v>35.515247999999929</v>
      </c>
      <c r="F58">
        <f t="shared" si="2"/>
        <v>9.1195808910451218E-2</v>
      </c>
    </row>
    <row r="59" spans="1:6" x14ac:dyDescent="0.2">
      <c r="A59">
        <v>1391.266621</v>
      </c>
      <c r="B59">
        <v>19.927126999999999</v>
      </c>
      <c r="C59">
        <v>7.2056959999999997</v>
      </c>
      <c r="D59">
        <f t="shared" si="3"/>
        <v>0.28527399999999936</v>
      </c>
      <c r="E59">
        <f t="shared" si="4"/>
        <v>37.261530999999877</v>
      </c>
      <c r="F59">
        <f t="shared" si="2"/>
        <v>9.388325484759738E-2</v>
      </c>
    </row>
    <row r="60" spans="1:6" x14ac:dyDescent="0.2">
      <c r="A60">
        <v>1392.3540270000001</v>
      </c>
      <c r="B60">
        <v>19.946591999999999</v>
      </c>
      <c r="C60">
        <v>7.2107010000000002</v>
      </c>
      <c r="D60">
        <f t="shared" si="3"/>
        <v>0.29027899999999995</v>
      </c>
      <c r="E60">
        <f t="shared" si="4"/>
        <v>38.348936999999978</v>
      </c>
      <c r="F60">
        <f t="shared" si="2"/>
        <v>9.4882918933876667E-2</v>
      </c>
    </row>
    <row r="61" spans="1:6" x14ac:dyDescent="0.2">
      <c r="A61">
        <v>1393.568657</v>
      </c>
      <c r="B61">
        <v>19.954775999999999</v>
      </c>
      <c r="C61">
        <v>7.215706</v>
      </c>
      <c r="D61">
        <f t="shared" si="3"/>
        <v>0.29528399999999966</v>
      </c>
      <c r="E61">
        <f t="shared" si="4"/>
        <v>39.563566999999921</v>
      </c>
      <c r="F61">
        <f t="shared" si="2"/>
        <v>9.6145099858036709E-2</v>
      </c>
    </row>
    <row r="62" spans="1:6" x14ac:dyDescent="0.2">
      <c r="A62">
        <v>1393.497822</v>
      </c>
      <c r="B62">
        <v>20.010728</v>
      </c>
      <c r="C62">
        <v>7.2207100000000004</v>
      </c>
      <c r="D62">
        <f t="shared" si="3"/>
        <v>0.30028800000000011</v>
      </c>
      <c r="E62">
        <f t="shared" si="4"/>
        <v>39.492731999999933</v>
      </c>
      <c r="F62">
        <f t="shared" si="2"/>
        <v>9.4378464312314753E-2</v>
      </c>
    </row>
    <row r="63" spans="1:6" x14ac:dyDescent="0.2">
      <c r="A63">
        <v>1392.6696899999999</v>
      </c>
      <c r="B63">
        <v>20.078873999999999</v>
      </c>
      <c r="C63">
        <v>7.2257150000000001</v>
      </c>
      <c r="D63">
        <f t="shared" si="3"/>
        <v>0.30529299999999981</v>
      </c>
      <c r="E63">
        <f t="shared" si="4"/>
        <v>38.664599999999837</v>
      </c>
      <c r="F63">
        <f t="shared" si="2"/>
        <v>9.0938660168067911E-2</v>
      </c>
    </row>
    <row r="64" spans="1:6" x14ac:dyDescent="0.2">
      <c r="A64">
        <v>1389.9727820000001</v>
      </c>
      <c r="B64">
        <v>20.156302</v>
      </c>
      <c r="C64">
        <v>7.2307199999999998</v>
      </c>
      <c r="D64">
        <f t="shared" si="3"/>
        <v>0.31029799999999952</v>
      </c>
      <c r="E64">
        <f t="shared" si="4"/>
        <v>35.967691999999943</v>
      </c>
      <c r="F64">
        <f t="shared" si="2"/>
        <v>8.3392558464169084E-2</v>
      </c>
    </row>
    <row r="65" spans="1:6" x14ac:dyDescent="0.2">
      <c r="A65">
        <v>1387.186332</v>
      </c>
      <c r="B65">
        <v>20.137042999999998</v>
      </c>
      <c r="C65">
        <v>7.2357250000000004</v>
      </c>
      <c r="D65">
        <f t="shared" si="3"/>
        <v>0.31530300000000011</v>
      </c>
      <c r="E65">
        <f t="shared" si="4"/>
        <v>33.181241999999884</v>
      </c>
      <c r="F65">
        <f t="shared" si="2"/>
        <v>7.586295128929374E-2</v>
      </c>
    </row>
    <row r="66" spans="1:6" x14ac:dyDescent="0.2">
      <c r="A66">
        <v>1384.521718</v>
      </c>
      <c r="B66">
        <v>20.134801</v>
      </c>
      <c r="C66">
        <v>7.2407300000000001</v>
      </c>
      <c r="D66">
        <f t="shared" si="3"/>
        <v>0.32030799999999982</v>
      </c>
      <c r="E66">
        <f t="shared" si="4"/>
        <v>30.516627999999855</v>
      </c>
      <c r="F66">
        <f t="shared" si="2"/>
        <v>6.8812761278856258E-2</v>
      </c>
    </row>
    <row r="67" spans="1:6" x14ac:dyDescent="0.2">
      <c r="A67">
        <v>1382.1339909999999</v>
      </c>
      <c r="B67">
        <v>20.112787000000001</v>
      </c>
      <c r="C67">
        <v>7.2457339999999997</v>
      </c>
      <c r="D67">
        <f t="shared" si="3"/>
        <v>0.32531199999999938</v>
      </c>
      <c r="E67">
        <f t="shared" si="4"/>
        <v>28.128900999999814</v>
      </c>
      <c r="F67">
        <f t="shared" ref="F67:F130" si="5">(1/A67)*(E67/D67)</f>
        <v>6.2560834492754153E-2</v>
      </c>
    </row>
    <row r="68" spans="1:6" x14ac:dyDescent="0.2">
      <c r="A68">
        <v>1380.562921</v>
      </c>
      <c r="B68">
        <v>20.041340000000002</v>
      </c>
      <c r="C68">
        <v>7.2507390000000003</v>
      </c>
      <c r="D68">
        <f t="shared" si="3"/>
        <v>0.33031699999999997</v>
      </c>
      <c r="E68">
        <f t="shared" si="4"/>
        <v>26.557830999999851</v>
      </c>
      <c r="F68">
        <f t="shared" si="5"/>
        <v>5.8237868630489541E-2</v>
      </c>
    </row>
    <row r="69" spans="1:6" x14ac:dyDescent="0.2">
      <c r="A69">
        <v>1379.944342</v>
      </c>
      <c r="B69">
        <v>20.008787999999999</v>
      </c>
      <c r="C69">
        <v>7.255744</v>
      </c>
      <c r="D69">
        <f t="shared" si="3"/>
        <v>0.33532199999999968</v>
      </c>
      <c r="E69">
        <f t="shared" si="4"/>
        <v>25.939251999999897</v>
      </c>
      <c r="F69">
        <f t="shared" si="5"/>
        <v>5.6057513528852528E-2</v>
      </c>
    </row>
    <row r="70" spans="1:6" x14ac:dyDescent="0.2">
      <c r="A70">
        <v>1380.621836</v>
      </c>
      <c r="B70">
        <v>19.938338999999999</v>
      </c>
      <c r="C70">
        <v>7.2607489999999997</v>
      </c>
      <c r="D70">
        <f t="shared" si="3"/>
        <v>0.34032699999999938</v>
      </c>
      <c r="E70">
        <f t="shared" si="4"/>
        <v>26.616745999999921</v>
      </c>
      <c r="F70">
        <f t="shared" si="5"/>
        <v>5.6647900278029649E-2</v>
      </c>
    </row>
    <row r="71" spans="1:6" x14ac:dyDescent="0.2">
      <c r="A71">
        <v>1382.186054</v>
      </c>
      <c r="B71">
        <v>19.90803</v>
      </c>
      <c r="C71">
        <v>7.2657540000000003</v>
      </c>
      <c r="D71">
        <f t="shared" ref="D71:D134" si="6">C71-$C$2</f>
        <v>0.34533199999999997</v>
      </c>
      <c r="E71">
        <f t="shared" ref="E71:E134" si="7">A71-$A$2</f>
        <v>28.180963999999904</v>
      </c>
      <c r="F71">
        <f t="shared" si="5"/>
        <v>5.9040838207561487E-2</v>
      </c>
    </row>
    <row r="72" spans="1:6" x14ac:dyDescent="0.2">
      <c r="A72">
        <v>1383.323592</v>
      </c>
      <c r="B72">
        <v>19.958492</v>
      </c>
      <c r="C72">
        <v>7.2707579999999998</v>
      </c>
      <c r="D72">
        <f t="shared" si="6"/>
        <v>0.35033599999999954</v>
      </c>
      <c r="E72">
        <f t="shared" si="7"/>
        <v>29.318501999999853</v>
      </c>
      <c r="F72">
        <f t="shared" si="5"/>
        <v>6.0496914618198089E-2</v>
      </c>
    </row>
    <row r="73" spans="1:6" x14ac:dyDescent="0.2">
      <c r="A73">
        <v>1384.5601999999999</v>
      </c>
      <c r="B73">
        <v>19.917627</v>
      </c>
      <c r="C73">
        <v>7.2757630000000004</v>
      </c>
      <c r="D73">
        <f t="shared" si="6"/>
        <v>0.35534100000000013</v>
      </c>
      <c r="E73">
        <f t="shared" si="7"/>
        <v>30.555109999999786</v>
      </c>
      <c r="F73">
        <f t="shared" si="5"/>
        <v>6.2105017420274577E-2</v>
      </c>
    </row>
    <row r="74" spans="1:6" x14ac:dyDescent="0.2">
      <c r="A74">
        <v>1386.303956</v>
      </c>
      <c r="B74">
        <v>19.900552999999999</v>
      </c>
      <c r="C74">
        <v>7.2807680000000001</v>
      </c>
      <c r="D74">
        <f t="shared" si="6"/>
        <v>0.36034599999999983</v>
      </c>
      <c r="E74">
        <f t="shared" si="7"/>
        <v>32.298865999999862</v>
      </c>
      <c r="F74">
        <f t="shared" si="5"/>
        <v>6.4656040714682769E-2</v>
      </c>
    </row>
    <row r="75" spans="1:6" x14ac:dyDescent="0.2">
      <c r="A75">
        <v>1388.411928</v>
      </c>
      <c r="B75">
        <v>19.900974000000001</v>
      </c>
      <c r="C75">
        <v>7.2857729999999998</v>
      </c>
      <c r="D75">
        <f t="shared" si="6"/>
        <v>0.36535099999999954</v>
      </c>
      <c r="E75">
        <f t="shared" si="7"/>
        <v>34.40683799999988</v>
      </c>
      <c r="F75">
        <f t="shared" si="5"/>
        <v>6.7829111177222928E-2</v>
      </c>
    </row>
    <row r="76" spans="1:6" x14ac:dyDescent="0.2">
      <c r="A76">
        <v>1389.020035</v>
      </c>
      <c r="B76">
        <v>20.019660999999999</v>
      </c>
      <c r="C76">
        <v>7.2907780000000004</v>
      </c>
      <c r="D76">
        <f t="shared" si="6"/>
        <v>0.37035600000000013</v>
      </c>
      <c r="E76">
        <f t="shared" si="7"/>
        <v>35.014944999999898</v>
      </c>
      <c r="F76">
        <f t="shared" si="5"/>
        <v>6.8065267185270104E-2</v>
      </c>
    </row>
    <row r="77" spans="1:6" x14ac:dyDescent="0.2">
      <c r="A77">
        <v>1389.312034</v>
      </c>
      <c r="B77">
        <v>19.936955000000001</v>
      </c>
      <c r="C77">
        <v>7.295782</v>
      </c>
      <c r="D77">
        <f t="shared" si="6"/>
        <v>0.37535999999999969</v>
      </c>
      <c r="E77">
        <f t="shared" si="7"/>
        <v>35.30694399999993</v>
      </c>
      <c r="F77">
        <f t="shared" si="5"/>
        <v>6.7703690225973015E-2</v>
      </c>
    </row>
    <row r="78" spans="1:6" x14ac:dyDescent="0.2">
      <c r="A78">
        <v>1390.8619000000001</v>
      </c>
      <c r="B78">
        <v>19.898561000000001</v>
      </c>
      <c r="C78">
        <v>7.3007869999999997</v>
      </c>
      <c r="D78">
        <f t="shared" si="6"/>
        <v>0.3803649999999994</v>
      </c>
      <c r="E78">
        <f t="shared" si="7"/>
        <v>36.856809999999996</v>
      </c>
      <c r="F78">
        <f t="shared" si="5"/>
        <v>6.9667974709440431E-2</v>
      </c>
    </row>
    <row r="79" spans="1:6" x14ac:dyDescent="0.2">
      <c r="A79">
        <v>1392.954731</v>
      </c>
      <c r="B79">
        <v>19.891013000000001</v>
      </c>
      <c r="C79">
        <v>7.3057920000000003</v>
      </c>
      <c r="D79">
        <f t="shared" si="6"/>
        <v>0.38536999999999999</v>
      </c>
      <c r="E79">
        <f t="shared" si="7"/>
        <v>38.949640999999929</v>
      </c>
      <c r="F79">
        <f t="shared" si="5"/>
        <v>7.2558543008088214E-2</v>
      </c>
    </row>
    <row r="80" spans="1:6" x14ac:dyDescent="0.2">
      <c r="A80">
        <v>1394.721403</v>
      </c>
      <c r="B80">
        <v>19.922269</v>
      </c>
      <c r="C80">
        <v>7.310797</v>
      </c>
      <c r="D80">
        <f t="shared" si="6"/>
        <v>0.39037499999999969</v>
      </c>
      <c r="E80">
        <f t="shared" si="7"/>
        <v>40.7163129999999</v>
      </c>
      <c r="F80">
        <f t="shared" si="5"/>
        <v>7.4782328129734302E-2</v>
      </c>
    </row>
    <row r="81" spans="1:6" x14ac:dyDescent="0.2">
      <c r="A81">
        <v>1396.891977</v>
      </c>
      <c r="B81">
        <v>19.848400000000002</v>
      </c>
      <c r="C81">
        <v>7.3158019999999997</v>
      </c>
      <c r="D81">
        <f t="shared" si="6"/>
        <v>0.3953799999999994</v>
      </c>
      <c r="E81">
        <f t="shared" si="7"/>
        <v>42.886886999999888</v>
      </c>
      <c r="F81">
        <f t="shared" si="5"/>
        <v>7.765099114568691E-2</v>
      </c>
    </row>
    <row r="82" spans="1:6" x14ac:dyDescent="0.2">
      <c r="A82">
        <v>1397.930736</v>
      </c>
      <c r="B82">
        <v>20.030823000000002</v>
      </c>
      <c r="C82">
        <v>7.3208060000000001</v>
      </c>
      <c r="D82">
        <f t="shared" si="6"/>
        <v>0.40038399999999985</v>
      </c>
      <c r="E82">
        <f t="shared" si="7"/>
        <v>43.925645999999915</v>
      </c>
      <c r="F82">
        <f t="shared" si="5"/>
        <v>7.8479420855386992E-2</v>
      </c>
    </row>
    <row r="83" spans="1:6" x14ac:dyDescent="0.2">
      <c r="A83">
        <v>1397.1321720000001</v>
      </c>
      <c r="B83">
        <v>20.006613000000002</v>
      </c>
      <c r="C83">
        <v>7.3258109999999999</v>
      </c>
      <c r="D83">
        <f t="shared" si="6"/>
        <v>0.40538899999999956</v>
      </c>
      <c r="E83">
        <f t="shared" si="7"/>
        <v>43.127081999999973</v>
      </c>
      <c r="F83">
        <f t="shared" si="5"/>
        <v>7.6144864999714054E-2</v>
      </c>
    </row>
    <row r="84" spans="1:6" x14ac:dyDescent="0.2">
      <c r="A84">
        <v>1397.9912429999999</v>
      </c>
      <c r="B84">
        <v>19.920940000000002</v>
      </c>
      <c r="C84">
        <v>7.3308160000000004</v>
      </c>
      <c r="D84">
        <f t="shared" si="6"/>
        <v>0.41039400000000015</v>
      </c>
      <c r="E84">
        <f t="shared" si="7"/>
        <v>43.986152999999831</v>
      </c>
      <c r="F84">
        <f t="shared" si="5"/>
        <v>7.6667363175751374E-2</v>
      </c>
    </row>
    <row r="85" spans="1:6" x14ac:dyDescent="0.2">
      <c r="A85">
        <v>1398.983252</v>
      </c>
      <c r="B85">
        <v>19.979890999999999</v>
      </c>
      <c r="C85">
        <v>7.3358210000000001</v>
      </c>
      <c r="D85">
        <f t="shared" si="6"/>
        <v>0.41539899999999985</v>
      </c>
      <c r="E85">
        <f t="shared" si="7"/>
        <v>44.978161999999884</v>
      </c>
      <c r="F85">
        <f t="shared" si="5"/>
        <v>7.739693139485096E-2</v>
      </c>
    </row>
    <row r="86" spans="1:6" x14ac:dyDescent="0.2">
      <c r="A86">
        <v>1398.272264</v>
      </c>
      <c r="B86">
        <v>20.051838</v>
      </c>
      <c r="C86">
        <v>7.3408259999999999</v>
      </c>
      <c r="D86">
        <f t="shared" si="6"/>
        <v>0.42040399999999956</v>
      </c>
      <c r="E86">
        <f t="shared" si="7"/>
        <v>44.267173999999841</v>
      </c>
      <c r="F86">
        <f t="shared" si="5"/>
        <v>7.5304896336071833E-2</v>
      </c>
    </row>
    <row r="87" spans="1:6" x14ac:dyDescent="0.2">
      <c r="A87">
        <v>1398.389653</v>
      </c>
      <c r="B87">
        <v>19.954315000000001</v>
      </c>
      <c r="C87">
        <v>7.3458300000000003</v>
      </c>
      <c r="D87">
        <f t="shared" si="6"/>
        <v>0.42540800000000001</v>
      </c>
      <c r="E87">
        <f t="shared" si="7"/>
        <v>44.384562999999844</v>
      </c>
      <c r="F87">
        <f t="shared" si="5"/>
        <v>7.4610181016132579E-2</v>
      </c>
    </row>
    <row r="88" spans="1:6" x14ac:dyDescent="0.2">
      <c r="A88">
        <v>1399.0635609999999</v>
      </c>
      <c r="B88">
        <v>19.979099999999999</v>
      </c>
      <c r="C88">
        <v>7.350835</v>
      </c>
      <c r="D88">
        <f t="shared" si="6"/>
        <v>0.43041299999999971</v>
      </c>
      <c r="E88">
        <f t="shared" si="7"/>
        <v>45.058470999999827</v>
      </c>
      <c r="F88">
        <f t="shared" si="5"/>
        <v>7.4826188714344266E-2</v>
      </c>
    </row>
    <row r="89" spans="1:6" x14ac:dyDescent="0.2">
      <c r="A89">
        <v>1398.9092439999999</v>
      </c>
      <c r="B89">
        <v>20.034386999999999</v>
      </c>
      <c r="C89">
        <v>7.3558399999999997</v>
      </c>
      <c r="D89">
        <f t="shared" si="6"/>
        <v>0.43541799999999942</v>
      </c>
      <c r="E89">
        <f t="shared" si="7"/>
        <v>44.904153999999835</v>
      </c>
      <c r="F89">
        <f t="shared" si="5"/>
        <v>7.3720895156743779E-2</v>
      </c>
    </row>
    <row r="90" spans="1:6" x14ac:dyDescent="0.2">
      <c r="A90">
        <v>1396.8490039999999</v>
      </c>
      <c r="B90">
        <v>20.151130999999999</v>
      </c>
      <c r="C90">
        <v>7.3608450000000003</v>
      </c>
      <c r="D90">
        <f t="shared" si="6"/>
        <v>0.44042300000000001</v>
      </c>
      <c r="E90">
        <f t="shared" si="7"/>
        <v>42.843913999999813</v>
      </c>
      <c r="F90">
        <f t="shared" si="5"/>
        <v>6.9641751567675242E-2</v>
      </c>
    </row>
    <row r="91" spans="1:6" x14ac:dyDescent="0.2">
      <c r="A91">
        <v>1393.8548430000001</v>
      </c>
      <c r="B91">
        <v>20.125250999999999</v>
      </c>
      <c r="C91">
        <v>7.36585</v>
      </c>
      <c r="D91">
        <f t="shared" si="6"/>
        <v>0.44542799999999971</v>
      </c>
      <c r="E91">
        <f t="shared" si="7"/>
        <v>39.849752999999964</v>
      </c>
      <c r="F91">
        <f t="shared" si="5"/>
        <v>6.4184560504770963E-2</v>
      </c>
    </row>
    <row r="92" spans="1:6" x14ac:dyDescent="0.2">
      <c r="A92">
        <v>1391.9239540000001</v>
      </c>
      <c r="B92">
        <v>20.088905</v>
      </c>
      <c r="C92">
        <v>7.3708539999999996</v>
      </c>
      <c r="D92">
        <f t="shared" si="6"/>
        <v>0.45043199999999928</v>
      </c>
      <c r="E92">
        <f t="shared" si="7"/>
        <v>37.918863999999985</v>
      </c>
      <c r="F92">
        <f t="shared" si="5"/>
        <v>6.0479831521774677E-2</v>
      </c>
    </row>
    <row r="93" spans="1:6" x14ac:dyDescent="0.2">
      <c r="A93">
        <v>1390.4776099999999</v>
      </c>
      <c r="B93">
        <v>20.059902000000001</v>
      </c>
      <c r="C93">
        <v>7.3758590000000002</v>
      </c>
      <c r="D93">
        <f t="shared" si="6"/>
        <v>0.45543699999999987</v>
      </c>
      <c r="E93">
        <f t="shared" si="7"/>
        <v>36.472519999999804</v>
      </c>
      <c r="F93">
        <f t="shared" si="5"/>
        <v>5.7593498569793761E-2</v>
      </c>
    </row>
    <row r="94" spans="1:6" x14ac:dyDescent="0.2">
      <c r="A94">
        <v>1390.479572</v>
      </c>
      <c r="B94">
        <v>19.980383</v>
      </c>
      <c r="C94">
        <v>7.3808639999999999</v>
      </c>
      <c r="D94">
        <f t="shared" si="6"/>
        <v>0.46044199999999957</v>
      </c>
      <c r="E94">
        <f t="shared" si="7"/>
        <v>36.474481999999853</v>
      </c>
      <c r="F94">
        <f t="shared" si="5"/>
        <v>5.6970441924589305E-2</v>
      </c>
    </row>
    <row r="95" spans="1:6" x14ac:dyDescent="0.2">
      <c r="A95">
        <v>1390.8777600000001</v>
      </c>
      <c r="B95">
        <v>19.95215</v>
      </c>
      <c r="C95">
        <v>7.3858689999999996</v>
      </c>
      <c r="D95">
        <f t="shared" si="6"/>
        <v>0.46544699999999928</v>
      </c>
      <c r="E95">
        <f t="shared" si="7"/>
        <v>36.872669999999971</v>
      </c>
      <c r="F95">
        <f t="shared" si="5"/>
        <v>5.6956774678857465E-2</v>
      </c>
    </row>
    <row r="96" spans="1:6" x14ac:dyDescent="0.2">
      <c r="A96">
        <v>1391.324376</v>
      </c>
      <c r="B96">
        <v>20.006173</v>
      </c>
      <c r="C96">
        <v>7.3908740000000002</v>
      </c>
      <c r="D96">
        <f t="shared" si="6"/>
        <v>0.47045199999999987</v>
      </c>
      <c r="E96">
        <f t="shared" si="7"/>
        <v>37.31928599999992</v>
      </c>
      <c r="F96">
        <f t="shared" si="5"/>
        <v>5.7015063578980521E-2</v>
      </c>
    </row>
    <row r="97" spans="1:6" x14ac:dyDescent="0.2">
      <c r="A97">
        <v>1390.4818230000001</v>
      </c>
      <c r="B97">
        <v>20.014619</v>
      </c>
      <c r="C97">
        <v>7.3958779999999997</v>
      </c>
      <c r="D97">
        <f t="shared" si="6"/>
        <v>0.47545599999999943</v>
      </c>
      <c r="E97">
        <f t="shared" si="7"/>
        <v>36.476732999999967</v>
      </c>
      <c r="F97">
        <f t="shared" si="5"/>
        <v>5.5174738816205993E-2</v>
      </c>
    </row>
    <row r="98" spans="1:6" x14ac:dyDescent="0.2">
      <c r="A98">
        <v>1391.2509030000001</v>
      </c>
      <c r="B98">
        <v>19.932328999999999</v>
      </c>
      <c r="C98">
        <v>7.4008830000000003</v>
      </c>
      <c r="D98">
        <f t="shared" si="6"/>
        <v>0.48046100000000003</v>
      </c>
      <c r="E98">
        <f t="shared" si="7"/>
        <v>37.245812999999998</v>
      </c>
      <c r="F98">
        <f t="shared" si="5"/>
        <v>5.572035290743018E-2</v>
      </c>
    </row>
    <row r="99" spans="1:6" x14ac:dyDescent="0.2">
      <c r="A99">
        <v>1393.3834119999999</v>
      </c>
      <c r="B99">
        <v>19.884288000000002</v>
      </c>
      <c r="C99">
        <v>7.405888</v>
      </c>
      <c r="D99">
        <f t="shared" si="6"/>
        <v>0.48546599999999973</v>
      </c>
      <c r="E99">
        <f t="shared" si="7"/>
        <v>39.378321999999798</v>
      </c>
      <c r="F99">
        <f t="shared" si="5"/>
        <v>5.821404144561259E-2</v>
      </c>
    </row>
    <row r="100" spans="1:6" x14ac:dyDescent="0.2">
      <c r="A100">
        <v>1394.79928</v>
      </c>
      <c r="B100">
        <v>19.967397999999999</v>
      </c>
      <c r="C100">
        <v>7.4108929999999997</v>
      </c>
      <c r="D100">
        <f t="shared" si="6"/>
        <v>0.49047099999999944</v>
      </c>
      <c r="E100">
        <f t="shared" si="7"/>
        <v>40.794189999999844</v>
      </c>
      <c r="F100">
        <f t="shared" si="5"/>
        <v>5.9631161104369002E-2</v>
      </c>
    </row>
    <row r="101" spans="1:6" x14ac:dyDescent="0.2">
      <c r="A101">
        <v>1394.8192879999999</v>
      </c>
      <c r="B101">
        <v>19.994133999999999</v>
      </c>
      <c r="C101">
        <v>7.4158980000000003</v>
      </c>
      <c r="D101">
        <f t="shared" si="6"/>
        <v>0.49547600000000003</v>
      </c>
      <c r="E101">
        <f t="shared" si="7"/>
        <v>40.814197999999806</v>
      </c>
      <c r="F101">
        <f t="shared" si="5"/>
        <v>5.9056907276196925E-2</v>
      </c>
    </row>
    <row r="102" spans="1:6" x14ac:dyDescent="0.2">
      <c r="A102">
        <v>1394.9647729999999</v>
      </c>
      <c r="B102">
        <v>19.999269000000002</v>
      </c>
      <c r="C102">
        <v>7.4209019999999999</v>
      </c>
      <c r="D102">
        <f t="shared" si="6"/>
        <v>0.50047999999999959</v>
      </c>
      <c r="E102">
        <f t="shared" si="7"/>
        <v>40.959682999999814</v>
      </c>
      <c r="F102">
        <f t="shared" si="5"/>
        <v>5.8668720828780323E-2</v>
      </c>
    </row>
    <row r="103" spans="1:6" x14ac:dyDescent="0.2">
      <c r="A103">
        <v>1395.383341</v>
      </c>
      <c r="B103">
        <v>19.931294000000001</v>
      </c>
      <c r="C103">
        <v>7.4259069999999996</v>
      </c>
      <c r="D103">
        <f t="shared" si="6"/>
        <v>0.5054849999999993</v>
      </c>
      <c r="E103">
        <f t="shared" si="7"/>
        <v>41.378250999999864</v>
      </c>
      <c r="F103">
        <f t="shared" si="5"/>
        <v>5.8663817816296648E-2</v>
      </c>
    </row>
    <row r="104" spans="1:6" x14ac:dyDescent="0.2">
      <c r="A104">
        <v>1397.557628</v>
      </c>
      <c r="B104">
        <v>19.868670999999999</v>
      </c>
      <c r="C104">
        <v>7.4309120000000002</v>
      </c>
      <c r="D104">
        <f t="shared" si="6"/>
        <v>0.51048999999999989</v>
      </c>
      <c r="E104">
        <f t="shared" si="7"/>
        <v>43.552537999999913</v>
      </c>
      <c r="F104">
        <f t="shared" si="5"/>
        <v>6.1045900471570026E-2</v>
      </c>
    </row>
    <row r="105" spans="1:6" x14ac:dyDescent="0.2">
      <c r="A105">
        <v>1399.4468320000001</v>
      </c>
      <c r="B105">
        <v>19.953952999999998</v>
      </c>
      <c r="C105">
        <v>7.4359169999999999</v>
      </c>
      <c r="D105">
        <f t="shared" si="6"/>
        <v>0.51549499999999959</v>
      </c>
      <c r="E105">
        <f t="shared" si="7"/>
        <v>45.441741999999977</v>
      </c>
      <c r="F105">
        <f t="shared" si="5"/>
        <v>6.2990362991271365E-2</v>
      </c>
    </row>
    <row r="106" spans="1:6" x14ac:dyDescent="0.2">
      <c r="A106">
        <v>1399.5629240000001</v>
      </c>
      <c r="B106">
        <v>19.981611000000001</v>
      </c>
      <c r="C106">
        <v>7.4409219999999996</v>
      </c>
      <c r="D106">
        <f t="shared" si="6"/>
        <v>0.5204999999999993</v>
      </c>
      <c r="E106">
        <f t="shared" si="7"/>
        <v>45.557833999999957</v>
      </c>
      <c r="F106">
        <f t="shared" si="5"/>
        <v>6.2538852020562974E-2</v>
      </c>
    </row>
    <row r="107" spans="1:6" x14ac:dyDescent="0.2">
      <c r="A107">
        <v>1399.3722540000001</v>
      </c>
      <c r="B107">
        <v>20.007090000000002</v>
      </c>
      <c r="C107">
        <v>7.445926</v>
      </c>
      <c r="D107">
        <f t="shared" si="6"/>
        <v>0.52550399999999975</v>
      </c>
      <c r="E107">
        <f t="shared" si="7"/>
        <v>45.367164000000002</v>
      </c>
      <c r="F107">
        <f t="shared" si="5"/>
        <v>6.1692496710625787E-2</v>
      </c>
    </row>
    <row r="108" spans="1:6" x14ac:dyDescent="0.2">
      <c r="A108">
        <v>1399.9428009999999</v>
      </c>
      <c r="B108">
        <v>19.949524</v>
      </c>
      <c r="C108">
        <v>7.4509309999999997</v>
      </c>
      <c r="D108">
        <f t="shared" si="6"/>
        <v>0.53050899999999945</v>
      </c>
      <c r="E108">
        <f t="shared" si="7"/>
        <v>45.937710999999808</v>
      </c>
      <c r="F108">
        <f t="shared" si="5"/>
        <v>6.1853788299124877E-2</v>
      </c>
    </row>
    <row r="109" spans="1:6" x14ac:dyDescent="0.2">
      <c r="A109">
        <v>1400.0728630000001</v>
      </c>
      <c r="B109">
        <v>20.059455</v>
      </c>
      <c r="C109">
        <v>7.4559360000000003</v>
      </c>
      <c r="D109">
        <f t="shared" si="6"/>
        <v>0.53551400000000005</v>
      </c>
      <c r="E109">
        <f t="shared" si="7"/>
        <v>46.067772999999988</v>
      </c>
      <c r="F109">
        <f t="shared" si="5"/>
        <v>6.1443472369577444E-2</v>
      </c>
    </row>
    <row r="110" spans="1:6" x14ac:dyDescent="0.2">
      <c r="A110">
        <v>1398.623092</v>
      </c>
      <c r="B110">
        <v>20.062566</v>
      </c>
      <c r="C110">
        <v>7.460941</v>
      </c>
      <c r="D110">
        <f t="shared" si="6"/>
        <v>0.54051899999999975</v>
      </c>
      <c r="E110">
        <f t="shared" si="7"/>
        <v>44.618001999999933</v>
      </c>
      <c r="F110">
        <f t="shared" si="5"/>
        <v>5.9019898680278765E-2</v>
      </c>
    </row>
    <row r="111" spans="1:6" x14ac:dyDescent="0.2">
      <c r="A111">
        <v>1396.7863130000001</v>
      </c>
      <c r="B111">
        <v>20.107544000000001</v>
      </c>
      <c r="C111">
        <v>7.4659459999999997</v>
      </c>
      <c r="D111">
        <f t="shared" si="6"/>
        <v>0.54552399999999945</v>
      </c>
      <c r="E111">
        <f t="shared" si="7"/>
        <v>42.781222999999954</v>
      </c>
      <c r="F111">
        <f t="shared" si="5"/>
        <v>5.6144777242925208E-2</v>
      </c>
    </row>
    <row r="112" spans="1:6" x14ac:dyDescent="0.2">
      <c r="A112">
        <v>1394.2823490000001</v>
      </c>
      <c r="B112">
        <v>20.112542999999999</v>
      </c>
      <c r="C112">
        <v>7.4709500000000002</v>
      </c>
      <c r="D112">
        <f t="shared" si="6"/>
        <v>0.55052799999999991</v>
      </c>
      <c r="E112">
        <f t="shared" si="7"/>
        <v>40.277258999999958</v>
      </c>
      <c r="F112">
        <f t="shared" si="5"/>
        <v>5.2472259548421961E-2</v>
      </c>
    </row>
    <row r="113" spans="1:6" x14ac:dyDescent="0.2">
      <c r="A113">
        <v>1392.7450920000001</v>
      </c>
      <c r="B113">
        <v>20.062228000000001</v>
      </c>
      <c r="C113">
        <v>7.4759549999999999</v>
      </c>
      <c r="D113">
        <f t="shared" si="6"/>
        <v>0.55553299999999961</v>
      </c>
      <c r="E113">
        <f t="shared" si="7"/>
        <v>38.740002000000004</v>
      </c>
      <c r="F113">
        <f t="shared" si="5"/>
        <v>5.0070063240470086E-2</v>
      </c>
    </row>
    <row r="114" spans="1:6" x14ac:dyDescent="0.2">
      <c r="A114">
        <v>1391.813836</v>
      </c>
      <c r="B114">
        <v>20.031427000000001</v>
      </c>
      <c r="C114">
        <v>7.4809599999999996</v>
      </c>
      <c r="D114">
        <f t="shared" si="6"/>
        <v>0.56053799999999931</v>
      </c>
      <c r="E114">
        <f t="shared" si="7"/>
        <v>37.808745999999928</v>
      </c>
      <c r="F114">
        <f t="shared" si="5"/>
        <v>4.8462527925156984E-2</v>
      </c>
    </row>
    <row r="115" spans="1:6" x14ac:dyDescent="0.2">
      <c r="A115">
        <v>1390.950777</v>
      </c>
      <c r="B115">
        <v>20.051417000000001</v>
      </c>
      <c r="C115">
        <v>7.4859650000000002</v>
      </c>
      <c r="D115">
        <f t="shared" si="6"/>
        <v>0.56554299999999991</v>
      </c>
      <c r="E115">
        <f t="shared" si="7"/>
        <v>36.945686999999907</v>
      </c>
      <c r="F115">
        <f t="shared" si="5"/>
        <v>4.6966300652649645E-2</v>
      </c>
    </row>
    <row r="116" spans="1:6" x14ac:dyDescent="0.2">
      <c r="A116">
        <v>1390.0035290000001</v>
      </c>
      <c r="B116">
        <v>20.03782</v>
      </c>
      <c r="C116">
        <v>7.4909699999999999</v>
      </c>
      <c r="D116">
        <f t="shared" si="6"/>
        <v>0.57054799999999961</v>
      </c>
      <c r="E116">
        <f t="shared" si="7"/>
        <v>35.998438999999962</v>
      </c>
      <c r="F116">
        <f t="shared" si="5"/>
        <v>4.5391609124235649E-2</v>
      </c>
    </row>
    <row r="117" spans="1:6" x14ac:dyDescent="0.2">
      <c r="A117">
        <v>1390.1874479999999</v>
      </c>
      <c r="B117">
        <v>19.948727999999999</v>
      </c>
      <c r="C117">
        <v>7.4959740000000004</v>
      </c>
      <c r="D117">
        <f t="shared" si="6"/>
        <v>0.57555200000000006</v>
      </c>
      <c r="E117">
        <f t="shared" si="7"/>
        <v>36.182357999999795</v>
      </c>
      <c r="F117">
        <f t="shared" si="5"/>
        <v>4.5220872351333749E-2</v>
      </c>
    </row>
    <row r="118" spans="1:6" x14ac:dyDescent="0.2">
      <c r="A118">
        <v>1390.8784780000001</v>
      </c>
      <c r="B118">
        <v>19.976883999999998</v>
      </c>
      <c r="C118">
        <v>7.5009790000000001</v>
      </c>
      <c r="D118">
        <f t="shared" si="6"/>
        <v>0.58055699999999977</v>
      </c>
      <c r="E118">
        <f t="shared" si="7"/>
        <v>36.873387999999977</v>
      </c>
      <c r="F118">
        <f t="shared" si="5"/>
        <v>4.5664529820965985E-2</v>
      </c>
    </row>
    <row r="119" spans="1:6" x14ac:dyDescent="0.2">
      <c r="A119">
        <v>1391.552095</v>
      </c>
      <c r="B119">
        <v>19.960951000000001</v>
      </c>
      <c r="C119">
        <v>7.5059839999999998</v>
      </c>
      <c r="D119">
        <f t="shared" si="6"/>
        <v>0.58556199999999947</v>
      </c>
      <c r="E119">
        <f t="shared" si="7"/>
        <v>37.547004999999899</v>
      </c>
      <c r="F119">
        <f t="shared" si="5"/>
        <v>4.6078989392506452E-2</v>
      </c>
    </row>
    <row r="120" spans="1:6" x14ac:dyDescent="0.2">
      <c r="A120">
        <v>1392.1965049999999</v>
      </c>
      <c r="B120">
        <v>19.971361000000002</v>
      </c>
      <c r="C120">
        <v>7.5109890000000004</v>
      </c>
      <c r="D120">
        <f t="shared" si="6"/>
        <v>0.59056700000000006</v>
      </c>
      <c r="E120">
        <f t="shared" si="7"/>
        <v>38.191414999999779</v>
      </c>
      <c r="F120">
        <f t="shared" si="5"/>
        <v>4.6451103393633855E-2</v>
      </c>
    </row>
    <row r="121" spans="1:6" x14ac:dyDescent="0.2">
      <c r="A121">
        <v>1393.0657169999999</v>
      </c>
      <c r="B121">
        <v>19.924720000000001</v>
      </c>
      <c r="C121">
        <v>7.5159940000000001</v>
      </c>
      <c r="D121">
        <f t="shared" si="6"/>
        <v>0.59557199999999977</v>
      </c>
      <c r="E121">
        <f t="shared" si="7"/>
        <v>39.06062699999984</v>
      </c>
      <c r="F121">
        <f t="shared" si="5"/>
        <v>4.7079661758119423E-2</v>
      </c>
    </row>
    <row r="122" spans="1:6" x14ac:dyDescent="0.2">
      <c r="A122">
        <v>1394.306286</v>
      </c>
      <c r="B122">
        <v>19.953517999999999</v>
      </c>
      <c r="C122">
        <v>7.5209979999999996</v>
      </c>
      <c r="D122">
        <f t="shared" si="6"/>
        <v>0.60057599999999933</v>
      </c>
      <c r="E122">
        <f t="shared" si="7"/>
        <v>40.301195999999891</v>
      </c>
      <c r="F122">
        <f t="shared" si="5"/>
        <v>4.8127330847927786E-2</v>
      </c>
    </row>
    <row r="123" spans="1:6" x14ac:dyDescent="0.2">
      <c r="A123">
        <v>1394.940445</v>
      </c>
      <c r="B123">
        <v>19.968679999999999</v>
      </c>
      <c r="C123">
        <v>7.5260030000000002</v>
      </c>
      <c r="D123">
        <f t="shared" si="6"/>
        <v>0.60558099999999992</v>
      </c>
      <c r="E123">
        <f t="shared" si="7"/>
        <v>40.935354999999845</v>
      </c>
      <c r="F123">
        <f t="shared" si="5"/>
        <v>4.8458576667216369E-2</v>
      </c>
    </row>
    <row r="124" spans="1:6" x14ac:dyDescent="0.2">
      <c r="A124">
        <v>1395.2739300000001</v>
      </c>
      <c r="B124">
        <v>19.988581</v>
      </c>
      <c r="C124">
        <v>7.5310079999999999</v>
      </c>
      <c r="D124">
        <f t="shared" si="6"/>
        <v>0.61058599999999963</v>
      </c>
      <c r="E124">
        <f t="shared" si="7"/>
        <v>41.268839999999955</v>
      </c>
      <c r="F124">
        <f t="shared" si="5"/>
        <v>4.8441316749063275E-2</v>
      </c>
    </row>
    <row r="125" spans="1:6" x14ac:dyDescent="0.2">
      <c r="A125">
        <v>1395.3851560000001</v>
      </c>
      <c r="B125">
        <v>19.993476000000001</v>
      </c>
      <c r="C125">
        <v>7.5360129999999996</v>
      </c>
      <c r="D125">
        <f t="shared" si="6"/>
        <v>0.61559099999999933</v>
      </c>
      <c r="E125">
        <f t="shared" si="7"/>
        <v>41.380065999999943</v>
      </c>
      <c r="F125">
        <f t="shared" si="5"/>
        <v>4.8173124840998102E-2</v>
      </c>
    </row>
    <row r="126" spans="1:6" x14ac:dyDescent="0.2">
      <c r="A126">
        <v>1395.746486</v>
      </c>
      <c r="B126">
        <v>19.980685999999999</v>
      </c>
      <c r="C126">
        <v>7.5410180000000002</v>
      </c>
      <c r="D126">
        <f t="shared" si="6"/>
        <v>0.62059599999999993</v>
      </c>
      <c r="E126">
        <f t="shared" si="7"/>
        <v>41.741395999999895</v>
      </c>
      <c r="F126">
        <f t="shared" si="5"/>
        <v>4.8189392827937154E-2</v>
      </c>
    </row>
    <row r="127" spans="1:6" x14ac:dyDescent="0.2">
      <c r="A127">
        <v>1395.6912850000001</v>
      </c>
      <c r="B127">
        <v>20.004724</v>
      </c>
      <c r="C127">
        <v>7.5460219999999998</v>
      </c>
      <c r="D127">
        <f t="shared" si="6"/>
        <v>0.62559999999999949</v>
      </c>
      <c r="E127">
        <f t="shared" si="7"/>
        <v>41.686194999999998</v>
      </c>
      <c r="F127">
        <f t="shared" si="5"/>
        <v>4.7742609078713485E-2</v>
      </c>
    </row>
    <row r="128" spans="1:6" x14ac:dyDescent="0.2">
      <c r="A128">
        <v>1395.3352339999999</v>
      </c>
      <c r="B128">
        <v>20.025779</v>
      </c>
      <c r="C128">
        <v>7.5510270000000004</v>
      </c>
      <c r="D128">
        <f t="shared" si="6"/>
        <v>0.63060500000000008</v>
      </c>
      <c r="E128">
        <f t="shared" si="7"/>
        <v>41.330143999999791</v>
      </c>
      <c r="F128">
        <f t="shared" si="5"/>
        <v>4.6971123444822495E-2</v>
      </c>
    </row>
    <row r="129" spans="1:6" x14ac:dyDescent="0.2">
      <c r="A129">
        <v>1394.6344309999999</v>
      </c>
      <c r="B129">
        <v>20.040382999999999</v>
      </c>
      <c r="C129">
        <v>7.5560320000000001</v>
      </c>
      <c r="D129">
        <f t="shared" si="6"/>
        <v>0.63560999999999979</v>
      </c>
      <c r="E129">
        <f t="shared" si="7"/>
        <v>40.62934099999984</v>
      </c>
      <c r="F129">
        <f t="shared" si="5"/>
        <v>4.5834096412688957E-2</v>
      </c>
    </row>
    <row r="130" spans="1:6" x14ac:dyDescent="0.2">
      <c r="A130">
        <v>1394.149942</v>
      </c>
      <c r="B130">
        <v>20.006753</v>
      </c>
      <c r="C130">
        <v>7.5610369999999998</v>
      </c>
      <c r="D130">
        <f t="shared" si="6"/>
        <v>0.64061499999999949</v>
      </c>
      <c r="E130">
        <f t="shared" si="7"/>
        <v>40.144851999999901</v>
      </c>
      <c r="F130">
        <f t="shared" si="5"/>
        <v>4.4949335178474076E-2</v>
      </c>
    </row>
    <row r="131" spans="1:6" x14ac:dyDescent="0.2">
      <c r="A131">
        <v>1393.700771</v>
      </c>
      <c r="B131">
        <v>20.022521000000001</v>
      </c>
      <c r="C131">
        <v>7.5660420000000004</v>
      </c>
      <c r="D131">
        <f t="shared" si="6"/>
        <v>0.64562000000000008</v>
      </c>
      <c r="E131">
        <f t="shared" si="7"/>
        <v>39.695680999999922</v>
      </c>
      <c r="F131">
        <f t="shared" ref="F131:F194" si="8">(1/A131)*(E131/D131)</f>
        <v>4.4116062275253803E-2</v>
      </c>
    </row>
    <row r="132" spans="1:6" x14ac:dyDescent="0.2">
      <c r="A132">
        <v>1393.4745519999999</v>
      </c>
      <c r="B132">
        <v>20.012616999999999</v>
      </c>
      <c r="C132">
        <v>7.5710459999999999</v>
      </c>
      <c r="D132">
        <f t="shared" si="6"/>
        <v>0.65062399999999965</v>
      </c>
      <c r="E132">
        <f t="shared" si="7"/>
        <v>39.469461999999794</v>
      </c>
      <c r="F132">
        <f t="shared" si="8"/>
        <v>4.3534352093041073E-2</v>
      </c>
    </row>
    <row r="133" spans="1:6" x14ac:dyDescent="0.2">
      <c r="A133">
        <v>1393.2144209999999</v>
      </c>
      <c r="B133">
        <v>20.020731999999999</v>
      </c>
      <c r="C133">
        <v>7.5760509999999996</v>
      </c>
      <c r="D133">
        <f t="shared" si="6"/>
        <v>0.65562899999999935</v>
      </c>
      <c r="E133">
        <f t="shared" si="7"/>
        <v>39.209330999999793</v>
      </c>
      <c r="F133">
        <f t="shared" si="8"/>
        <v>4.2925297718361288E-2</v>
      </c>
    </row>
    <row r="134" spans="1:6" x14ac:dyDescent="0.2">
      <c r="A134">
        <v>1392.9817439999999</v>
      </c>
      <c r="B134">
        <v>19.995106</v>
      </c>
      <c r="C134">
        <v>7.5810560000000002</v>
      </c>
      <c r="D134">
        <f t="shared" si="6"/>
        <v>0.66063399999999994</v>
      </c>
      <c r="E134">
        <f t="shared" si="7"/>
        <v>38.976653999999826</v>
      </c>
      <c r="F134">
        <f t="shared" si="8"/>
        <v>4.2354368213111837E-2</v>
      </c>
    </row>
    <row r="135" spans="1:6" x14ac:dyDescent="0.2">
      <c r="A135">
        <v>1393.2578100000001</v>
      </c>
      <c r="B135">
        <v>19.985185000000001</v>
      </c>
      <c r="C135">
        <v>7.5860609999999999</v>
      </c>
      <c r="D135">
        <f t="shared" ref="D135:D198" si="9">C135-$C$2</f>
        <v>0.66563899999999965</v>
      </c>
      <c r="E135">
        <f t="shared" ref="E135:E198" si="10">A135-$A$2</f>
        <v>39.252719999999954</v>
      </c>
      <c r="F135">
        <f t="shared" si="8"/>
        <v>4.2325247922065344E-2</v>
      </c>
    </row>
    <row r="136" spans="1:6" x14ac:dyDescent="0.2">
      <c r="A136">
        <v>1393.4242119999999</v>
      </c>
      <c r="B136">
        <v>19.971968</v>
      </c>
      <c r="C136">
        <v>7.5910659999999996</v>
      </c>
      <c r="D136">
        <f t="shared" si="9"/>
        <v>0.67064399999999935</v>
      </c>
      <c r="E136">
        <f t="shared" si="10"/>
        <v>39.419121999999788</v>
      </c>
      <c r="F136">
        <f t="shared" si="8"/>
        <v>4.2182425758094312E-2</v>
      </c>
    </row>
    <row r="137" spans="1:6" x14ac:dyDescent="0.2">
      <c r="A137">
        <v>1393.554695</v>
      </c>
      <c r="B137">
        <v>19.992397</v>
      </c>
      <c r="C137">
        <v>7.5960700000000001</v>
      </c>
      <c r="D137">
        <f t="shared" si="9"/>
        <v>0.6756479999999998</v>
      </c>
      <c r="E137">
        <f t="shared" si="10"/>
        <v>39.549604999999929</v>
      </c>
      <c r="F137">
        <f t="shared" si="8"/>
        <v>4.20046756951305E-2</v>
      </c>
    </row>
    <row r="138" spans="1:6" x14ac:dyDescent="0.2">
      <c r="A138">
        <v>1393.732673</v>
      </c>
      <c r="B138">
        <v>19.995920999999999</v>
      </c>
      <c r="C138">
        <v>7.6010749999999998</v>
      </c>
      <c r="D138">
        <f t="shared" si="9"/>
        <v>0.68065299999999951</v>
      </c>
      <c r="E138">
        <f t="shared" si="10"/>
        <v>39.727582999999868</v>
      </c>
      <c r="F138">
        <f t="shared" si="8"/>
        <v>4.1878093230006387E-2</v>
      </c>
    </row>
    <row r="139" spans="1:6" x14ac:dyDescent="0.2">
      <c r="A139">
        <v>1394.4839320000001</v>
      </c>
      <c r="B139">
        <v>19.953721999999999</v>
      </c>
      <c r="C139">
        <v>7.6060800000000004</v>
      </c>
      <c r="D139">
        <f t="shared" si="9"/>
        <v>0.6856580000000001</v>
      </c>
      <c r="E139">
        <f t="shared" si="10"/>
        <v>40.478841999999986</v>
      </c>
      <c r="F139">
        <f t="shared" si="8"/>
        <v>4.2335726601446022E-2</v>
      </c>
    </row>
    <row r="140" spans="1:6" x14ac:dyDescent="0.2">
      <c r="A140">
        <v>1395.0930800000001</v>
      </c>
      <c r="B140">
        <v>19.971067999999999</v>
      </c>
      <c r="C140">
        <v>7.6110850000000001</v>
      </c>
      <c r="D140">
        <f t="shared" si="9"/>
        <v>0.6906629999999998</v>
      </c>
      <c r="E140">
        <f t="shared" si="10"/>
        <v>41.087989999999991</v>
      </c>
      <c r="F140">
        <f t="shared" si="8"/>
        <v>4.26427811112913E-2</v>
      </c>
    </row>
    <row r="141" spans="1:6" x14ac:dyDescent="0.2">
      <c r="A141">
        <v>1395.5398520000001</v>
      </c>
      <c r="B141">
        <v>19.962833</v>
      </c>
      <c r="C141">
        <v>7.6160899999999998</v>
      </c>
      <c r="D141">
        <f t="shared" si="9"/>
        <v>0.69566799999999951</v>
      </c>
      <c r="E141">
        <f t="shared" si="10"/>
        <v>41.534762000000001</v>
      </c>
      <c r="F141">
        <f t="shared" si="8"/>
        <v>4.2782627815194423E-2</v>
      </c>
    </row>
    <row r="142" spans="1:6" x14ac:dyDescent="0.2">
      <c r="A142">
        <v>1396.133041</v>
      </c>
      <c r="B142">
        <v>19.984031000000002</v>
      </c>
      <c r="C142">
        <v>7.6210940000000003</v>
      </c>
      <c r="D142">
        <f t="shared" si="9"/>
        <v>0.70067199999999996</v>
      </c>
      <c r="E142">
        <f t="shared" si="10"/>
        <v>42.127950999999939</v>
      </c>
      <c r="F142">
        <f t="shared" si="8"/>
        <v>4.3065428087996759E-2</v>
      </c>
    </row>
    <row r="143" spans="1:6" x14ac:dyDescent="0.2">
      <c r="A143">
        <v>1396.28189</v>
      </c>
      <c r="B143">
        <v>19.982592</v>
      </c>
      <c r="C143">
        <v>7.626099</v>
      </c>
      <c r="D143">
        <f t="shared" si="9"/>
        <v>0.70567699999999967</v>
      </c>
      <c r="E143">
        <f t="shared" si="10"/>
        <v>42.276799999999866</v>
      </c>
      <c r="F143">
        <f t="shared" si="8"/>
        <v>4.2906495065561934E-2</v>
      </c>
    </row>
    <row r="144" spans="1:6" x14ac:dyDescent="0.2">
      <c r="A144">
        <v>1396.623278</v>
      </c>
      <c r="B144">
        <v>19.992023</v>
      </c>
      <c r="C144">
        <v>7.6311039999999997</v>
      </c>
      <c r="D144">
        <f t="shared" si="9"/>
        <v>0.71068199999999937</v>
      </c>
      <c r="E144">
        <f t="shared" si="10"/>
        <v>42.618187999999918</v>
      </c>
      <c r="F144">
        <f t="shared" si="8"/>
        <v>4.2937859312510658E-2</v>
      </c>
    </row>
    <row r="145" spans="1:6" x14ac:dyDescent="0.2">
      <c r="A145">
        <v>1396.7898540000001</v>
      </c>
      <c r="B145">
        <v>19.987929999999999</v>
      </c>
      <c r="C145">
        <v>7.6361090000000003</v>
      </c>
      <c r="D145">
        <f t="shared" si="9"/>
        <v>0.71568699999999996</v>
      </c>
      <c r="E145">
        <f t="shared" si="10"/>
        <v>42.784763999999996</v>
      </c>
      <c r="F145">
        <f t="shared" si="8"/>
        <v>4.2799129945698705E-2</v>
      </c>
    </row>
    <row r="146" spans="1:6" x14ac:dyDescent="0.2">
      <c r="A146">
        <v>1396.51728</v>
      </c>
      <c r="B146">
        <v>20.011664</v>
      </c>
      <c r="C146">
        <v>7.641114</v>
      </c>
      <c r="D146">
        <f t="shared" si="9"/>
        <v>0.72069199999999967</v>
      </c>
      <c r="E146">
        <f t="shared" si="10"/>
        <v>42.512189999999919</v>
      </c>
      <c r="F146">
        <f t="shared" si="8"/>
        <v>4.2239373004657459E-2</v>
      </c>
    </row>
    <row r="147" spans="1:6" x14ac:dyDescent="0.2">
      <c r="A147">
        <v>1396.2363029999999</v>
      </c>
      <c r="B147">
        <v>20.010096999999998</v>
      </c>
      <c r="C147">
        <v>7.6461180000000004</v>
      </c>
      <c r="D147">
        <f t="shared" si="9"/>
        <v>0.72569600000000012</v>
      </c>
      <c r="E147">
        <f t="shared" si="10"/>
        <v>42.231212999999798</v>
      </c>
      <c r="F147">
        <f t="shared" si="8"/>
        <v>4.1679250511635374E-2</v>
      </c>
    </row>
    <row r="148" spans="1:6" x14ac:dyDescent="0.2">
      <c r="A148">
        <v>1395.947463</v>
      </c>
      <c r="B148">
        <v>20.003042000000001</v>
      </c>
      <c r="C148">
        <v>7.6511230000000001</v>
      </c>
      <c r="D148">
        <f t="shared" si="9"/>
        <v>0.73070099999999982</v>
      </c>
      <c r="E148">
        <f t="shared" si="10"/>
        <v>41.942372999999861</v>
      </c>
      <c r="F148">
        <f t="shared" si="8"/>
        <v>4.111915892011004E-2</v>
      </c>
    </row>
    <row r="149" spans="1:6" x14ac:dyDescent="0.2">
      <c r="A149">
        <v>1395.7871990000001</v>
      </c>
      <c r="B149">
        <v>19.995417</v>
      </c>
      <c r="C149">
        <v>7.6561279999999998</v>
      </c>
      <c r="D149">
        <f t="shared" si="9"/>
        <v>0.73570599999999953</v>
      </c>
      <c r="E149">
        <f t="shared" si="10"/>
        <v>41.782108999999991</v>
      </c>
      <c r="F149">
        <f t="shared" si="8"/>
        <v>4.0688047400629021E-2</v>
      </c>
    </row>
    <row r="150" spans="1:6" x14ac:dyDescent="0.2">
      <c r="A150">
        <v>1395.3924919999999</v>
      </c>
      <c r="B150">
        <v>20.041633999999998</v>
      </c>
      <c r="C150">
        <v>7.6611330000000004</v>
      </c>
      <c r="D150">
        <f t="shared" si="9"/>
        <v>0.74071100000000012</v>
      </c>
      <c r="E150">
        <f t="shared" si="10"/>
        <v>41.387401999999838</v>
      </c>
      <c r="F150">
        <f t="shared" si="8"/>
        <v>4.0042666426163352E-2</v>
      </c>
    </row>
    <row r="151" spans="1:6" x14ac:dyDescent="0.2">
      <c r="A151">
        <v>1394.4558300000001</v>
      </c>
      <c r="B151">
        <v>20.046755999999998</v>
      </c>
      <c r="C151">
        <v>7.6661380000000001</v>
      </c>
      <c r="D151">
        <f t="shared" si="9"/>
        <v>0.74571599999999982</v>
      </c>
      <c r="E151">
        <f t="shared" si="10"/>
        <v>40.450739999999996</v>
      </c>
      <c r="F151">
        <f t="shared" si="8"/>
        <v>3.8899878712613897E-2</v>
      </c>
    </row>
    <row r="152" spans="1:6" x14ac:dyDescent="0.2">
      <c r="A152">
        <v>1393.5434069999999</v>
      </c>
      <c r="B152">
        <v>20.043806</v>
      </c>
      <c r="C152">
        <v>7.6711419999999997</v>
      </c>
      <c r="D152">
        <f t="shared" si="9"/>
        <v>0.75071999999999939</v>
      </c>
      <c r="E152">
        <f t="shared" si="10"/>
        <v>39.538316999999779</v>
      </c>
      <c r="F152">
        <f t="shared" si="8"/>
        <v>3.7793724420618006E-2</v>
      </c>
    </row>
    <row r="153" spans="1:6" x14ac:dyDescent="0.2">
      <c r="A153">
        <v>1392.9929219999999</v>
      </c>
      <c r="B153">
        <v>20.024301999999999</v>
      </c>
      <c r="C153">
        <v>7.6761470000000003</v>
      </c>
      <c r="D153">
        <f t="shared" si="9"/>
        <v>0.75572499999999998</v>
      </c>
      <c r="E153">
        <f t="shared" si="10"/>
        <v>38.987831999999798</v>
      </c>
      <c r="F153">
        <f t="shared" si="8"/>
        <v>3.7035344349669347E-2</v>
      </c>
    </row>
    <row r="154" spans="1:6" x14ac:dyDescent="0.2">
      <c r="A154">
        <v>1392.159001</v>
      </c>
      <c r="B154">
        <v>20.045096999999998</v>
      </c>
      <c r="C154">
        <v>7.681152</v>
      </c>
      <c r="D154">
        <f t="shared" si="9"/>
        <v>0.76072999999999968</v>
      </c>
      <c r="E154">
        <f t="shared" si="10"/>
        <v>38.15391099999988</v>
      </c>
      <c r="F154">
        <f t="shared" si="8"/>
        <v>3.6026301503149304E-2</v>
      </c>
    </row>
    <row r="155" spans="1:6" x14ac:dyDescent="0.2">
      <c r="A155">
        <v>1391.9773749999999</v>
      </c>
      <c r="B155">
        <v>19.997624999999999</v>
      </c>
      <c r="C155">
        <v>7.6861569999999997</v>
      </c>
      <c r="D155">
        <f t="shared" si="9"/>
        <v>0.76573499999999939</v>
      </c>
      <c r="E155">
        <f t="shared" si="10"/>
        <v>37.972284999999829</v>
      </c>
      <c r="F155">
        <f t="shared" si="8"/>
        <v>3.5625097143966958E-2</v>
      </c>
    </row>
    <row r="156" spans="1:6" x14ac:dyDescent="0.2">
      <c r="A156">
        <v>1391.7475629999999</v>
      </c>
      <c r="B156">
        <v>20.007134000000001</v>
      </c>
      <c r="C156">
        <v>7.6911620000000003</v>
      </c>
      <c r="D156">
        <f t="shared" si="9"/>
        <v>0.77073999999999998</v>
      </c>
      <c r="E156">
        <f t="shared" si="10"/>
        <v>37.742472999999791</v>
      </c>
      <c r="F156">
        <f t="shared" si="8"/>
        <v>3.5185358864047306E-2</v>
      </c>
    </row>
    <row r="157" spans="1:6" x14ac:dyDescent="0.2">
      <c r="A157">
        <v>1391.9161730000001</v>
      </c>
      <c r="B157">
        <v>19.977219000000002</v>
      </c>
      <c r="C157">
        <v>7.6961659999999998</v>
      </c>
      <c r="D157">
        <f t="shared" si="9"/>
        <v>0.77574399999999955</v>
      </c>
      <c r="E157">
        <f t="shared" si="10"/>
        <v>37.911082999999962</v>
      </c>
      <c r="F157">
        <f t="shared" si="8"/>
        <v>3.5110311679217854E-2</v>
      </c>
    </row>
    <row r="158" spans="1:6" x14ac:dyDescent="0.2">
      <c r="A158">
        <v>1392.4945230000001</v>
      </c>
      <c r="B158">
        <v>19.948687</v>
      </c>
      <c r="C158">
        <v>7.7011710000000004</v>
      </c>
      <c r="D158">
        <f t="shared" si="9"/>
        <v>0.78074900000000014</v>
      </c>
      <c r="E158">
        <f t="shared" si="10"/>
        <v>38.489432999999963</v>
      </c>
      <c r="F158">
        <f t="shared" si="8"/>
        <v>3.5402715991830307E-2</v>
      </c>
    </row>
    <row r="159" spans="1:6" x14ac:dyDescent="0.2">
      <c r="A159">
        <v>1393.3860199999999</v>
      </c>
      <c r="B159">
        <v>19.966543000000001</v>
      </c>
      <c r="C159">
        <v>7.7061760000000001</v>
      </c>
      <c r="D159">
        <f t="shared" si="9"/>
        <v>0.78575399999999984</v>
      </c>
      <c r="E159">
        <f t="shared" si="10"/>
        <v>39.380929999999807</v>
      </c>
      <c r="F159">
        <f t="shared" si="8"/>
        <v>3.5968963120786464E-2</v>
      </c>
    </row>
    <row r="160" spans="1:6" x14ac:dyDescent="0.2">
      <c r="A160">
        <v>1394.2782090000001</v>
      </c>
      <c r="B160">
        <v>19.944206999999999</v>
      </c>
      <c r="C160">
        <v>7.7111809999999998</v>
      </c>
      <c r="D160">
        <f t="shared" si="9"/>
        <v>0.79075899999999955</v>
      </c>
      <c r="E160">
        <f t="shared" si="10"/>
        <v>40.273118999999951</v>
      </c>
      <c r="F160">
        <f t="shared" si="8"/>
        <v>3.6527645719198192E-2</v>
      </c>
    </row>
    <row r="161" spans="1:6" x14ac:dyDescent="0.2">
      <c r="A161">
        <v>1395.52108</v>
      </c>
      <c r="B161">
        <v>19.918267</v>
      </c>
      <c r="C161">
        <v>7.7161860000000004</v>
      </c>
      <c r="D161">
        <f t="shared" si="9"/>
        <v>0.79576400000000014</v>
      </c>
      <c r="E161">
        <f t="shared" si="10"/>
        <v>41.515989999999874</v>
      </c>
      <c r="F161">
        <f t="shared" si="8"/>
        <v>3.7384769698362033E-2</v>
      </c>
    </row>
    <row r="162" spans="1:6" x14ac:dyDescent="0.2">
      <c r="A162">
        <v>1397.1429089999999</v>
      </c>
      <c r="B162">
        <v>19.920190999999999</v>
      </c>
      <c r="C162">
        <v>7.72119</v>
      </c>
      <c r="D162">
        <f t="shared" si="9"/>
        <v>0.8007679999999997</v>
      </c>
      <c r="E162">
        <f t="shared" si="10"/>
        <v>43.137818999999809</v>
      </c>
      <c r="F162">
        <f t="shared" si="8"/>
        <v>3.8557657679316223E-2</v>
      </c>
    </row>
    <row r="163" spans="1:6" x14ac:dyDescent="0.2">
      <c r="A163">
        <v>1398.3529530000001</v>
      </c>
      <c r="B163">
        <v>19.951283</v>
      </c>
      <c r="C163">
        <v>7.7261949999999997</v>
      </c>
      <c r="D163">
        <f t="shared" si="9"/>
        <v>0.80577299999999941</v>
      </c>
      <c r="E163">
        <f t="shared" si="10"/>
        <v>44.347862999999961</v>
      </c>
      <c r="F163">
        <f t="shared" si="8"/>
        <v>3.9358920860976886E-2</v>
      </c>
    </row>
    <row r="164" spans="1:6" x14ac:dyDescent="0.2">
      <c r="A164">
        <v>1398.822874</v>
      </c>
      <c r="B164">
        <v>19.976792</v>
      </c>
      <c r="C164">
        <v>7.7312000000000003</v>
      </c>
      <c r="D164">
        <f t="shared" si="9"/>
        <v>0.810778</v>
      </c>
      <c r="E164">
        <f t="shared" si="10"/>
        <v>44.817783999999847</v>
      </c>
      <c r="F164">
        <f t="shared" si="8"/>
        <v>3.9517157502283441E-2</v>
      </c>
    </row>
    <row r="165" spans="1:6" x14ac:dyDescent="0.2">
      <c r="A165">
        <v>1399.3464429999999</v>
      </c>
      <c r="B165">
        <v>19.965406999999999</v>
      </c>
      <c r="C165">
        <v>7.736205</v>
      </c>
      <c r="D165">
        <f t="shared" si="9"/>
        <v>0.8157829999999997</v>
      </c>
      <c r="E165">
        <f t="shared" si="10"/>
        <v>45.341352999999799</v>
      </c>
      <c r="F165">
        <f t="shared" si="8"/>
        <v>3.9718658925231937E-2</v>
      </c>
    </row>
    <row r="166" spans="1:6" x14ac:dyDescent="0.2">
      <c r="A166">
        <v>1399.358704</v>
      </c>
      <c r="B166">
        <v>20.019635000000001</v>
      </c>
      <c r="C166">
        <v>7.7412099999999997</v>
      </c>
      <c r="D166">
        <f t="shared" si="9"/>
        <v>0.82078799999999941</v>
      </c>
      <c r="E166">
        <f t="shared" si="10"/>
        <v>45.35361399999988</v>
      </c>
      <c r="F166">
        <f t="shared" si="8"/>
        <v>3.94867916005626E-2</v>
      </c>
    </row>
    <row r="167" spans="1:6" x14ac:dyDescent="0.2">
      <c r="A167">
        <v>1398.9127390000001</v>
      </c>
      <c r="B167">
        <v>20.013082000000001</v>
      </c>
      <c r="C167">
        <v>7.7462140000000002</v>
      </c>
      <c r="D167">
        <f t="shared" si="9"/>
        <v>0.82579199999999986</v>
      </c>
      <c r="E167">
        <f t="shared" si="10"/>
        <v>44.907648999999992</v>
      </c>
      <c r="F167">
        <f t="shared" si="8"/>
        <v>3.8873981462703273E-2</v>
      </c>
    </row>
    <row r="168" spans="1:6" x14ac:dyDescent="0.2">
      <c r="A168">
        <v>1398.470055</v>
      </c>
      <c r="B168">
        <v>20.033049999999999</v>
      </c>
      <c r="C168">
        <v>7.7512189999999999</v>
      </c>
      <c r="D168">
        <f t="shared" si="9"/>
        <v>0.83079699999999956</v>
      </c>
      <c r="E168">
        <f t="shared" si="10"/>
        <v>44.464964999999893</v>
      </c>
      <c r="F168">
        <f t="shared" si="8"/>
        <v>3.8271004716973915E-2</v>
      </c>
    </row>
    <row r="169" spans="1:6" x14ac:dyDescent="0.2">
      <c r="A169">
        <v>1397.485913</v>
      </c>
      <c r="B169">
        <v>20.049365000000002</v>
      </c>
      <c r="C169">
        <v>7.7562239999999996</v>
      </c>
      <c r="D169">
        <f t="shared" si="9"/>
        <v>0.83580199999999927</v>
      </c>
      <c r="E169">
        <f t="shared" si="10"/>
        <v>43.480822999999873</v>
      </c>
      <c r="F169">
        <f t="shared" si="8"/>
        <v>3.7226046109701441E-2</v>
      </c>
    </row>
    <row r="170" spans="1:6" x14ac:dyDescent="0.2">
      <c r="A170">
        <v>1396.3263460000001</v>
      </c>
      <c r="B170">
        <v>20.061357000000001</v>
      </c>
      <c r="C170">
        <v>7.7612290000000002</v>
      </c>
      <c r="D170">
        <f t="shared" si="9"/>
        <v>0.84080699999999986</v>
      </c>
      <c r="E170">
        <f t="shared" si="10"/>
        <v>42.321255999999948</v>
      </c>
      <c r="F170">
        <f t="shared" si="8"/>
        <v>3.6047512161475892E-2</v>
      </c>
    </row>
    <row r="171" spans="1:6" x14ac:dyDescent="0.2">
      <c r="A171">
        <v>1395.110711</v>
      </c>
      <c r="B171">
        <v>20.05443</v>
      </c>
      <c r="C171">
        <v>7.7662339999999999</v>
      </c>
      <c r="D171">
        <f t="shared" si="9"/>
        <v>0.84581199999999956</v>
      </c>
      <c r="E171">
        <f t="shared" si="10"/>
        <v>41.105620999999928</v>
      </c>
      <c r="F171">
        <f t="shared" si="8"/>
        <v>3.4835231273951904E-2</v>
      </c>
    </row>
    <row r="172" spans="1:6" x14ac:dyDescent="0.2">
      <c r="A172">
        <v>1394.04863</v>
      </c>
      <c r="B172">
        <v>20.057849000000001</v>
      </c>
      <c r="C172">
        <v>7.7712380000000003</v>
      </c>
      <c r="D172">
        <f t="shared" si="9"/>
        <v>0.85081600000000002</v>
      </c>
      <c r="E172">
        <f t="shared" si="10"/>
        <v>40.043539999999894</v>
      </c>
      <c r="F172">
        <f t="shared" si="8"/>
        <v>3.3761279037034977E-2</v>
      </c>
    </row>
    <row r="173" spans="1:6" x14ac:dyDescent="0.2">
      <c r="A173">
        <v>1393.554151</v>
      </c>
      <c r="B173">
        <v>20.003409999999999</v>
      </c>
      <c r="C173">
        <v>7.776243</v>
      </c>
      <c r="D173">
        <f t="shared" si="9"/>
        <v>0.85582099999999972</v>
      </c>
      <c r="E173">
        <f t="shared" si="10"/>
        <v>39.549060999999938</v>
      </c>
      <c r="F173">
        <f t="shared" si="8"/>
        <v>3.3161135137043274E-2</v>
      </c>
    </row>
    <row r="174" spans="1:6" x14ac:dyDescent="0.2">
      <c r="A174">
        <v>1393.3446329999999</v>
      </c>
      <c r="B174">
        <v>20.007441</v>
      </c>
      <c r="C174">
        <v>7.7812479999999997</v>
      </c>
      <c r="D174">
        <f t="shared" si="9"/>
        <v>0.86082599999999942</v>
      </c>
      <c r="E174">
        <f t="shared" si="10"/>
        <v>39.339542999999821</v>
      </c>
      <c r="F174">
        <f t="shared" si="8"/>
        <v>3.2798605988745497E-2</v>
      </c>
    </row>
    <row r="175" spans="1:6" x14ac:dyDescent="0.2">
      <c r="A175">
        <v>1393.050246</v>
      </c>
      <c r="B175">
        <v>20.014050000000001</v>
      </c>
      <c r="C175">
        <v>7.7862530000000003</v>
      </c>
      <c r="D175">
        <f t="shared" si="9"/>
        <v>0.86583100000000002</v>
      </c>
      <c r="E175">
        <f t="shared" si="10"/>
        <v>39.045155999999906</v>
      </c>
      <c r="F175">
        <f t="shared" si="8"/>
        <v>3.2371829916135061E-2</v>
      </c>
    </row>
    <row r="176" spans="1:6" x14ac:dyDescent="0.2">
      <c r="A176">
        <v>1392.2253189999999</v>
      </c>
      <c r="B176">
        <v>20.060410999999998</v>
      </c>
      <c r="C176">
        <v>7.791258</v>
      </c>
      <c r="D176">
        <f t="shared" si="9"/>
        <v>0.87083599999999972</v>
      </c>
      <c r="E176">
        <f t="shared" si="10"/>
        <v>38.22022899999979</v>
      </c>
      <c r="F176">
        <f t="shared" si="8"/>
        <v>3.1524440178997429E-2</v>
      </c>
    </row>
    <row r="177" spans="1:6" x14ac:dyDescent="0.2">
      <c r="A177">
        <v>1391.448832</v>
      </c>
      <c r="B177">
        <v>20.026363</v>
      </c>
      <c r="C177">
        <v>7.7962619999999996</v>
      </c>
      <c r="D177">
        <f t="shared" si="9"/>
        <v>0.87583999999999929</v>
      </c>
      <c r="E177">
        <f t="shared" si="10"/>
        <v>37.443741999999929</v>
      </c>
      <c r="F177">
        <f t="shared" si="8"/>
        <v>3.0724670058140242E-2</v>
      </c>
    </row>
    <row r="178" spans="1:6" x14ac:dyDescent="0.2">
      <c r="A178">
        <v>1391.0292730000001</v>
      </c>
      <c r="B178">
        <v>20.011323000000001</v>
      </c>
      <c r="C178">
        <v>7.8012670000000002</v>
      </c>
      <c r="D178">
        <f t="shared" si="9"/>
        <v>0.88084499999999988</v>
      </c>
      <c r="E178">
        <f t="shared" si="10"/>
        <v>37.024182999999994</v>
      </c>
      <c r="F178">
        <f t="shared" si="8"/>
        <v>3.0216887033827387E-2</v>
      </c>
    </row>
    <row r="179" spans="1:6" x14ac:dyDescent="0.2">
      <c r="A179">
        <v>1390.758883</v>
      </c>
      <c r="B179">
        <v>20.027746</v>
      </c>
      <c r="C179">
        <v>7.8062719999999999</v>
      </c>
      <c r="D179">
        <f t="shared" si="9"/>
        <v>0.88584999999999958</v>
      </c>
      <c r="E179">
        <f t="shared" si="10"/>
        <v>36.75379299999986</v>
      </c>
      <c r="F179">
        <f t="shared" si="8"/>
        <v>2.9832533225587047E-2</v>
      </c>
    </row>
    <row r="180" spans="1:6" x14ac:dyDescent="0.2">
      <c r="A180">
        <v>1390.791324</v>
      </c>
      <c r="B180">
        <v>19.964148000000002</v>
      </c>
      <c r="C180">
        <v>7.8112769999999996</v>
      </c>
      <c r="D180">
        <f t="shared" si="9"/>
        <v>0.89085499999999929</v>
      </c>
      <c r="E180">
        <f t="shared" si="10"/>
        <v>36.786233999999922</v>
      </c>
      <c r="F180">
        <f t="shared" si="8"/>
        <v>2.9690419539982457E-2</v>
      </c>
    </row>
    <row r="181" spans="1:6" x14ac:dyDescent="0.2">
      <c r="A181">
        <v>1390.906412</v>
      </c>
      <c r="B181">
        <v>19.999410999999998</v>
      </c>
      <c r="C181">
        <v>7.8162820000000002</v>
      </c>
      <c r="D181">
        <f t="shared" si="9"/>
        <v>0.89585999999999988</v>
      </c>
      <c r="E181">
        <f t="shared" si="10"/>
        <v>36.901321999999936</v>
      </c>
      <c r="F181">
        <f t="shared" si="8"/>
        <v>2.9614463554735154E-2</v>
      </c>
    </row>
    <row r="182" spans="1:6" x14ac:dyDescent="0.2">
      <c r="A182">
        <v>1391.0399640000001</v>
      </c>
      <c r="B182">
        <v>19.973898999999999</v>
      </c>
      <c r="C182">
        <v>7.8212859999999997</v>
      </c>
      <c r="D182">
        <f t="shared" si="9"/>
        <v>0.90086399999999944</v>
      </c>
      <c r="E182">
        <f t="shared" si="10"/>
        <v>37.034873999999945</v>
      </c>
      <c r="F182">
        <f t="shared" si="8"/>
        <v>2.955371167304514E-2</v>
      </c>
    </row>
    <row r="183" spans="1:6" x14ac:dyDescent="0.2">
      <c r="A183">
        <v>1391.295521</v>
      </c>
      <c r="B183">
        <v>19.97645</v>
      </c>
      <c r="C183">
        <v>7.8262910000000003</v>
      </c>
      <c r="D183">
        <f t="shared" si="9"/>
        <v>0.90586900000000004</v>
      </c>
      <c r="E183">
        <f t="shared" si="10"/>
        <v>37.290430999999899</v>
      </c>
      <c r="F183">
        <f t="shared" si="8"/>
        <v>2.9587796165791838E-2</v>
      </c>
    </row>
    <row r="184" spans="1:6" x14ac:dyDescent="0.2">
      <c r="A184">
        <v>1392.3162950000001</v>
      </c>
      <c r="B184">
        <v>19.949479</v>
      </c>
      <c r="C184">
        <v>7.831296</v>
      </c>
      <c r="D184">
        <f t="shared" si="9"/>
        <v>0.91087399999999974</v>
      </c>
      <c r="E184">
        <f t="shared" si="10"/>
        <v>38.311204999999973</v>
      </c>
      <c r="F184">
        <f t="shared" si="8"/>
        <v>3.020853056288585E-2</v>
      </c>
    </row>
    <row r="185" spans="1:6" x14ac:dyDescent="0.2">
      <c r="A185">
        <v>1393.5703639999999</v>
      </c>
      <c r="B185">
        <v>19.933606999999999</v>
      </c>
      <c r="C185">
        <v>7.8363009999999997</v>
      </c>
      <c r="D185">
        <f t="shared" si="9"/>
        <v>0.91587899999999944</v>
      </c>
      <c r="E185">
        <f t="shared" si="10"/>
        <v>39.565273999999818</v>
      </c>
      <c r="F185">
        <f t="shared" si="8"/>
        <v>3.0998963621127001E-2</v>
      </c>
    </row>
    <row r="186" spans="1:6" x14ac:dyDescent="0.2">
      <c r="A186">
        <v>1394.5831619999999</v>
      </c>
      <c r="B186">
        <v>19.946608000000001</v>
      </c>
      <c r="C186">
        <v>7.8413060000000003</v>
      </c>
      <c r="D186">
        <f t="shared" si="9"/>
        <v>0.92088400000000004</v>
      </c>
      <c r="E186">
        <f t="shared" si="10"/>
        <v>40.578071999999793</v>
      </c>
      <c r="F186">
        <f t="shared" si="8"/>
        <v>3.1596724522662815E-2</v>
      </c>
    </row>
    <row r="187" spans="1:6" x14ac:dyDescent="0.2">
      <c r="A187">
        <v>1395.072379</v>
      </c>
      <c r="B187">
        <v>19.972466000000001</v>
      </c>
      <c r="C187">
        <v>7.8463099999999999</v>
      </c>
      <c r="D187">
        <f t="shared" si="9"/>
        <v>0.9258879999999996</v>
      </c>
      <c r="E187">
        <f t="shared" si="10"/>
        <v>41.067288999999846</v>
      </c>
      <c r="F187">
        <f t="shared" si="8"/>
        <v>3.1793682928234916E-2</v>
      </c>
    </row>
    <row r="188" spans="1:6" x14ac:dyDescent="0.2">
      <c r="A188">
        <v>1396.219421</v>
      </c>
      <c r="B188">
        <v>19.922647000000001</v>
      </c>
      <c r="C188">
        <v>7.8513149999999996</v>
      </c>
      <c r="D188">
        <f t="shared" si="9"/>
        <v>0.9308929999999993</v>
      </c>
      <c r="E188">
        <f t="shared" si="10"/>
        <v>42.214330999999902</v>
      </c>
      <c r="F188">
        <f t="shared" si="8"/>
        <v>3.2479285882814693E-2</v>
      </c>
    </row>
    <row r="189" spans="1:6" x14ac:dyDescent="0.2">
      <c r="A189">
        <v>1397.6829459999999</v>
      </c>
      <c r="B189">
        <v>19.924011</v>
      </c>
      <c r="C189">
        <v>7.8563200000000002</v>
      </c>
      <c r="D189">
        <f t="shared" si="9"/>
        <v>0.9358979999999999</v>
      </c>
      <c r="E189">
        <f t="shared" si="10"/>
        <v>43.677855999999792</v>
      </c>
      <c r="F189">
        <f t="shared" si="8"/>
        <v>3.3390592606589539E-2</v>
      </c>
    </row>
    <row r="190" spans="1:6" x14ac:dyDescent="0.2">
      <c r="A190">
        <v>1398.2151309999999</v>
      </c>
      <c r="B190">
        <v>20.010486</v>
      </c>
      <c r="C190">
        <v>7.8613249999999999</v>
      </c>
      <c r="D190">
        <f t="shared" si="9"/>
        <v>0.9409029999999996</v>
      </c>
      <c r="E190">
        <f t="shared" si="10"/>
        <v>44.210040999999819</v>
      </c>
      <c r="F190">
        <f t="shared" si="8"/>
        <v>3.3604858171661603E-2</v>
      </c>
    </row>
    <row r="191" spans="1:6" x14ac:dyDescent="0.2">
      <c r="A191">
        <v>1398.278339</v>
      </c>
      <c r="B191">
        <v>20.005420000000001</v>
      </c>
      <c r="C191">
        <v>7.8663299999999996</v>
      </c>
      <c r="D191">
        <f t="shared" si="9"/>
        <v>0.9459079999999993</v>
      </c>
      <c r="E191">
        <f t="shared" si="10"/>
        <v>44.273248999999851</v>
      </c>
      <c r="F191">
        <f t="shared" si="8"/>
        <v>3.3473325866247745E-2</v>
      </c>
    </row>
    <row r="192" spans="1:6" x14ac:dyDescent="0.2">
      <c r="A192">
        <v>1398.0859869999999</v>
      </c>
      <c r="B192">
        <v>19.995217</v>
      </c>
      <c r="C192">
        <v>7.8713340000000001</v>
      </c>
      <c r="D192">
        <f t="shared" si="9"/>
        <v>0.95091199999999976</v>
      </c>
      <c r="E192">
        <f t="shared" si="10"/>
        <v>44.080896999999823</v>
      </c>
      <c r="F192">
        <f t="shared" si="8"/>
        <v>3.3157075070648717E-2</v>
      </c>
    </row>
    <row r="193" spans="1:6" x14ac:dyDescent="0.2">
      <c r="A193">
        <v>1397.7244310000001</v>
      </c>
      <c r="B193">
        <v>20.01249</v>
      </c>
      <c r="C193">
        <v>7.8763389999999998</v>
      </c>
      <c r="D193">
        <f t="shared" si="9"/>
        <v>0.95591699999999946</v>
      </c>
      <c r="E193">
        <f t="shared" si="10"/>
        <v>43.719340999999986</v>
      </c>
      <c r="F193">
        <f t="shared" si="8"/>
        <v>3.2721399145757987E-2</v>
      </c>
    </row>
    <row r="194" spans="1:6" x14ac:dyDescent="0.2">
      <c r="A194">
        <v>1397.5202280000001</v>
      </c>
      <c r="B194">
        <v>20.017171999999999</v>
      </c>
      <c r="C194">
        <v>7.8813440000000003</v>
      </c>
      <c r="D194">
        <f t="shared" si="9"/>
        <v>0.96092200000000005</v>
      </c>
      <c r="E194">
        <f t="shared" si="10"/>
        <v>43.515137999999979</v>
      </c>
      <c r="F194">
        <f t="shared" si="8"/>
        <v>3.2403664425461921E-2</v>
      </c>
    </row>
    <row r="195" spans="1:6" x14ac:dyDescent="0.2">
      <c r="A195">
        <v>1396.6677810000001</v>
      </c>
      <c r="B195">
        <v>20.045006999999998</v>
      </c>
      <c r="C195">
        <v>7.8863490000000001</v>
      </c>
      <c r="D195">
        <f t="shared" si="9"/>
        <v>0.96592699999999976</v>
      </c>
      <c r="E195">
        <f t="shared" si="10"/>
        <v>42.662690999999995</v>
      </c>
      <c r="F195">
        <f t="shared" ref="F195:F258" si="11">(1/A195)*(E195/D195)</f>
        <v>3.1623564828096015E-2</v>
      </c>
    </row>
    <row r="196" spans="1:6" x14ac:dyDescent="0.2">
      <c r="A196">
        <v>1395.2905659999999</v>
      </c>
      <c r="B196">
        <v>20.087827000000001</v>
      </c>
      <c r="C196">
        <v>7.8913539999999998</v>
      </c>
      <c r="D196">
        <f t="shared" si="9"/>
        <v>0.97093199999999946</v>
      </c>
      <c r="E196">
        <f t="shared" si="10"/>
        <v>41.28547599999979</v>
      </c>
      <c r="F196">
        <f t="shared" si="11"/>
        <v>3.0475007663327062E-2</v>
      </c>
    </row>
    <row r="197" spans="1:6" x14ac:dyDescent="0.2">
      <c r="A197">
        <v>1394.2936010000001</v>
      </c>
      <c r="B197">
        <v>20.035083</v>
      </c>
      <c r="C197">
        <v>7.8963580000000002</v>
      </c>
      <c r="D197">
        <f t="shared" si="9"/>
        <v>0.97593599999999991</v>
      </c>
      <c r="E197">
        <f t="shared" si="10"/>
        <v>40.288510999999971</v>
      </c>
      <c r="F197">
        <f t="shared" si="11"/>
        <v>2.9607766306640682E-2</v>
      </c>
    </row>
    <row r="198" spans="1:6" x14ac:dyDescent="0.2">
      <c r="A198">
        <v>1392.8486869999999</v>
      </c>
      <c r="B198">
        <v>20.064627000000002</v>
      </c>
      <c r="C198">
        <v>7.9013629999999999</v>
      </c>
      <c r="D198">
        <f t="shared" si="9"/>
        <v>0.98094099999999962</v>
      </c>
      <c r="E198">
        <f t="shared" si="10"/>
        <v>38.843596999999818</v>
      </c>
      <c r="F198">
        <f t="shared" si="11"/>
        <v>2.8429722042824675E-2</v>
      </c>
    </row>
    <row r="199" spans="1:6" x14ac:dyDescent="0.2">
      <c r="A199">
        <v>1391.670474</v>
      </c>
      <c r="B199">
        <v>20.05283</v>
      </c>
      <c r="C199">
        <v>7.9063679999999996</v>
      </c>
      <c r="D199">
        <f t="shared" ref="D199:D262" si="12">C199-$C$2</f>
        <v>0.98594599999999932</v>
      </c>
      <c r="E199">
        <f t="shared" ref="E199:E262" si="13">A199-$A$2</f>
        <v>37.665383999999904</v>
      </c>
      <c r="F199">
        <f t="shared" si="11"/>
        <v>2.7450664176862732E-2</v>
      </c>
    </row>
    <row r="200" spans="1:6" x14ac:dyDescent="0.2">
      <c r="A200">
        <v>1391.5530630000001</v>
      </c>
      <c r="B200">
        <v>19.994443</v>
      </c>
      <c r="C200">
        <v>7.9113730000000002</v>
      </c>
      <c r="D200">
        <f t="shared" si="12"/>
        <v>0.99095099999999992</v>
      </c>
      <c r="E200">
        <f t="shared" si="13"/>
        <v>37.547972999999956</v>
      </c>
      <c r="F200">
        <f t="shared" si="11"/>
        <v>2.7229178882565985E-2</v>
      </c>
    </row>
    <row r="201" spans="1:6" x14ac:dyDescent="0.2">
      <c r="A201">
        <v>1391.7667220000001</v>
      </c>
      <c r="B201">
        <v>19.980689999999999</v>
      </c>
      <c r="C201">
        <v>7.9163779999999999</v>
      </c>
      <c r="D201">
        <f t="shared" si="12"/>
        <v>0.99595599999999962</v>
      </c>
      <c r="E201">
        <f t="shared" si="13"/>
        <v>37.761631999999963</v>
      </c>
      <c r="F201">
        <f t="shared" si="11"/>
        <v>2.7242324090170959E-2</v>
      </c>
    </row>
    <row r="202" spans="1:6" x14ac:dyDescent="0.2">
      <c r="A202">
        <v>1391.875583</v>
      </c>
      <c r="B202">
        <v>19.986505999999999</v>
      </c>
      <c r="C202">
        <v>7.9213820000000004</v>
      </c>
      <c r="D202">
        <f t="shared" si="12"/>
        <v>1.0009600000000001</v>
      </c>
      <c r="E202">
        <f t="shared" si="13"/>
        <v>37.870492999999897</v>
      </c>
      <c r="F202">
        <f t="shared" si="11"/>
        <v>2.7182150945666093E-2</v>
      </c>
    </row>
    <row r="203" spans="1:6" x14ac:dyDescent="0.2">
      <c r="A203">
        <v>1392.2369080000001</v>
      </c>
      <c r="B203">
        <v>19.975522000000002</v>
      </c>
      <c r="C203">
        <v>7.9263870000000001</v>
      </c>
      <c r="D203">
        <f t="shared" si="12"/>
        <v>1.0059649999999998</v>
      </c>
      <c r="E203">
        <f t="shared" si="13"/>
        <v>38.231817999999976</v>
      </c>
      <c r="F203">
        <f t="shared" si="11"/>
        <v>2.729788102576719E-2</v>
      </c>
    </row>
    <row r="204" spans="1:6" x14ac:dyDescent="0.2">
      <c r="A204">
        <v>1393.298507</v>
      </c>
      <c r="B204">
        <v>19.921534999999999</v>
      </c>
      <c r="C204">
        <v>7.9313919999999998</v>
      </c>
      <c r="D204">
        <f t="shared" si="12"/>
        <v>1.0109699999999995</v>
      </c>
      <c r="E204">
        <f t="shared" si="13"/>
        <v>39.293416999999863</v>
      </c>
      <c r="F204">
        <f t="shared" si="11"/>
        <v>2.7895705992274481E-2</v>
      </c>
    </row>
    <row r="205" spans="1:6" x14ac:dyDescent="0.2">
      <c r="A205">
        <v>1395.106436</v>
      </c>
      <c r="B205">
        <v>19.910677</v>
      </c>
      <c r="C205">
        <v>7.9363970000000004</v>
      </c>
      <c r="D205">
        <f t="shared" si="12"/>
        <v>1.0159750000000001</v>
      </c>
      <c r="E205">
        <f t="shared" si="13"/>
        <v>41.101345999999921</v>
      </c>
      <c r="F205">
        <f t="shared" si="11"/>
        <v>2.899784211042802E-2</v>
      </c>
    </row>
    <row r="206" spans="1:6" x14ac:dyDescent="0.2">
      <c r="A206">
        <v>1396.5283850000001</v>
      </c>
      <c r="B206">
        <v>19.924447000000001</v>
      </c>
      <c r="C206">
        <v>7.9414020000000001</v>
      </c>
      <c r="D206">
        <f t="shared" si="12"/>
        <v>1.0209799999999998</v>
      </c>
      <c r="E206">
        <f t="shared" si="13"/>
        <v>42.523294999999962</v>
      </c>
      <c r="F206">
        <f t="shared" si="11"/>
        <v>2.982358910414673E-2</v>
      </c>
    </row>
    <row r="207" spans="1:6" x14ac:dyDescent="0.2">
      <c r="A207">
        <v>1397.393405</v>
      </c>
      <c r="B207">
        <v>19.979330999999998</v>
      </c>
      <c r="C207">
        <v>7.9464059999999996</v>
      </c>
      <c r="D207">
        <f t="shared" si="12"/>
        <v>1.0259839999999993</v>
      </c>
      <c r="E207">
        <f t="shared" si="13"/>
        <v>43.38831499999992</v>
      </c>
      <c r="F207">
        <f t="shared" si="11"/>
        <v>3.026310656427313E-2</v>
      </c>
    </row>
    <row r="208" spans="1:6" x14ac:dyDescent="0.2">
      <c r="A208">
        <v>1397.8697199999999</v>
      </c>
      <c r="B208">
        <v>19.967541000000001</v>
      </c>
      <c r="C208">
        <v>7.9514110000000002</v>
      </c>
      <c r="D208">
        <f t="shared" si="12"/>
        <v>1.0309889999999999</v>
      </c>
      <c r="E208">
        <f t="shared" si="13"/>
        <v>43.864629999999806</v>
      </c>
      <c r="F208">
        <f t="shared" si="11"/>
        <v>3.0436432113231153E-2</v>
      </c>
    </row>
    <row r="209" spans="1:6" x14ac:dyDescent="0.2">
      <c r="A209">
        <v>1397.601576</v>
      </c>
      <c r="B209">
        <v>20.030764000000001</v>
      </c>
      <c r="C209">
        <v>7.9564159999999999</v>
      </c>
      <c r="D209">
        <f t="shared" si="12"/>
        <v>1.0359939999999996</v>
      </c>
      <c r="E209">
        <f t="shared" si="13"/>
        <v>43.596485999999913</v>
      </c>
      <c r="F209">
        <f t="shared" si="11"/>
        <v>3.011000748184851E-2</v>
      </c>
    </row>
    <row r="210" spans="1:6" x14ac:dyDescent="0.2">
      <c r="A210">
        <v>1396.8872229999999</v>
      </c>
      <c r="B210">
        <v>20.031137000000001</v>
      </c>
      <c r="C210">
        <v>7.9614209999999996</v>
      </c>
      <c r="D210">
        <f t="shared" si="12"/>
        <v>1.0409989999999993</v>
      </c>
      <c r="E210">
        <f t="shared" si="13"/>
        <v>42.88213299999984</v>
      </c>
      <c r="F210">
        <f t="shared" si="11"/>
        <v>2.9489317553948766E-2</v>
      </c>
    </row>
    <row r="211" spans="1:6" x14ac:dyDescent="0.2">
      <c r="A211">
        <v>1396.390279</v>
      </c>
      <c r="B211">
        <v>20.017841000000001</v>
      </c>
      <c r="C211">
        <v>7.9664260000000002</v>
      </c>
      <c r="D211">
        <f t="shared" si="12"/>
        <v>1.0460039999999999</v>
      </c>
      <c r="E211">
        <f t="shared" si="13"/>
        <v>42.385188999999855</v>
      </c>
      <c r="F211">
        <f t="shared" si="11"/>
        <v>2.9018433346506313E-2</v>
      </c>
    </row>
    <row r="212" spans="1:6" x14ac:dyDescent="0.2">
      <c r="A212">
        <v>1396.488171</v>
      </c>
      <c r="B212">
        <v>20.000599000000001</v>
      </c>
      <c r="C212">
        <v>7.9714299999999998</v>
      </c>
      <c r="D212">
        <f t="shared" si="12"/>
        <v>1.0510079999999995</v>
      </c>
      <c r="E212">
        <f t="shared" si="13"/>
        <v>42.483080999999856</v>
      </c>
      <c r="F212">
        <f t="shared" si="11"/>
        <v>2.8944944583454563E-2</v>
      </c>
    </row>
    <row r="213" spans="1:6" x14ac:dyDescent="0.2">
      <c r="A213">
        <v>1395.789882</v>
      </c>
      <c r="B213">
        <v>20.033726999999999</v>
      </c>
      <c r="C213">
        <v>7.9764350000000004</v>
      </c>
      <c r="D213">
        <f t="shared" si="12"/>
        <v>1.0560130000000001</v>
      </c>
      <c r="E213">
        <f t="shared" si="13"/>
        <v>41.784791999999925</v>
      </c>
      <c r="F213">
        <f t="shared" si="11"/>
        <v>2.8348424943408876E-2</v>
      </c>
    </row>
    <row r="214" spans="1:6" x14ac:dyDescent="0.2">
      <c r="A214">
        <v>1394.593449</v>
      </c>
      <c r="B214">
        <v>20.064017</v>
      </c>
      <c r="C214">
        <v>7.9814400000000001</v>
      </c>
      <c r="D214">
        <f t="shared" si="12"/>
        <v>1.0610179999999998</v>
      </c>
      <c r="E214">
        <f t="shared" si="13"/>
        <v>40.588358999999855</v>
      </c>
      <c r="F214">
        <f t="shared" si="11"/>
        <v>2.7430335564279575E-2</v>
      </c>
    </row>
    <row r="215" spans="1:6" x14ac:dyDescent="0.2">
      <c r="A215">
        <v>1394.169913</v>
      </c>
      <c r="B215">
        <v>19.985665000000001</v>
      </c>
      <c r="C215">
        <v>7.9864449999999998</v>
      </c>
      <c r="D215">
        <f t="shared" si="12"/>
        <v>1.0660229999999995</v>
      </c>
      <c r="E215">
        <f t="shared" si="13"/>
        <v>40.164822999999842</v>
      </c>
      <c r="F215">
        <f t="shared" si="11"/>
        <v>2.7024867687366175E-2</v>
      </c>
    </row>
    <row r="216" spans="1:6" x14ac:dyDescent="0.2">
      <c r="A216">
        <v>1394.142075</v>
      </c>
      <c r="B216">
        <v>20.012661999999999</v>
      </c>
      <c r="C216">
        <v>7.9914500000000004</v>
      </c>
      <c r="D216">
        <f t="shared" si="12"/>
        <v>1.0710280000000001</v>
      </c>
      <c r="E216">
        <f t="shared" si="13"/>
        <v>40.136984999999868</v>
      </c>
      <c r="F216">
        <f t="shared" si="11"/>
        <v>2.6880471796163836E-2</v>
      </c>
    </row>
    <row r="217" spans="1:6" x14ac:dyDescent="0.2">
      <c r="A217">
        <v>1394.3152580000001</v>
      </c>
      <c r="B217">
        <v>19.965012000000002</v>
      </c>
      <c r="C217">
        <v>7.996454</v>
      </c>
      <c r="D217">
        <f t="shared" si="12"/>
        <v>1.0760319999999997</v>
      </c>
      <c r="E217">
        <f t="shared" si="13"/>
        <v>40.310167999999976</v>
      </c>
      <c r="F217">
        <f t="shared" si="11"/>
        <v>2.6867573233614824E-2</v>
      </c>
    </row>
    <row r="218" spans="1:6" x14ac:dyDescent="0.2">
      <c r="A218">
        <v>1394.546327</v>
      </c>
      <c r="B218">
        <v>19.996587999999999</v>
      </c>
      <c r="C218">
        <v>8.0014590000000005</v>
      </c>
      <c r="D218">
        <f t="shared" si="12"/>
        <v>1.0810370000000002</v>
      </c>
      <c r="E218">
        <f t="shared" si="13"/>
        <v>40.54123699999991</v>
      </c>
      <c r="F218">
        <f t="shared" si="11"/>
        <v>2.689202405831536E-2</v>
      </c>
    </row>
    <row r="219" spans="1:6" x14ac:dyDescent="0.2">
      <c r="A219">
        <v>1395.313498</v>
      </c>
      <c r="B219">
        <v>19.969244</v>
      </c>
      <c r="C219">
        <v>8.0064639999999994</v>
      </c>
      <c r="D219">
        <f t="shared" si="12"/>
        <v>1.0860419999999991</v>
      </c>
      <c r="E219">
        <f t="shared" si="13"/>
        <v>41.308407999999872</v>
      </c>
      <c r="F219">
        <f t="shared" si="11"/>
        <v>2.7259635316573785E-2</v>
      </c>
    </row>
    <row r="220" spans="1:6" x14ac:dyDescent="0.2">
      <c r="A220">
        <v>1395.9704240000001</v>
      </c>
      <c r="B220">
        <v>19.935226</v>
      </c>
      <c r="C220">
        <v>8.011469</v>
      </c>
      <c r="D220">
        <f t="shared" si="12"/>
        <v>1.0910469999999997</v>
      </c>
      <c r="E220">
        <f t="shared" si="13"/>
        <v>41.965333999999984</v>
      </c>
      <c r="F220">
        <f t="shared" si="11"/>
        <v>2.7553134194138042E-2</v>
      </c>
    </row>
    <row r="221" spans="1:6" x14ac:dyDescent="0.2">
      <c r="A221">
        <v>1397.0030979999999</v>
      </c>
      <c r="B221">
        <v>19.952546999999999</v>
      </c>
      <c r="C221">
        <v>8.0164740000000005</v>
      </c>
      <c r="D221">
        <f t="shared" si="12"/>
        <v>1.0960520000000002</v>
      </c>
      <c r="E221">
        <f t="shared" si="13"/>
        <v>42.9980079999998</v>
      </c>
      <c r="F221">
        <f t="shared" si="11"/>
        <v>2.8081468042357626E-2</v>
      </c>
    </row>
    <row r="222" spans="1:6" x14ac:dyDescent="0.2">
      <c r="A222">
        <v>1397.3233560000001</v>
      </c>
      <c r="B222">
        <v>19.986187999999999</v>
      </c>
      <c r="C222">
        <v>8.0214780000000001</v>
      </c>
      <c r="D222">
        <f t="shared" si="12"/>
        <v>1.1010559999999998</v>
      </c>
      <c r="E222">
        <f t="shared" si="13"/>
        <v>43.318265999999994</v>
      </c>
      <c r="F222">
        <f t="shared" si="11"/>
        <v>2.8155596823831747E-2</v>
      </c>
    </row>
    <row r="223" spans="1:6" x14ac:dyDescent="0.2">
      <c r="A223">
        <v>1397.4591740000001</v>
      </c>
      <c r="B223">
        <v>19.999400000000001</v>
      </c>
      <c r="C223">
        <v>8.0264830000000007</v>
      </c>
      <c r="D223">
        <f t="shared" si="12"/>
        <v>1.1060610000000004</v>
      </c>
      <c r="E223">
        <f t="shared" si="13"/>
        <v>43.454083999999966</v>
      </c>
      <c r="F223">
        <f t="shared" si="11"/>
        <v>2.8113336522188507E-2</v>
      </c>
    </row>
    <row r="224" spans="1:6" x14ac:dyDescent="0.2">
      <c r="A224">
        <v>1397.682446</v>
      </c>
      <c r="B224">
        <v>19.999576000000001</v>
      </c>
      <c r="C224">
        <v>8.0314879999999995</v>
      </c>
      <c r="D224">
        <f t="shared" si="12"/>
        <v>1.1110659999999992</v>
      </c>
      <c r="E224">
        <f t="shared" si="13"/>
        <v>43.677355999999918</v>
      </c>
      <c r="F224">
        <f t="shared" si="11"/>
        <v>2.8125999970802545E-2</v>
      </c>
    </row>
    <row r="225" spans="1:6" x14ac:dyDescent="0.2">
      <c r="A225">
        <v>1397.7145860000001</v>
      </c>
      <c r="B225">
        <v>19.977712</v>
      </c>
      <c r="C225">
        <v>8.0364930000000001</v>
      </c>
      <c r="D225">
        <f t="shared" si="12"/>
        <v>1.1160709999999998</v>
      </c>
      <c r="E225">
        <f t="shared" si="13"/>
        <v>43.709495999999945</v>
      </c>
      <c r="F225">
        <f t="shared" si="11"/>
        <v>2.8019828831399033E-2</v>
      </c>
    </row>
    <row r="226" spans="1:6" x14ac:dyDescent="0.2">
      <c r="A226">
        <v>1398.36852</v>
      </c>
      <c r="B226">
        <v>19.958912000000002</v>
      </c>
      <c r="C226">
        <v>8.0414980000000007</v>
      </c>
      <c r="D226">
        <f t="shared" si="12"/>
        <v>1.1210760000000004</v>
      </c>
      <c r="E226">
        <f t="shared" si="13"/>
        <v>44.36342999999988</v>
      </c>
      <c r="F226">
        <f t="shared" si="11"/>
        <v>2.8298826257197884E-2</v>
      </c>
    </row>
    <row r="227" spans="1:6" x14ac:dyDescent="0.2">
      <c r="A227">
        <v>1398.9942610000001</v>
      </c>
      <c r="B227">
        <v>19.954785000000001</v>
      </c>
      <c r="C227">
        <v>8.0465020000000003</v>
      </c>
      <c r="D227">
        <f t="shared" si="12"/>
        <v>1.12608</v>
      </c>
      <c r="E227">
        <f t="shared" si="13"/>
        <v>44.989170999999942</v>
      </c>
      <c r="F227">
        <f t="shared" si="11"/>
        <v>2.8557672748559422E-2</v>
      </c>
    </row>
    <row r="228" spans="1:6" x14ac:dyDescent="0.2">
      <c r="A228">
        <v>1399.1195540000001</v>
      </c>
      <c r="B228">
        <v>20.003257999999999</v>
      </c>
      <c r="C228">
        <v>8.0515070000000009</v>
      </c>
      <c r="D228">
        <f t="shared" si="12"/>
        <v>1.1310850000000006</v>
      </c>
      <c r="E228">
        <f t="shared" si="13"/>
        <v>45.114463999999998</v>
      </c>
      <c r="F228">
        <f t="shared" si="11"/>
        <v>2.8507933210389306E-2</v>
      </c>
    </row>
    <row r="229" spans="1:6" x14ac:dyDescent="0.2">
      <c r="A229">
        <v>1399.2985349999999</v>
      </c>
      <c r="B229">
        <v>19.999102000000001</v>
      </c>
      <c r="C229">
        <v>8.0565119999999997</v>
      </c>
      <c r="D229">
        <f t="shared" si="12"/>
        <v>1.1360899999999994</v>
      </c>
      <c r="E229">
        <f t="shared" si="13"/>
        <v>45.293444999999792</v>
      </c>
      <c r="F229">
        <f t="shared" si="11"/>
        <v>2.8491298158824268E-2</v>
      </c>
    </row>
    <row r="230" spans="1:6" x14ac:dyDescent="0.2">
      <c r="A230">
        <v>1399.5389339999999</v>
      </c>
      <c r="B230">
        <v>20.000485000000001</v>
      </c>
      <c r="C230">
        <v>8.0615170000000003</v>
      </c>
      <c r="D230">
        <f t="shared" si="12"/>
        <v>1.141095</v>
      </c>
      <c r="E230">
        <f t="shared" si="13"/>
        <v>45.533843999999817</v>
      </c>
      <c r="F230">
        <f t="shared" si="11"/>
        <v>2.8511989881382545E-2</v>
      </c>
    </row>
    <row r="231" spans="1:6" x14ac:dyDescent="0.2">
      <c r="A231">
        <v>1399.68589</v>
      </c>
      <c r="B231">
        <v>19.968764</v>
      </c>
      <c r="C231">
        <v>8.0665220000000009</v>
      </c>
      <c r="D231">
        <f t="shared" si="12"/>
        <v>1.1461000000000006</v>
      </c>
      <c r="E231">
        <f t="shared" si="13"/>
        <v>45.680799999999863</v>
      </c>
      <c r="F231">
        <f t="shared" si="11"/>
        <v>2.8476106198735921E-2</v>
      </c>
    </row>
    <row r="232" spans="1:6" x14ac:dyDescent="0.2">
      <c r="A232">
        <v>1400.009141</v>
      </c>
      <c r="B232">
        <v>19.986903000000002</v>
      </c>
      <c r="C232">
        <v>8.0715260000000004</v>
      </c>
      <c r="D232">
        <f t="shared" si="12"/>
        <v>1.1511040000000001</v>
      </c>
      <c r="E232">
        <f t="shared" si="13"/>
        <v>46.00405099999989</v>
      </c>
      <c r="F232">
        <f t="shared" si="11"/>
        <v>2.8546353654757339E-2</v>
      </c>
    </row>
    <row r="233" spans="1:6" x14ac:dyDescent="0.2">
      <c r="A233">
        <v>1400.2983429999999</v>
      </c>
      <c r="B233">
        <v>19.999306000000001</v>
      </c>
      <c r="C233">
        <v>8.0765309999999992</v>
      </c>
      <c r="D233">
        <f t="shared" si="12"/>
        <v>1.1561089999999989</v>
      </c>
      <c r="E233">
        <f t="shared" si="13"/>
        <v>46.293252999999822</v>
      </c>
      <c r="F233">
        <f t="shared" si="11"/>
        <v>2.859554265362229E-2</v>
      </c>
    </row>
    <row r="234" spans="1:6" x14ac:dyDescent="0.2">
      <c r="A234">
        <v>1400.3899260000001</v>
      </c>
      <c r="B234">
        <v>19.985543</v>
      </c>
      <c r="C234">
        <v>8.0815359999999998</v>
      </c>
      <c r="D234">
        <f t="shared" si="12"/>
        <v>1.1611139999999995</v>
      </c>
      <c r="E234">
        <f t="shared" si="13"/>
        <v>46.38483599999995</v>
      </c>
      <c r="F234">
        <f t="shared" si="11"/>
        <v>2.8526742765341544E-2</v>
      </c>
    </row>
    <row r="235" spans="1:6" x14ac:dyDescent="0.2">
      <c r="A235">
        <v>1400.403853</v>
      </c>
      <c r="B235">
        <v>20.003273</v>
      </c>
      <c r="C235">
        <v>8.0865410000000004</v>
      </c>
      <c r="D235">
        <f t="shared" si="12"/>
        <v>1.1661190000000001</v>
      </c>
      <c r="E235">
        <f t="shared" si="13"/>
        <v>46.398762999999917</v>
      </c>
      <c r="F235">
        <f t="shared" si="11"/>
        <v>2.8412551362013927E-2</v>
      </c>
    </row>
    <row r="236" spans="1:6" x14ac:dyDescent="0.2">
      <c r="A236">
        <v>1400.0257630000001</v>
      </c>
      <c r="B236">
        <v>20.018447999999999</v>
      </c>
      <c r="C236">
        <v>8.0915459999999992</v>
      </c>
      <c r="D236">
        <f t="shared" si="12"/>
        <v>1.1711239999999989</v>
      </c>
      <c r="E236">
        <f t="shared" si="13"/>
        <v>46.020672999999988</v>
      </c>
      <c r="F236">
        <f t="shared" si="11"/>
        <v>2.8068167318981718E-2</v>
      </c>
    </row>
    <row r="237" spans="1:6" x14ac:dyDescent="0.2">
      <c r="A237">
        <v>1399.574664</v>
      </c>
      <c r="B237">
        <v>20.017862999999998</v>
      </c>
      <c r="C237">
        <v>8.0965500000000006</v>
      </c>
      <c r="D237">
        <f t="shared" si="12"/>
        <v>1.1761280000000003</v>
      </c>
      <c r="E237">
        <f t="shared" si="13"/>
        <v>45.569573999999875</v>
      </c>
      <c r="F237">
        <f t="shared" si="11"/>
        <v>2.7683711032417516E-2</v>
      </c>
    </row>
    <row r="238" spans="1:6" x14ac:dyDescent="0.2">
      <c r="A238">
        <v>1398.7813040000001</v>
      </c>
      <c r="B238">
        <v>20.038705</v>
      </c>
      <c r="C238">
        <v>8.1015549999999994</v>
      </c>
      <c r="D238">
        <f t="shared" si="12"/>
        <v>1.1811329999999991</v>
      </c>
      <c r="E238">
        <f t="shared" si="13"/>
        <v>44.776213999999982</v>
      </c>
      <c r="F238">
        <f t="shared" si="11"/>
        <v>2.7101838129621973E-2</v>
      </c>
    </row>
    <row r="239" spans="1:6" x14ac:dyDescent="0.2">
      <c r="A239">
        <v>1398.1717759999999</v>
      </c>
      <c r="B239">
        <v>20.008852999999998</v>
      </c>
      <c r="C239">
        <v>8.10656</v>
      </c>
      <c r="D239">
        <f t="shared" si="12"/>
        <v>1.1861379999999997</v>
      </c>
      <c r="E239">
        <f t="shared" si="13"/>
        <v>44.1666859999998</v>
      </c>
      <c r="F239">
        <f t="shared" si="11"/>
        <v>2.6631710617509526E-2</v>
      </c>
    </row>
    <row r="240" spans="1:6" x14ac:dyDescent="0.2">
      <c r="A240">
        <v>1398.251757</v>
      </c>
      <c r="B240">
        <v>19.989015999999999</v>
      </c>
      <c r="C240">
        <v>8.1115650000000006</v>
      </c>
      <c r="D240">
        <f t="shared" si="12"/>
        <v>1.1911430000000003</v>
      </c>
      <c r="E240">
        <f t="shared" si="13"/>
        <v>44.246666999999889</v>
      </c>
      <c r="F240">
        <f t="shared" si="11"/>
        <v>2.6566313009025018E-2</v>
      </c>
    </row>
    <row r="241" spans="1:6" x14ac:dyDescent="0.2">
      <c r="A241">
        <v>1398.4350469999999</v>
      </c>
      <c r="B241">
        <v>19.994112999999999</v>
      </c>
      <c r="C241">
        <v>8.1165699999999994</v>
      </c>
      <c r="D241">
        <f t="shared" si="12"/>
        <v>1.1961479999999991</v>
      </c>
      <c r="E241">
        <f t="shared" si="13"/>
        <v>44.429956999999831</v>
      </c>
      <c r="F241">
        <f t="shared" si="11"/>
        <v>2.6561260116332218E-2</v>
      </c>
    </row>
    <row r="242" spans="1:6" x14ac:dyDescent="0.2">
      <c r="A242">
        <v>1398.9803139999999</v>
      </c>
      <c r="B242">
        <v>19.966835</v>
      </c>
      <c r="C242">
        <v>8.1215740000000007</v>
      </c>
      <c r="D242">
        <f t="shared" si="12"/>
        <v>1.2011520000000004</v>
      </c>
      <c r="E242">
        <f t="shared" si="13"/>
        <v>44.975223999999798</v>
      </c>
      <c r="F242">
        <f t="shared" si="11"/>
        <v>2.6764785241987082E-2</v>
      </c>
    </row>
    <row r="243" spans="1:6" x14ac:dyDescent="0.2">
      <c r="A243">
        <v>1399.2738859999999</v>
      </c>
      <c r="B243">
        <v>19.964033000000001</v>
      </c>
      <c r="C243">
        <v>8.1265789999999996</v>
      </c>
      <c r="D243">
        <f t="shared" si="12"/>
        <v>1.2061569999999993</v>
      </c>
      <c r="E243">
        <f t="shared" si="13"/>
        <v>45.268795999999838</v>
      </c>
      <c r="F243">
        <f t="shared" si="11"/>
        <v>2.6822075030770984E-2</v>
      </c>
    </row>
    <row r="244" spans="1:6" x14ac:dyDescent="0.2">
      <c r="A244">
        <v>1400.078383</v>
      </c>
      <c r="B244">
        <v>19.970631000000001</v>
      </c>
      <c r="C244">
        <v>8.1315840000000001</v>
      </c>
      <c r="D244">
        <f t="shared" si="12"/>
        <v>1.2111619999999998</v>
      </c>
      <c r="E244">
        <f t="shared" si="13"/>
        <v>46.073292999999921</v>
      </c>
      <c r="F244">
        <f t="shared" si="11"/>
        <v>2.7170314599573711E-2</v>
      </c>
    </row>
    <row r="245" spans="1:6" x14ac:dyDescent="0.2">
      <c r="A245">
        <v>1400.9469329999999</v>
      </c>
      <c r="B245">
        <v>19.952442999999999</v>
      </c>
      <c r="C245">
        <v>8.1365890000000007</v>
      </c>
      <c r="D245">
        <f t="shared" si="12"/>
        <v>1.2161670000000004</v>
      </c>
      <c r="E245">
        <f t="shared" si="13"/>
        <v>46.941842999999835</v>
      </c>
      <c r="F245">
        <f t="shared" si="11"/>
        <v>2.7551499273449433E-2</v>
      </c>
    </row>
    <row r="246" spans="1:6" x14ac:dyDescent="0.2">
      <c r="A246">
        <v>1401.5154869999999</v>
      </c>
      <c r="B246">
        <v>19.983091000000002</v>
      </c>
      <c r="C246">
        <v>8.1415939999999996</v>
      </c>
      <c r="D246">
        <f t="shared" si="12"/>
        <v>1.2211719999999993</v>
      </c>
      <c r="E246">
        <f t="shared" si="13"/>
        <v>47.510396999999784</v>
      </c>
      <c r="F246">
        <f t="shared" si="11"/>
        <v>2.7759645797082649E-2</v>
      </c>
    </row>
    <row r="247" spans="1:6" x14ac:dyDescent="0.2">
      <c r="A247">
        <v>1402.012287</v>
      </c>
      <c r="B247">
        <v>19.968295000000001</v>
      </c>
      <c r="C247">
        <v>8.1465979999999991</v>
      </c>
      <c r="D247">
        <f t="shared" si="12"/>
        <v>1.2261759999999988</v>
      </c>
      <c r="E247">
        <f t="shared" si="13"/>
        <v>48.007196999999906</v>
      </c>
      <c r="F247">
        <f t="shared" si="11"/>
        <v>2.7925548905869735E-2</v>
      </c>
    </row>
    <row r="248" spans="1:6" x14ac:dyDescent="0.2">
      <c r="A248">
        <v>1402.0789850000001</v>
      </c>
      <c r="B248">
        <v>19.984805000000001</v>
      </c>
      <c r="C248">
        <v>8.1516029999999997</v>
      </c>
      <c r="D248">
        <f t="shared" si="12"/>
        <v>1.2311809999999994</v>
      </c>
      <c r="E248">
        <f t="shared" si="13"/>
        <v>48.073894999999993</v>
      </c>
      <c r="F248">
        <f t="shared" si="11"/>
        <v>2.7849341193556774E-2</v>
      </c>
    </row>
    <row r="249" spans="1:6" x14ac:dyDescent="0.2">
      <c r="A249">
        <v>1402.4589149999999</v>
      </c>
      <c r="B249">
        <v>20.013850000000001</v>
      </c>
      <c r="C249">
        <v>8.1566080000000003</v>
      </c>
      <c r="D249">
        <f t="shared" si="12"/>
        <v>1.236186</v>
      </c>
      <c r="E249">
        <f t="shared" si="13"/>
        <v>48.453824999999824</v>
      </c>
      <c r="F249">
        <f t="shared" si="11"/>
        <v>2.7948216454750818E-2</v>
      </c>
    </row>
    <row r="250" spans="1:6" x14ac:dyDescent="0.2">
      <c r="A250">
        <v>1401.9461859999999</v>
      </c>
      <c r="B250">
        <v>20.013821</v>
      </c>
      <c r="C250">
        <v>8.1616129999999991</v>
      </c>
      <c r="D250">
        <f t="shared" si="12"/>
        <v>1.2411909999999988</v>
      </c>
      <c r="E250">
        <f t="shared" si="13"/>
        <v>47.941095999999789</v>
      </c>
      <c r="F250">
        <f t="shared" si="11"/>
        <v>2.7551039988050807E-2</v>
      </c>
    </row>
    <row r="251" spans="1:6" x14ac:dyDescent="0.2">
      <c r="A251">
        <v>1401.43912</v>
      </c>
      <c r="B251">
        <v>20.032494</v>
      </c>
      <c r="C251">
        <v>8.1666179999999997</v>
      </c>
      <c r="D251">
        <f t="shared" si="12"/>
        <v>1.2461959999999994</v>
      </c>
      <c r="E251">
        <f t="shared" si="13"/>
        <v>47.434029999999893</v>
      </c>
      <c r="F251">
        <f t="shared" si="11"/>
        <v>2.7159979305111381E-2</v>
      </c>
    </row>
    <row r="252" spans="1:6" x14ac:dyDescent="0.2">
      <c r="A252">
        <v>1401.3070700000001</v>
      </c>
      <c r="B252">
        <v>20.001749</v>
      </c>
      <c r="C252">
        <v>8.1716219999999993</v>
      </c>
      <c r="D252">
        <f t="shared" si="12"/>
        <v>1.251199999999999</v>
      </c>
      <c r="E252">
        <f t="shared" si="13"/>
        <v>47.301979999999958</v>
      </c>
      <c r="F252">
        <f t="shared" si="11"/>
        <v>2.6978591438003741E-2</v>
      </c>
    </row>
    <row r="253" spans="1:6" x14ac:dyDescent="0.2">
      <c r="A253">
        <v>1400.7011970000001</v>
      </c>
      <c r="B253">
        <v>20.006046999999999</v>
      </c>
      <c r="C253">
        <v>8.1766269999999999</v>
      </c>
      <c r="D253">
        <f t="shared" si="12"/>
        <v>1.2562049999999996</v>
      </c>
      <c r="E253">
        <f t="shared" si="13"/>
        <v>46.696106999999984</v>
      </c>
      <c r="F253">
        <f t="shared" si="11"/>
        <v>2.6538395251372474E-2</v>
      </c>
    </row>
    <row r="254" spans="1:6" x14ac:dyDescent="0.2">
      <c r="A254">
        <v>1400.5806930000001</v>
      </c>
      <c r="B254">
        <v>20.003841000000001</v>
      </c>
      <c r="C254">
        <v>8.1816320000000005</v>
      </c>
      <c r="D254">
        <f t="shared" si="12"/>
        <v>1.2612100000000002</v>
      </c>
      <c r="E254">
        <f t="shared" si="13"/>
        <v>46.575603000000001</v>
      </c>
      <c r="F254">
        <f t="shared" si="11"/>
        <v>2.6367135159209621E-2</v>
      </c>
    </row>
    <row r="255" spans="1:6" x14ac:dyDescent="0.2">
      <c r="A255">
        <v>1400.3396479999999</v>
      </c>
      <c r="B255">
        <v>20.017261000000001</v>
      </c>
      <c r="C255">
        <v>8.1866369999999993</v>
      </c>
      <c r="D255">
        <f t="shared" si="12"/>
        <v>1.266214999999999</v>
      </c>
      <c r="E255">
        <f t="shared" si="13"/>
        <v>46.334557999999788</v>
      </c>
      <c r="F255">
        <f t="shared" si="11"/>
        <v>2.6131490701441711E-2</v>
      </c>
    </row>
    <row r="256" spans="1:6" x14ac:dyDescent="0.2">
      <c r="A256">
        <v>1399.955089</v>
      </c>
      <c r="B256">
        <v>20.021391000000001</v>
      </c>
      <c r="C256">
        <v>8.1916419999999999</v>
      </c>
      <c r="D256">
        <f t="shared" si="12"/>
        <v>1.2712199999999996</v>
      </c>
      <c r="E256">
        <f t="shared" si="13"/>
        <v>45.949998999999934</v>
      </c>
      <c r="F256">
        <f t="shared" si="11"/>
        <v>2.581966990676797E-2</v>
      </c>
    </row>
    <row r="257" spans="1:6" x14ac:dyDescent="0.2">
      <c r="A257">
        <v>1399.9471080000001</v>
      </c>
      <c r="B257">
        <v>19.981224999999998</v>
      </c>
      <c r="C257">
        <v>8.1966459999999994</v>
      </c>
      <c r="D257">
        <f t="shared" si="12"/>
        <v>1.2762239999999991</v>
      </c>
      <c r="E257">
        <f t="shared" si="13"/>
        <v>45.942017999999962</v>
      </c>
      <c r="F257">
        <f t="shared" si="11"/>
        <v>2.5714112074266885E-2</v>
      </c>
    </row>
    <row r="258" spans="1:6" x14ac:dyDescent="0.2">
      <c r="A258">
        <v>1400.3417139999999</v>
      </c>
      <c r="B258">
        <v>19.967786</v>
      </c>
      <c r="C258">
        <v>8.201651</v>
      </c>
      <c r="D258">
        <f t="shared" si="12"/>
        <v>1.2812289999999997</v>
      </c>
      <c r="E258">
        <f t="shared" si="13"/>
        <v>46.336623999999802</v>
      </c>
      <c r="F258">
        <f t="shared" si="11"/>
        <v>2.5826383914241677E-2</v>
      </c>
    </row>
    <row r="259" spans="1:6" x14ac:dyDescent="0.2">
      <c r="A259">
        <v>1400.5861689999999</v>
      </c>
      <c r="B259">
        <v>20.001056999999999</v>
      </c>
      <c r="C259">
        <v>8.2066560000000006</v>
      </c>
      <c r="D259">
        <f t="shared" si="12"/>
        <v>1.2862340000000003</v>
      </c>
      <c r="E259">
        <f t="shared" si="13"/>
        <v>46.581078999999818</v>
      </c>
      <c r="F259">
        <f t="shared" ref="F259:F322" si="14">(1/A259)*(E259/D259)</f>
        <v>2.5857094671402389E-2</v>
      </c>
    </row>
    <row r="260" spans="1:6" x14ac:dyDescent="0.2">
      <c r="A260">
        <v>1400.4595440000001</v>
      </c>
      <c r="B260">
        <v>20.005576999999999</v>
      </c>
      <c r="C260">
        <v>8.2116609999999994</v>
      </c>
      <c r="D260">
        <f t="shared" si="12"/>
        <v>1.2912389999999991</v>
      </c>
      <c r="E260">
        <f t="shared" si="13"/>
        <v>46.454453999999942</v>
      </c>
      <c r="F260">
        <f t="shared" si="14"/>
        <v>2.5689175019479791E-2</v>
      </c>
    </row>
    <row r="261" spans="1:6" x14ac:dyDescent="0.2">
      <c r="A261">
        <v>1400.6412849999999</v>
      </c>
      <c r="B261">
        <v>19.999828999999998</v>
      </c>
      <c r="C261">
        <v>8.216666</v>
      </c>
      <c r="D261">
        <f t="shared" si="12"/>
        <v>1.2962439999999997</v>
      </c>
      <c r="E261">
        <f t="shared" si="13"/>
        <v>46.636194999999816</v>
      </c>
      <c r="F261">
        <f t="shared" si="14"/>
        <v>2.5686765857968436E-2</v>
      </c>
    </row>
    <row r="262" spans="1:6" x14ac:dyDescent="0.2">
      <c r="A262">
        <v>1400.7624049999999</v>
      </c>
      <c r="B262">
        <v>19.985244000000002</v>
      </c>
      <c r="C262">
        <v>8.2216699999999996</v>
      </c>
      <c r="D262">
        <f t="shared" si="12"/>
        <v>1.3012479999999993</v>
      </c>
      <c r="E262">
        <f t="shared" si="13"/>
        <v>46.757314999999835</v>
      </c>
      <c r="F262">
        <f t="shared" si="14"/>
        <v>2.5652223312914179E-2</v>
      </c>
    </row>
    <row r="263" spans="1:6" x14ac:dyDescent="0.2">
      <c r="A263">
        <v>1400.7046889999999</v>
      </c>
      <c r="B263">
        <v>19.991440000000001</v>
      </c>
      <c r="C263">
        <v>8.2266750000000002</v>
      </c>
      <c r="D263">
        <f t="shared" ref="D263:D326" si="15">C263-$C$2</f>
        <v>1.3062529999999999</v>
      </c>
      <c r="E263">
        <f t="shared" ref="E263:E326" si="16">A263-$A$2</f>
        <v>46.699598999999807</v>
      </c>
      <c r="F263">
        <f t="shared" si="14"/>
        <v>2.5523443563974523E-2</v>
      </c>
    </row>
    <row r="264" spans="1:6" x14ac:dyDescent="0.2">
      <c r="A264">
        <v>1401.2348050000001</v>
      </c>
      <c r="B264">
        <v>19.960443999999999</v>
      </c>
      <c r="C264">
        <v>8.2316800000000008</v>
      </c>
      <c r="D264">
        <f t="shared" si="15"/>
        <v>1.3112580000000005</v>
      </c>
      <c r="E264">
        <f t="shared" si="16"/>
        <v>47.229714999999942</v>
      </c>
      <c r="F264">
        <f t="shared" si="14"/>
        <v>2.5704920079878155E-2</v>
      </c>
    </row>
    <row r="265" spans="1:6" x14ac:dyDescent="0.2">
      <c r="A265">
        <v>1402.1474430000001</v>
      </c>
      <c r="B265">
        <v>19.949321999999999</v>
      </c>
      <c r="C265">
        <v>8.2366849999999996</v>
      </c>
      <c r="D265">
        <f t="shared" si="15"/>
        <v>1.3162629999999993</v>
      </c>
      <c r="E265">
        <f t="shared" si="16"/>
        <v>48.142352999999957</v>
      </c>
      <c r="F265">
        <f t="shared" si="14"/>
        <v>2.6085006853138446E-2</v>
      </c>
    </row>
    <row r="266" spans="1:6" x14ac:dyDescent="0.2">
      <c r="A266">
        <v>1402.338902</v>
      </c>
      <c r="B266">
        <v>19.994529</v>
      </c>
      <c r="C266">
        <v>8.2416900000000002</v>
      </c>
      <c r="D266">
        <f t="shared" si="15"/>
        <v>1.3212679999999999</v>
      </c>
      <c r="E266">
        <f t="shared" si="16"/>
        <v>48.333811999999853</v>
      </c>
      <c r="F266">
        <f t="shared" si="14"/>
        <v>2.608597956680149E-2</v>
      </c>
    </row>
    <row r="267" spans="1:6" x14ac:dyDescent="0.2">
      <c r="A267">
        <v>1402.8217890000001</v>
      </c>
      <c r="B267">
        <v>19.952987</v>
      </c>
      <c r="C267">
        <v>8.2466939999999997</v>
      </c>
      <c r="D267">
        <f t="shared" si="15"/>
        <v>1.3262719999999995</v>
      </c>
      <c r="E267">
        <f t="shared" si="16"/>
        <v>48.816698999999971</v>
      </c>
      <c r="F267">
        <f t="shared" si="14"/>
        <v>2.6238155714756264E-2</v>
      </c>
    </row>
    <row r="268" spans="1:6" x14ac:dyDescent="0.2">
      <c r="A268">
        <v>1403.524011</v>
      </c>
      <c r="B268">
        <v>19.993614000000001</v>
      </c>
      <c r="C268">
        <v>8.2516990000000003</v>
      </c>
      <c r="D268">
        <f t="shared" si="15"/>
        <v>1.331277</v>
      </c>
      <c r="E268">
        <f t="shared" si="16"/>
        <v>49.518920999999864</v>
      </c>
      <c r="F268">
        <f t="shared" si="14"/>
        <v>2.6502259205203896E-2</v>
      </c>
    </row>
    <row r="269" spans="1:6" x14ac:dyDescent="0.2">
      <c r="A269">
        <v>1403.7973609999999</v>
      </c>
      <c r="B269">
        <v>19.967386000000001</v>
      </c>
      <c r="C269">
        <v>8.2567039999999992</v>
      </c>
      <c r="D269">
        <f t="shared" si="15"/>
        <v>1.3362819999999989</v>
      </c>
      <c r="E269">
        <f t="shared" si="16"/>
        <v>49.792270999999801</v>
      </c>
      <c r="F269">
        <f t="shared" si="14"/>
        <v>2.6543573750167145E-2</v>
      </c>
    </row>
    <row r="270" spans="1:6" x14ac:dyDescent="0.2">
      <c r="A270">
        <v>1403.8868970000001</v>
      </c>
      <c r="B270">
        <v>19.984893</v>
      </c>
      <c r="C270">
        <v>8.2617089999999997</v>
      </c>
      <c r="D270">
        <f t="shared" si="15"/>
        <v>1.3412869999999995</v>
      </c>
      <c r="E270">
        <f t="shared" si="16"/>
        <v>49.881806999999981</v>
      </c>
      <c r="F270">
        <f t="shared" si="14"/>
        <v>2.6490389362439151E-2</v>
      </c>
    </row>
    <row r="271" spans="1:6" x14ac:dyDescent="0.2">
      <c r="A271">
        <v>1404.3043029999999</v>
      </c>
      <c r="B271">
        <v>19.987925000000001</v>
      </c>
      <c r="C271">
        <v>8.2667140000000003</v>
      </c>
      <c r="D271">
        <f t="shared" si="15"/>
        <v>1.346292</v>
      </c>
      <c r="E271">
        <f t="shared" si="16"/>
        <v>50.299212999999781</v>
      </c>
      <c r="F271">
        <f t="shared" si="14"/>
        <v>2.660484286843149E-2</v>
      </c>
    </row>
    <row r="272" spans="1:6" x14ac:dyDescent="0.2">
      <c r="A272">
        <v>1404.6833160000001</v>
      </c>
      <c r="B272">
        <v>19.989851000000002</v>
      </c>
      <c r="C272">
        <v>8.2717179999999999</v>
      </c>
      <c r="D272">
        <f t="shared" si="15"/>
        <v>1.3512959999999996</v>
      </c>
      <c r="E272">
        <f t="shared" si="16"/>
        <v>50.678225999999995</v>
      </c>
      <c r="F272">
        <f t="shared" si="14"/>
        <v>2.6698845891483244E-2</v>
      </c>
    </row>
    <row r="273" spans="1:6" x14ac:dyDescent="0.2">
      <c r="A273">
        <v>1404.3758600000001</v>
      </c>
      <c r="B273">
        <v>20.025976</v>
      </c>
      <c r="C273">
        <v>8.2767230000000005</v>
      </c>
      <c r="D273">
        <f t="shared" si="15"/>
        <v>1.3563010000000002</v>
      </c>
      <c r="E273">
        <f t="shared" si="16"/>
        <v>50.370769999999993</v>
      </c>
      <c r="F273">
        <f t="shared" si="14"/>
        <v>2.6444730907211739E-2</v>
      </c>
    </row>
    <row r="274" spans="1:6" x14ac:dyDescent="0.2">
      <c r="A274">
        <v>1403.3320409999999</v>
      </c>
      <c r="B274">
        <v>20.049133000000001</v>
      </c>
      <c r="C274">
        <v>8.2817279999999993</v>
      </c>
      <c r="D274">
        <f t="shared" si="15"/>
        <v>1.361305999999999</v>
      </c>
      <c r="E274">
        <f t="shared" si="16"/>
        <v>49.326950999999781</v>
      </c>
      <c r="F274">
        <f t="shared" si="14"/>
        <v>2.5820703565476666E-2</v>
      </c>
    </row>
    <row r="275" spans="1:6" x14ac:dyDescent="0.2">
      <c r="A275">
        <v>1402.478108</v>
      </c>
      <c r="B275">
        <v>20.041409999999999</v>
      </c>
      <c r="C275">
        <v>8.2867329999999999</v>
      </c>
      <c r="D275">
        <f t="shared" si="15"/>
        <v>1.3663109999999996</v>
      </c>
      <c r="E275">
        <f t="shared" si="16"/>
        <v>48.473017999999911</v>
      </c>
      <c r="F275">
        <f t="shared" si="14"/>
        <v>2.5296148651783718E-2</v>
      </c>
    </row>
    <row r="276" spans="1:6" x14ac:dyDescent="0.2">
      <c r="A276">
        <v>1401.7547279999999</v>
      </c>
      <c r="B276">
        <v>20.029598</v>
      </c>
      <c r="C276">
        <v>8.2917380000000005</v>
      </c>
      <c r="D276">
        <f t="shared" si="15"/>
        <v>1.3713160000000002</v>
      </c>
      <c r="E276">
        <f t="shared" si="16"/>
        <v>47.749637999999777</v>
      </c>
      <c r="F276">
        <f t="shared" si="14"/>
        <v>2.4840510144867597E-2</v>
      </c>
    </row>
    <row r="277" spans="1:6" x14ac:dyDescent="0.2">
      <c r="A277">
        <v>1401.5348899999999</v>
      </c>
      <c r="B277">
        <v>19.987514000000001</v>
      </c>
      <c r="C277">
        <v>8.2967420000000001</v>
      </c>
      <c r="D277">
        <f t="shared" si="15"/>
        <v>1.3763199999999998</v>
      </c>
      <c r="E277">
        <f t="shared" si="16"/>
        <v>47.529799999999796</v>
      </c>
      <c r="F277">
        <f t="shared" si="14"/>
        <v>2.4640110569817034E-2</v>
      </c>
    </row>
    <row r="278" spans="1:6" x14ac:dyDescent="0.2">
      <c r="A278">
        <v>1401.680175</v>
      </c>
      <c r="B278">
        <v>19.994256</v>
      </c>
      <c r="C278">
        <v>8.3017470000000007</v>
      </c>
      <c r="D278">
        <f t="shared" si="15"/>
        <v>1.3813250000000004</v>
      </c>
      <c r="E278">
        <f t="shared" si="16"/>
        <v>47.675084999999854</v>
      </c>
      <c r="F278">
        <f t="shared" si="14"/>
        <v>2.462332363219082E-2</v>
      </c>
    </row>
    <row r="279" spans="1:6" x14ac:dyDescent="0.2">
      <c r="A279">
        <v>1401.3965430000001</v>
      </c>
      <c r="B279">
        <v>20.030595000000002</v>
      </c>
      <c r="C279">
        <v>8.3067519999999995</v>
      </c>
      <c r="D279">
        <f t="shared" si="15"/>
        <v>1.3863299999999992</v>
      </c>
      <c r="E279">
        <f t="shared" si="16"/>
        <v>47.391452999999956</v>
      </c>
      <c r="F279">
        <f t="shared" si="14"/>
        <v>2.4393401324122668E-2</v>
      </c>
    </row>
    <row r="280" spans="1:6" x14ac:dyDescent="0.2">
      <c r="A280">
        <v>1401.3724830000001</v>
      </c>
      <c r="B280">
        <v>19.963813999999999</v>
      </c>
      <c r="C280">
        <v>8.3117570000000001</v>
      </c>
      <c r="D280">
        <f t="shared" si="15"/>
        <v>1.3913349999999998</v>
      </c>
      <c r="E280">
        <f t="shared" si="16"/>
        <v>47.367392999999993</v>
      </c>
      <c r="F280">
        <f t="shared" si="14"/>
        <v>2.4293729245757241E-2</v>
      </c>
    </row>
    <row r="281" spans="1:6" x14ac:dyDescent="0.2">
      <c r="A281">
        <v>1401.4259340000001</v>
      </c>
      <c r="B281">
        <v>20.002336</v>
      </c>
      <c r="C281">
        <v>8.3167620000000007</v>
      </c>
      <c r="D281">
        <f t="shared" si="15"/>
        <v>1.3963400000000004</v>
      </c>
      <c r="E281">
        <f t="shared" si="16"/>
        <v>47.420843999999988</v>
      </c>
      <c r="F281">
        <f t="shared" si="14"/>
        <v>2.423304284398272E-2</v>
      </c>
    </row>
    <row r="282" spans="1:6" x14ac:dyDescent="0.2">
      <c r="A282">
        <v>1401.475154</v>
      </c>
      <c r="B282">
        <v>20.000553</v>
      </c>
      <c r="C282">
        <v>8.3217660000000002</v>
      </c>
      <c r="D282">
        <f t="shared" si="15"/>
        <v>1.4013439999999999</v>
      </c>
      <c r="E282">
        <f t="shared" si="16"/>
        <v>47.470063999999866</v>
      </c>
      <c r="F282">
        <f t="shared" si="14"/>
        <v>2.4170723820976674E-2</v>
      </c>
    </row>
    <row r="283" spans="1:6" x14ac:dyDescent="0.2">
      <c r="A283">
        <v>1401.667175</v>
      </c>
      <c r="B283">
        <v>19.978173999999999</v>
      </c>
      <c r="C283">
        <v>8.3267710000000008</v>
      </c>
      <c r="D283">
        <f t="shared" si="15"/>
        <v>1.4063490000000005</v>
      </c>
      <c r="E283">
        <f t="shared" si="16"/>
        <v>47.662084999999934</v>
      </c>
      <c r="F283">
        <f t="shared" si="14"/>
        <v>2.4178815716576089E-2</v>
      </c>
    </row>
    <row r="284" spans="1:6" x14ac:dyDescent="0.2">
      <c r="A284">
        <v>1402.540246</v>
      </c>
      <c r="B284">
        <v>19.963339999999999</v>
      </c>
      <c r="C284">
        <v>8.3317759999999996</v>
      </c>
      <c r="D284">
        <f t="shared" si="15"/>
        <v>1.4113539999999993</v>
      </c>
      <c r="E284">
        <f t="shared" si="16"/>
        <v>48.535155999999915</v>
      </c>
      <c r="F284">
        <f t="shared" si="14"/>
        <v>2.4519134681483402E-2</v>
      </c>
    </row>
    <row r="285" spans="1:6" x14ac:dyDescent="0.2">
      <c r="A285">
        <v>1403.4560799999999</v>
      </c>
      <c r="B285">
        <v>19.933710999999999</v>
      </c>
      <c r="C285">
        <v>8.3367810000000002</v>
      </c>
      <c r="D285">
        <f t="shared" si="15"/>
        <v>1.4163589999999999</v>
      </c>
      <c r="E285">
        <f t="shared" si="16"/>
        <v>49.45098999999982</v>
      </c>
      <c r="F285">
        <f t="shared" si="14"/>
        <v>2.4877275611872966E-2</v>
      </c>
    </row>
    <row r="286" spans="1:6" x14ac:dyDescent="0.2">
      <c r="A286">
        <v>1404.5937289999999</v>
      </c>
      <c r="B286">
        <v>19.939495000000001</v>
      </c>
      <c r="C286">
        <v>8.3417860000000008</v>
      </c>
      <c r="D286">
        <f t="shared" si="15"/>
        <v>1.4213640000000005</v>
      </c>
      <c r="E286">
        <f t="shared" si="16"/>
        <v>50.58863899999983</v>
      </c>
      <c r="F286">
        <f t="shared" si="14"/>
        <v>2.533943686111622E-2</v>
      </c>
    </row>
    <row r="287" spans="1:6" x14ac:dyDescent="0.2">
      <c r="A287">
        <v>1405.439711</v>
      </c>
      <c r="B287">
        <v>19.970369000000002</v>
      </c>
      <c r="C287">
        <v>8.3467900000000004</v>
      </c>
      <c r="D287">
        <f t="shared" si="15"/>
        <v>1.4263680000000001</v>
      </c>
      <c r="E287">
        <f t="shared" si="16"/>
        <v>51.434620999999879</v>
      </c>
      <c r="F287">
        <f t="shared" si="14"/>
        <v>2.565734633487363E-2</v>
      </c>
    </row>
    <row r="288" spans="1:6" x14ac:dyDescent="0.2">
      <c r="A288">
        <v>1406.1005259999999</v>
      </c>
      <c r="B288">
        <v>19.95542</v>
      </c>
      <c r="C288">
        <v>8.3517949999999992</v>
      </c>
      <c r="D288">
        <f t="shared" si="15"/>
        <v>1.4313729999999989</v>
      </c>
      <c r="E288">
        <f t="shared" si="16"/>
        <v>52.095435999999836</v>
      </c>
      <c r="F288">
        <f t="shared" si="14"/>
        <v>2.5883946025910019E-2</v>
      </c>
    </row>
    <row r="289" spans="1:6" x14ac:dyDescent="0.2">
      <c r="A289">
        <v>1406.521215</v>
      </c>
      <c r="B289">
        <v>19.984400000000001</v>
      </c>
      <c r="C289">
        <v>8.3567999999999998</v>
      </c>
      <c r="D289">
        <f t="shared" si="15"/>
        <v>1.4363779999999995</v>
      </c>
      <c r="E289">
        <f t="shared" si="16"/>
        <v>52.516124999999874</v>
      </c>
      <c r="F289">
        <f t="shared" si="14"/>
        <v>2.5994270951881442E-2</v>
      </c>
    </row>
    <row r="290" spans="1:6" x14ac:dyDescent="0.2">
      <c r="A290">
        <v>1406.8471179999999</v>
      </c>
      <c r="B290">
        <v>19.965315</v>
      </c>
      <c r="C290">
        <v>8.3618050000000004</v>
      </c>
      <c r="D290">
        <f t="shared" si="15"/>
        <v>1.4413830000000001</v>
      </c>
      <c r="E290">
        <f t="shared" si="16"/>
        <v>52.8420279999998</v>
      </c>
      <c r="F290">
        <f t="shared" si="14"/>
        <v>2.6058725796071928E-2</v>
      </c>
    </row>
    <row r="291" spans="1:6" x14ac:dyDescent="0.2">
      <c r="A291">
        <v>1406.903511</v>
      </c>
      <c r="B291">
        <v>20.008393000000002</v>
      </c>
      <c r="C291">
        <v>8.3668099999999992</v>
      </c>
      <c r="D291">
        <f t="shared" si="15"/>
        <v>1.4463879999999989</v>
      </c>
      <c r="E291">
        <f t="shared" si="16"/>
        <v>52.898420999999871</v>
      </c>
      <c r="F291">
        <f t="shared" si="14"/>
        <v>2.5995225265720564E-2</v>
      </c>
    </row>
    <row r="292" spans="1:6" x14ac:dyDescent="0.2">
      <c r="A292">
        <v>1406.609324</v>
      </c>
      <c r="B292">
        <v>20.01388</v>
      </c>
      <c r="C292">
        <v>8.3718140000000005</v>
      </c>
      <c r="D292">
        <f t="shared" si="15"/>
        <v>1.4513920000000002</v>
      </c>
      <c r="E292">
        <f t="shared" si="16"/>
        <v>52.604233999999906</v>
      </c>
      <c r="F292">
        <f t="shared" si="14"/>
        <v>2.576691851975697E-2</v>
      </c>
    </row>
    <row r="293" spans="1:6" x14ac:dyDescent="0.2">
      <c r="A293">
        <v>1405.8680959999999</v>
      </c>
      <c r="B293">
        <v>20.053165</v>
      </c>
      <c r="C293">
        <v>8.3768189999999993</v>
      </c>
      <c r="D293">
        <f t="shared" si="15"/>
        <v>1.4563969999999991</v>
      </c>
      <c r="E293">
        <f t="shared" si="16"/>
        <v>51.863005999999814</v>
      </c>
      <c r="F293">
        <f t="shared" si="14"/>
        <v>2.5329891760403695E-2</v>
      </c>
    </row>
    <row r="294" spans="1:6" x14ac:dyDescent="0.2">
      <c r="A294">
        <v>1404.911386</v>
      </c>
      <c r="B294">
        <v>20.044134</v>
      </c>
      <c r="C294">
        <v>8.3818239999999999</v>
      </c>
      <c r="D294">
        <f t="shared" si="15"/>
        <v>1.4614019999999996</v>
      </c>
      <c r="E294">
        <f t="shared" si="16"/>
        <v>50.906295999999884</v>
      </c>
      <c r="F294">
        <f t="shared" si="14"/>
        <v>2.4794358071310488E-2</v>
      </c>
    </row>
    <row r="295" spans="1:6" x14ac:dyDescent="0.2">
      <c r="A295">
        <v>1403.776625</v>
      </c>
      <c r="B295">
        <v>20.057193000000002</v>
      </c>
      <c r="C295">
        <v>8.3868290000000005</v>
      </c>
      <c r="D295">
        <f t="shared" si="15"/>
        <v>1.4664070000000002</v>
      </c>
      <c r="E295">
        <f t="shared" si="16"/>
        <v>49.771534999999858</v>
      </c>
      <c r="F295">
        <f t="shared" si="14"/>
        <v>2.4178452626486817E-2</v>
      </c>
    </row>
    <row r="296" spans="1:6" x14ac:dyDescent="0.2">
      <c r="A296">
        <v>1403.0956309999999</v>
      </c>
      <c r="B296">
        <v>20.024322999999999</v>
      </c>
      <c r="C296">
        <v>8.3918339999999993</v>
      </c>
      <c r="D296">
        <f t="shared" si="15"/>
        <v>1.4714119999999991</v>
      </c>
      <c r="E296">
        <f t="shared" si="16"/>
        <v>49.090540999999803</v>
      </c>
      <c r="F296">
        <f t="shared" si="14"/>
        <v>2.3778050898595287E-2</v>
      </c>
    </row>
    <row r="297" spans="1:6" x14ac:dyDescent="0.2">
      <c r="A297">
        <v>1402.7987459999999</v>
      </c>
      <c r="B297">
        <v>20.006271000000002</v>
      </c>
      <c r="C297">
        <v>8.3968380000000007</v>
      </c>
      <c r="D297">
        <f t="shared" si="15"/>
        <v>1.4764160000000004</v>
      </c>
      <c r="E297">
        <f t="shared" si="16"/>
        <v>48.793655999999828</v>
      </c>
      <c r="F297">
        <f t="shared" si="14"/>
        <v>2.3559129968387597E-2</v>
      </c>
    </row>
    <row r="298" spans="1:6" x14ac:dyDescent="0.2">
      <c r="A298">
        <v>1402.3814640000001</v>
      </c>
      <c r="B298">
        <v>20.025632999999999</v>
      </c>
      <c r="C298">
        <v>8.4018429999999995</v>
      </c>
      <c r="D298">
        <f t="shared" si="15"/>
        <v>1.4814209999999992</v>
      </c>
      <c r="E298">
        <f t="shared" si="16"/>
        <v>48.376373999999942</v>
      </c>
      <c r="F298">
        <f t="shared" si="14"/>
        <v>2.3285665451520363E-2</v>
      </c>
    </row>
    <row r="299" spans="1:6" x14ac:dyDescent="0.2">
      <c r="A299">
        <v>1402.3593060000001</v>
      </c>
      <c r="B299">
        <v>19.985334999999999</v>
      </c>
      <c r="C299">
        <v>8.4068480000000001</v>
      </c>
      <c r="D299">
        <f t="shared" si="15"/>
        <v>1.4864259999999998</v>
      </c>
      <c r="E299">
        <f t="shared" si="16"/>
        <v>48.354215999999951</v>
      </c>
      <c r="F299">
        <f t="shared" si="14"/>
        <v>2.319699624193311E-2</v>
      </c>
    </row>
    <row r="300" spans="1:6" x14ac:dyDescent="0.2">
      <c r="A300">
        <v>1402.099093</v>
      </c>
      <c r="B300">
        <v>20.026350999999998</v>
      </c>
      <c r="C300">
        <v>8.4118530000000007</v>
      </c>
      <c r="D300">
        <f t="shared" si="15"/>
        <v>1.4914310000000004</v>
      </c>
      <c r="E300">
        <f t="shared" si="16"/>
        <v>48.09400299999993</v>
      </c>
      <c r="F300">
        <f t="shared" si="14"/>
        <v>2.2999005226587158E-2</v>
      </c>
    </row>
    <row r="301" spans="1:6" x14ac:dyDescent="0.2">
      <c r="A301">
        <v>1402.0542780000001</v>
      </c>
      <c r="B301">
        <v>19.991993999999998</v>
      </c>
      <c r="C301">
        <v>8.4168579999999995</v>
      </c>
      <c r="D301">
        <f t="shared" si="15"/>
        <v>1.4964359999999992</v>
      </c>
      <c r="E301">
        <f t="shared" si="16"/>
        <v>48.049187999999958</v>
      </c>
      <c r="F301">
        <f t="shared" si="14"/>
        <v>2.2901455161523757E-2</v>
      </c>
    </row>
    <row r="302" spans="1:6" x14ac:dyDescent="0.2">
      <c r="A302">
        <v>1402.2982930000001</v>
      </c>
      <c r="B302">
        <v>19.964739999999999</v>
      </c>
      <c r="C302">
        <v>8.4218620000000008</v>
      </c>
      <c r="D302">
        <f t="shared" si="15"/>
        <v>1.5014400000000006</v>
      </c>
      <c r="E302">
        <f t="shared" si="16"/>
        <v>48.293202999999949</v>
      </c>
      <c r="F302">
        <f t="shared" si="14"/>
        <v>2.2937053279029684E-2</v>
      </c>
    </row>
    <row r="303" spans="1:6" x14ac:dyDescent="0.2">
      <c r="A303">
        <v>1403.1451930000001</v>
      </c>
      <c r="B303">
        <v>19.94322</v>
      </c>
      <c r="C303">
        <v>8.4268669999999997</v>
      </c>
      <c r="D303">
        <f t="shared" si="15"/>
        <v>1.5064449999999994</v>
      </c>
      <c r="E303">
        <f t="shared" si="16"/>
        <v>49.140102999999954</v>
      </c>
      <c r="F303">
        <f t="shared" si="14"/>
        <v>2.3247709461422766E-2</v>
      </c>
    </row>
    <row r="304" spans="1:6" x14ac:dyDescent="0.2">
      <c r="A304">
        <v>1404.1129450000001</v>
      </c>
      <c r="B304">
        <v>19.938898999999999</v>
      </c>
      <c r="C304">
        <v>8.4318720000000003</v>
      </c>
      <c r="D304">
        <f t="shared" si="15"/>
        <v>1.51145</v>
      </c>
      <c r="E304">
        <f t="shared" si="16"/>
        <v>50.107854999999972</v>
      </c>
      <c r="F304">
        <f t="shared" si="14"/>
        <v>2.3610760930404033E-2</v>
      </c>
    </row>
    <row r="305" spans="1:6" x14ac:dyDescent="0.2">
      <c r="A305">
        <v>1405.2901429999999</v>
      </c>
      <c r="B305">
        <v>19.955325999999999</v>
      </c>
      <c r="C305">
        <v>8.4368770000000008</v>
      </c>
      <c r="D305">
        <f t="shared" si="15"/>
        <v>1.5164550000000006</v>
      </c>
      <c r="E305">
        <f t="shared" si="16"/>
        <v>51.285052999999834</v>
      </c>
      <c r="F305">
        <f t="shared" si="14"/>
        <v>2.4065521720159518E-2</v>
      </c>
    </row>
    <row r="306" spans="1:6" x14ac:dyDescent="0.2">
      <c r="A306">
        <v>1406.2301070000001</v>
      </c>
      <c r="B306">
        <v>19.961534</v>
      </c>
      <c r="C306">
        <v>8.4418819999999997</v>
      </c>
      <c r="D306">
        <f t="shared" si="15"/>
        <v>1.5214599999999994</v>
      </c>
      <c r="E306">
        <f t="shared" si="16"/>
        <v>52.22501699999998</v>
      </c>
      <c r="F306">
        <f t="shared" si="14"/>
        <v>2.440965600819324E-2</v>
      </c>
    </row>
    <row r="307" spans="1:6" x14ac:dyDescent="0.2">
      <c r="A307">
        <v>1406.6919760000001</v>
      </c>
      <c r="B307">
        <v>19.978501999999999</v>
      </c>
      <c r="C307">
        <v>8.4468859999999992</v>
      </c>
      <c r="D307">
        <f t="shared" si="15"/>
        <v>1.5264639999999989</v>
      </c>
      <c r="E307">
        <f t="shared" si="16"/>
        <v>52.686885999999959</v>
      </c>
      <c r="F307">
        <f t="shared" si="14"/>
        <v>2.4536745269625113E-2</v>
      </c>
    </row>
    <row r="308" spans="1:6" x14ac:dyDescent="0.2">
      <c r="A308">
        <v>1406.964487</v>
      </c>
      <c r="B308">
        <v>19.972840999999999</v>
      </c>
      <c r="C308">
        <v>8.4518909999999998</v>
      </c>
      <c r="D308">
        <f t="shared" si="15"/>
        <v>1.5314689999999995</v>
      </c>
      <c r="E308">
        <f t="shared" si="16"/>
        <v>52.959396999999854</v>
      </c>
      <c r="F308">
        <f t="shared" si="14"/>
        <v>2.4578291218360252E-2</v>
      </c>
    </row>
    <row r="309" spans="1:6" x14ac:dyDescent="0.2">
      <c r="A309">
        <v>1406.9600869999999</v>
      </c>
      <c r="B309">
        <v>19.996742000000001</v>
      </c>
      <c r="C309">
        <v>8.4568960000000004</v>
      </c>
      <c r="D309">
        <f t="shared" si="15"/>
        <v>1.5364740000000001</v>
      </c>
      <c r="E309">
        <f t="shared" si="16"/>
        <v>52.954996999999821</v>
      </c>
      <c r="F309">
        <f t="shared" si="14"/>
        <v>2.4496269692077549E-2</v>
      </c>
    </row>
    <row r="310" spans="1:6" x14ac:dyDescent="0.2">
      <c r="A310">
        <v>1407.0498769999999</v>
      </c>
      <c r="B310">
        <v>19.991354999999999</v>
      </c>
      <c r="C310">
        <v>8.4619009999999992</v>
      </c>
      <c r="D310">
        <f t="shared" si="15"/>
        <v>1.5414789999999989</v>
      </c>
      <c r="E310">
        <f t="shared" si="16"/>
        <v>53.044786999999815</v>
      </c>
      <c r="F310">
        <f t="shared" si="14"/>
        <v>2.4456573206752968E-2</v>
      </c>
    </row>
    <row r="311" spans="1:6" x14ac:dyDescent="0.2">
      <c r="A311">
        <v>1406.7853990000001</v>
      </c>
      <c r="B311">
        <v>20.005685</v>
      </c>
      <c r="C311">
        <v>8.4669059999999998</v>
      </c>
      <c r="D311">
        <f t="shared" si="15"/>
        <v>1.5464839999999995</v>
      </c>
      <c r="E311">
        <f t="shared" si="16"/>
        <v>52.780308999999988</v>
      </c>
      <c r="F311">
        <f t="shared" si="14"/>
        <v>2.4260438435428633E-2</v>
      </c>
    </row>
    <row r="312" spans="1:6" x14ac:dyDescent="0.2">
      <c r="A312">
        <v>1407.112854</v>
      </c>
      <c r="B312">
        <v>19.996006000000001</v>
      </c>
      <c r="C312">
        <v>8.4719099999999994</v>
      </c>
      <c r="D312">
        <f t="shared" si="15"/>
        <v>1.5514879999999991</v>
      </c>
      <c r="E312">
        <f t="shared" si="16"/>
        <v>53.107763999999861</v>
      </c>
      <c r="F312">
        <f t="shared" si="14"/>
        <v>2.4326558063227283E-2</v>
      </c>
    </row>
    <row r="313" spans="1:6" x14ac:dyDescent="0.2">
      <c r="A313">
        <v>1407.8341539999999</v>
      </c>
      <c r="B313">
        <v>19.966543999999999</v>
      </c>
      <c r="C313">
        <v>8.476915</v>
      </c>
      <c r="D313">
        <f t="shared" si="15"/>
        <v>1.5564929999999997</v>
      </c>
      <c r="E313">
        <f t="shared" si="16"/>
        <v>53.829063999999789</v>
      </c>
      <c r="F313">
        <f t="shared" si="14"/>
        <v>2.4565078673508878E-2</v>
      </c>
    </row>
    <row r="314" spans="1:6" x14ac:dyDescent="0.2">
      <c r="A314">
        <v>1407.7710689999999</v>
      </c>
      <c r="B314">
        <v>19.993931</v>
      </c>
      <c r="C314">
        <v>8.4819200000000006</v>
      </c>
      <c r="D314">
        <f t="shared" si="15"/>
        <v>1.5614980000000003</v>
      </c>
      <c r="E314">
        <f t="shared" si="16"/>
        <v>53.765978999999788</v>
      </c>
      <c r="F314">
        <f t="shared" si="14"/>
        <v>2.4458740535483782E-2</v>
      </c>
    </row>
    <row r="315" spans="1:6" x14ac:dyDescent="0.2">
      <c r="A315">
        <v>1407.900834</v>
      </c>
      <c r="B315">
        <v>19.986511</v>
      </c>
      <c r="C315">
        <v>8.4869249999999994</v>
      </c>
      <c r="D315">
        <f t="shared" si="15"/>
        <v>1.5665029999999991</v>
      </c>
      <c r="E315">
        <f t="shared" si="16"/>
        <v>53.895743999999922</v>
      </c>
      <c r="F315">
        <f t="shared" si="14"/>
        <v>2.4437184871901687E-2</v>
      </c>
    </row>
    <row r="316" spans="1:6" x14ac:dyDescent="0.2">
      <c r="A316">
        <v>1408.343854</v>
      </c>
      <c r="B316">
        <v>19.982578</v>
      </c>
      <c r="C316">
        <v>8.49193</v>
      </c>
      <c r="D316">
        <f t="shared" si="15"/>
        <v>1.5715079999999997</v>
      </c>
      <c r="E316">
        <f t="shared" si="16"/>
        <v>54.338763999999856</v>
      </c>
      <c r="F316">
        <f t="shared" si="14"/>
        <v>2.4551863255991093E-2</v>
      </c>
    </row>
    <row r="317" spans="1:6" x14ac:dyDescent="0.2">
      <c r="A317">
        <v>1408.9456170000001</v>
      </c>
      <c r="B317">
        <v>19.961183999999999</v>
      </c>
      <c r="C317">
        <v>8.4969339999999995</v>
      </c>
      <c r="D317">
        <f t="shared" si="15"/>
        <v>1.5765119999999992</v>
      </c>
      <c r="E317">
        <f t="shared" si="16"/>
        <v>54.940526999999975</v>
      </c>
      <c r="F317">
        <f t="shared" si="14"/>
        <v>2.4734396007297706E-2</v>
      </c>
    </row>
    <row r="318" spans="1:6" x14ac:dyDescent="0.2">
      <c r="A318">
        <v>1409.691636</v>
      </c>
      <c r="B318">
        <v>19.967369999999999</v>
      </c>
      <c r="C318">
        <v>8.5019390000000001</v>
      </c>
      <c r="D318">
        <f t="shared" si="15"/>
        <v>1.5815169999999998</v>
      </c>
      <c r="E318">
        <f t="shared" si="16"/>
        <v>55.686545999999908</v>
      </c>
      <c r="F318">
        <f t="shared" si="14"/>
        <v>2.4977691292210173E-2</v>
      </c>
    </row>
    <row r="319" spans="1:6" x14ac:dyDescent="0.2">
      <c r="A319">
        <v>1409.4122600000001</v>
      </c>
      <c r="B319">
        <v>20.033994</v>
      </c>
      <c r="C319">
        <v>8.5069440000000007</v>
      </c>
      <c r="D319">
        <f t="shared" si="15"/>
        <v>1.5865220000000004</v>
      </c>
      <c r="E319">
        <f t="shared" si="16"/>
        <v>55.407169999999951</v>
      </c>
      <c r="F319">
        <f t="shared" si="14"/>
        <v>2.4778888691548356E-2</v>
      </c>
    </row>
    <row r="320" spans="1:6" x14ac:dyDescent="0.2">
      <c r="A320">
        <v>1409.1112479999999</v>
      </c>
      <c r="B320">
        <v>20.013133</v>
      </c>
      <c r="C320">
        <v>8.5119489999999995</v>
      </c>
      <c r="D320">
        <f t="shared" si="15"/>
        <v>1.5915269999999992</v>
      </c>
      <c r="E320">
        <f t="shared" si="16"/>
        <v>55.106157999999823</v>
      </c>
      <c r="F320">
        <f t="shared" si="14"/>
        <v>2.4572018901711255E-2</v>
      </c>
    </row>
    <row r="321" spans="1:6" x14ac:dyDescent="0.2">
      <c r="A321">
        <v>1408.7816519999999</v>
      </c>
      <c r="B321">
        <v>20.005474</v>
      </c>
      <c r="C321">
        <v>8.5169540000000001</v>
      </c>
      <c r="D321">
        <f t="shared" si="15"/>
        <v>1.5965319999999998</v>
      </c>
      <c r="E321">
        <f t="shared" si="16"/>
        <v>54.776561999999785</v>
      </c>
      <c r="F321">
        <f t="shared" si="14"/>
        <v>2.4354176897540457E-2</v>
      </c>
    </row>
    <row r="322" spans="1:6" x14ac:dyDescent="0.2">
      <c r="A322">
        <v>1408.499084</v>
      </c>
      <c r="B322">
        <v>20.010195</v>
      </c>
      <c r="C322">
        <v>8.5219579999999997</v>
      </c>
      <c r="D322">
        <f t="shared" si="15"/>
        <v>1.6015359999999994</v>
      </c>
      <c r="E322">
        <f t="shared" si="16"/>
        <v>54.49399399999993</v>
      </c>
      <c r="F322">
        <f t="shared" si="14"/>
        <v>2.4157687852664884E-2</v>
      </c>
    </row>
    <row r="323" spans="1:6" x14ac:dyDescent="0.2">
      <c r="A323">
        <v>1408.287607</v>
      </c>
      <c r="B323">
        <v>20.010259999999999</v>
      </c>
      <c r="C323">
        <v>8.5269630000000003</v>
      </c>
      <c r="D323">
        <f t="shared" si="15"/>
        <v>1.606541</v>
      </c>
      <c r="E323">
        <f t="shared" si="16"/>
        <v>54.282516999999871</v>
      </c>
      <c r="F323">
        <f t="shared" ref="F323:F386" si="17">(1/A323)*(E323/D323)</f>
        <v>2.399257196017085E-2</v>
      </c>
    </row>
    <row r="324" spans="1:6" x14ac:dyDescent="0.2">
      <c r="A324">
        <v>1407.48416</v>
      </c>
      <c r="B324">
        <v>20.049202999999999</v>
      </c>
      <c r="C324">
        <v>8.5319680000000009</v>
      </c>
      <c r="D324">
        <f t="shared" si="15"/>
        <v>1.6115460000000006</v>
      </c>
      <c r="E324">
        <f t="shared" si="16"/>
        <v>53.479069999999865</v>
      </c>
      <c r="F324">
        <f t="shared" si="17"/>
        <v>2.3577492957315767E-2</v>
      </c>
    </row>
    <row r="325" spans="1:6" x14ac:dyDescent="0.2">
      <c r="A325">
        <v>1406.5836300000001</v>
      </c>
      <c r="B325">
        <v>20.014265000000002</v>
      </c>
      <c r="C325">
        <v>8.5369729999999997</v>
      </c>
      <c r="D325">
        <f t="shared" si="15"/>
        <v>1.6165509999999994</v>
      </c>
      <c r="E325">
        <f t="shared" si="16"/>
        <v>52.578539999999975</v>
      </c>
      <c r="F325">
        <f t="shared" si="17"/>
        <v>2.3123499100792821E-2</v>
      </c>
    </row>
    <row r="326" spans="1:6" x14ac:dyDescent="0.2">
      <c r="A326">
        <v>1405.9162590000001</v>
      </c>
      <c r="B326">
        <v>20.045121999999999</v>
      </c>
      <c r="C326">
        <v>8.5419780000000003</v>
      </c>
      <c r="D326">
        <f t="shared" si="15"/>
        <v>1.621556</v>
      </c>
      <c r="E326">
        <f t="shared" si="16"/>
        <v>51.911168999999973</v>
      </c>
      <c r="F326">
        <f t="shared" si="17"/>
        <v>2.2770334158861205E-2</v>
      </c>
    </row>
    <row r="327" spans="1:6" x14ac:dyDescent="0.2">
      <c r="A327">
        <v>1405.684577</v>
      </c>
      <c r="B327">
        <v>20.015180999999998</v>
      </c>
      <c r="C327">
        <v>8.5469819999999999</v>
      </c>
      <c r="D327">
        <f t="shared" ref="D327:D390" si="18">C327-$C$2</f>
        <v>1.6265599999999996</v>
      </c>
      <c r="E327">
        <f t="shared" ref="E327:E390" si="19">A327-$A$2</f>
        <v>51.679486999999881</v>
      </c>
      <c r="F327">
        <f t="shared" si="17"/>
        <v>2.2602695071970127E-2</v>
      </c>
    </row>
    <row r="328" spans="1:6" x14ac:dyDescent="0.2">
      <c r="A328">
        <v>1405.624564</v>
      </c>
      <c r="B328">
        <v>19.995597</v>
      </c>
      <c r="C328">
        <v>8.5519870000000004</v>
      </c>
      <c r="D328">
        <f t="shared" si="18"/>
        <v>1.6315650000000002</v>
      </c>
      <c r="E328">
        <f t="shared" si="19"/>
        <v>51.619473999999855</v>
      </c>
      <c r="F328">
        <f t="shared" si="17"/>
        <v>2.2508152883283492E-2</v>
      </c>
    </row>
    <row r="329" spans="1:6" x14ac:dyDescent="0.2">
      <c r="A329">
        <v>1405.6931300000001</v>
      </c>
      <c r="B329">
        <v>19.973693000000001</v>
      </c>
      <c r="C329">
        <v>8.5569919999999993</v>
      </c>
      <c r="D329">
        <f t="shared" si="18"/>
        <v>1.636569999999999</v>
      </c>
      <c r="E329">
        <f t="shared" si="19"/>
        <v>51.688040000000001</v>
      </c>
      <c r="F329">
        <f t="shared" si="17"/>
        <v>2.2468027974991023E-2</v>
      </c>
    </row>
    <row r="330" spans="1:6" x14ac:dyDescent="0.2">
      <c r="A330">
        <v>1405.6268560000001</v>
      </c>
      <c r="B330">
        <v>20.016832000000001</v>
      </c>
      <c r="C330">
        <v>8.5619969999999999</v>
      </c>
      <c r="D330">
        <f t="shared" si="18"/>
        <v>1.6415749999999996</v>
      </c>
      <c r="E330">
        <f t="shared" si="19"/>
        <v>51.62176599999998</v>
      </c>
      <c r="F330">
        <f t="shared" si="17"/>
        <v>2.2371859444295018E-2</v>
      </c>
    </row>
    <row r="331" spans="1:6" x14ac:dyDescent="0.2">
      <c r="A331">
        <v>1405.4173619999999</v>
      </c>
      <c r="B331">
        <v>20.011196000000002</v>
      </c>
      <c r="C331">
        <v>8.5670020000000005</v>
      </c>
      <c r="D331">
        <f t="shared" si="18"/>
        <v>1.6465800000000002</v>
      </c>
      <c r="E331">
        <f t="shared" si="19"/>
        <v>51.412271999999803</v>
      </c>
      <c r="F331">
        <f t="shared" si="17"/>
        <v>2.2216653732689037E-2</v>
      </c>
    </row>
    <row r="332" spans="1:6" x14ac:dyDescent="0.2">
      <c r="A332">
        <v>1405.443953</v>
      </c>
      <c r="B332">
        <v>20.003658000000001</v>
      </c>
      <c r="C332">
        <v>8.572006</v>
      </c>
      <c r="D332">
        <f t="shared" si="18"/>
        <v>1.6515839999999997</v>
      </c>
      <c r="E332">
        <f t="shared" si="19"/>
        <v>51.438862999999856</v>
      </c>
      <c r="F332">
        <f t="shared" si="17"/>
        <v>2.216037790479633E-2</v>
      </c>
    </row>
    <row r="333" spans="1:6" x14ac:dyDescent="0.2">
      <c r="A333">
        <v>1405.5197760000001</v>
      </c>
      <c r="B333">
        <v>19.993293000000001</v>
      </c>
      <c r="C333">
        <v>8.5770110000000006</v>
      </c>
      <c r="D333">
        <f t="shared" si="18"/>
        <v>1.6565890000000003</v>
      </c>
      <c r="E333">
        <f t="shared" si="19"/>
        <v>51.514685999999983</v>
      </c>
      <c r="F333">
        <f t="shared" si="17"/>
        <v>2.2124798451364228E-2</v>
      </c>
    </row>
    <row r="334" spans="1:6" x14ac:dyDescent="0.2">
      <c r="A334">
        <v>1405.276981</v>
      </c>
      <c r="B334">
        <v>19.997888</v>
      </c>
      <c r="C334">
        <v>8.5820159999999994</v>
      </c>
      <c r="D334">
        <f t="shared" si="18"/>
        <v>1.6615939999999991</v>
      </c>
      <c r="E334">
        <f t="shared" si="19"/>
        <v>51.271890999999869</v>
      </c>
      <c r="F334">
        <f t="shared" si="17"/>
        <v>2.1957985178717717E-2</v>
      </c>
    </row>
    <row r="335" spans="1:6" x14ac:dyDescent="0.2">
      <c r="A335">
        <v>1405.314764</v>
      </c>
      <c r="B335">
        <v>20.002762000000001</v>
      </c>
      <c r="C335">
        <v>8.587021</v>
      </c>
      <c r="D335">
        <f t="shared" si="18"/>
        <v>1.6665989999999997</v>
      </c>
      <c r="E335">
        <f t="shared" si="19"/>
        <v>51.309673999999859</v>
      </c>
      <c r="F335">
        <f t="shared" si="17"/>
        <v>2.1907586217038214E-2</v>
      </c>
    </row>
    <row r="336" spans="1:6" x14ac:dyDescent="0.2">
      <c r="A336">
        <v>1405.0091649999999</v>
      </c>
      <c r="B336">
        <v>20.005061999999999</v>
      </c>
      <c r="C336">
        <v>8.5920260000000006</v>
      </c>
      <c r="D336">
        <f t="shared" si="18"/>
        <v>1.6716040000000003</v>
      </c>
      <c r="E336">
        <f t="shared" si="19"/>
        <v>51.00407499999983</v>
      </c>
      <c r="F336">
        <f t="shared" si="17"/>
        <v>2.1716624236435875E-2</v>
      </c>
    </row>
    <row r="337" spans="1:6" x14ac:dyDescent="0.2">
      <c r="A337">
        <v>1404.585417</v>
      </c>
      <c r="B337">
        <v>20.011651000000001</v>
      </c>
      <c r="C337">
        <v>8.5970300000000002</v>
      </c>
      <c r="D337">
        <f t="shared" si="18"/>
        <v>1.6766079999999999</v>
      </c>
      <c r="E337">
        <f t="shared" si="19"/>
        <v>50.580326999999897</v>
      </c>
      <c r="F337">
        <f t="shared" si="17"/>
        <v>2.1478400861517935E-2</v>
      </c>
    </row>
    <row r="338" spans="1:6" x14ac:dyDescent="0.2">
      <c r="A338">
        <v>1404.4178870000001</v>
      </c>
      <c r="B338">
        <v>19.996241000000001</v>
      </c>
      <c r="C338">
        <v>8.6020350000000008</v>
      </c>
      <c r="D338">
        <f t="shared" si="18"/>
        <v>1.6816130000000005</v>
      </c>
      <c r="E338">
        <f t="shared" si="19"/>
        <v>50.412796999999955</v>
      </c>
      <c r="F338">
        <f t="shared" si="17"/>
        <v>2.1346092420100361E-2</v>
      </c>
    </row>
    <row r="339" spans="1:6" x14ac:dyDescent="0.2">
      <c r="A339">
        <v>1404.4619990000001</v>
      </c>
      <c r="B339">
        <v>19.989716000000001</v>
      </c>
      <c r="C339">
        <v>8.6070399999999996</v>
      </c>
      <c r="D339">
        <f t="shared" si="18"/>
        <v>1.6866179999999993</v>
      </c>
      <c r="E339">
        <f t="shared" si="19"/>
        <v>50.456908999999996</v>
      </c>
      <c r="F339">
        <f t="shared" si="17"/>
        <v>2.13007020836E-2</v>
      </c>
    </row>
    <row r="340" spans="1:6" x14ac:dyDescent="0.2">
      <c r="A340">
        <v>1404.8172059999999</v>
      </c>
      <c r="B340">
        <v>19.984449000000001</v>
      </c>
      <c r="C340">
        <v>8.6120450000000002</v>
      </c>
      <c r="D340">
        <f t="shared" si="18"/>
        <v>1.6916229999999999</v>
      </c>
      <c r="E340">
        <f t="shared" si="19"/>
        <v>50.812115999999833</v>
      </c>
      <c r="F340">
        <f t="shared" si="17"/>
        <v>2.1381781232112949E-2</v>
      </c>
    </row>
    <row r="341" spans="1:6" x14ac:dyDescent="0.2">
      <c r="A341">
        <v>1405.6552690000001</v>
      </c>
      <c r="B341">
        <v>19.953579999999999</v>
      </c>
      <c r="C341">
        <v>8.6170500000000008</v>
      </c>
      <c r="D341">
        <f t="shared" si="18"/>
        <v>1.6966280000000005</v>
      </c>
      <c r="E341">
        <f t="shared" si="19"/>
        <v>51.65017899999998</v>
      </c>
      <c r="F341">
        <f t="shared" si="17"/>
        <v>2.1657402906791932E-2</v>
      </c>
    </row>
    <row r="342" spans="1:6" x14ac:dyDescent="0.2">
      <c r="A342">
        <v>1406.6892029999999</v>
      </c>
      <c r="B342">
        <v>19.939575000000001</v>
      </c>
      <c r="C342">
        <v>8.6220540000000003</v>
      </c>
      <c r="D342">
        <f t="shared" si="18"/>
        <v>1.701632</v>
      </c>
      <c r="E342">
        <f t="shared" si="19"/>
        <v>52.684112999999797</v>
      </c>
      <c r="F342">
        <f t="shared" si="17"/>
        <v>2.2009788761391178E-2</v>
      </c>
    </row>
    <row r="343" spans="1:6" x14ac:dyDescent="0.2">
      <c r="A343">
        <v>1407.680372</v>
      </c>
      <c r="B343">
        <v>19.940747000000002</v>
      </c>
      <c r="C343">
        <v>8.6270589999999991</v>
      </c>
      <c r="D343">
        <f t="shared" si="18"/>
        <v>1.7066369999999988</v>
      </c>
      <c r="E343">
        <f t="shared" si="19"/>
        <v>53.675281999999925</v>
      </c>
      <c r="F343">
        <f t="shared" si="17"/>
        <v>2.2342363989499948E-2</v>
      </c>
    </row>
    <row r="344" spans="1:6" x14ac:dyDescent="0.2">
      <c r="A344">
        <v>1408.637624</v>
      </c>
      <c r="B344">
        <v>19.962254999999999</v>
      </c>
      <c r="C344">
        <v>8.6320639999999997</v>
      </c>
      <c r="D344">
        <f t="shared" si="18"/>
        <v>1.7116419999999994</v>
      </c>
      <c r="E344">
        <f t="shared" si="19"/>
        <v>54.63253399999985</v>
      </c>
      <c r="F344">
        <f t="shared" si="17"/>
        <v>2.2658915826923073E-2</v>
      </c>
    </row>
    <row r="345" spans="1:6" x14ac:dyDescent="0.2">
      <c r="A345">
        <v>1410.036693</v>
      </c>
      <c r="B345">
        <v>19.913066000000001</v>
      </c>
      <c r="C345">
        <v>8.6370690000000003</v>
      </c>
      <c r="D345">
        <f t="shared" si="18"/>
        <v>1.716647</v>
      </c>
      <c r="E345">
        <f t="shared" si="19"/>
        <v>56.031602999999905</v>
      </c>
      <c r="F345">
        <f t="shared" si="17"/>
        <v>2.3148434955996652E-2</v>
      </c>
    </row>
    <row r="346" spans="1:6" x14ac:dyDescent="0.2">
      <c r="A346">
        <v>1410.4747540000001</v>
      </c>
      <c r="B346">
        <v>20.002098</v>
      </c>
      <c r="C346">
        <v>8.6420739999999991</v>
      </c>
      <c r="D346">
        <f t="shared" si="18"/>
        <v>1.7216519999999988</v>
      </c>
      <c r="E346">
        <f t="shared" si="19"/>
        <v>56.469663999999966</v>
      </c>
      <c r="F346">
        <f t="shared" si="17"/>
        <v>2.3254366618158693E-2</v>
      </c>
    </row>
    <row r="347" spans="1:6" x14ac:dyDescent="0.2">
      <c r="A347">
        <v>1410.7766059999999</v>
      </c>
      <c r="B347">
        <v>19.995493</v>
      </c>
      <c r="C347">
        <v>8.6470780000000005</v>
      </c>
      <c r="D347">
        <f t="shared" si="18"/>
        <v>1.7266560000000002</v>
      </c>
      <c r="E347">
        <f t="shared" si="19"/>
        <v>56.771515999999792</v>
      </c>
      <c r="F347">
        <f t="shared" si="17"/>
        <v>2.3305929051539925E-2</v>
      </c>
    </row>
    <row r="348" spans="1:6" x14ac:dyDescent="0.2">
      <c r="A348">
        <v>1410.6673479999999</v>
      </c>
      <c r="B348">
        <v>19.983868000000001</v>
      </c>
      <c r="C348">
        <v>8.6520829999999993</v>
      </c>
      <c r="D348">
        <f t="shared" si="18"/>
        <v>1.731660999999999</v>
      </c>
      <c r="E348">
        <f t="shared" si="19"/>
        <v>56.662257999999838</v>
      </c>
      <c r="F348">
        <f t="shared" si="17"/>
        <v>2.3195641461419555E-2</v>
      </c>
    </row>
    <row r="349" spans="1:6" x14ac:dyDescent="0.2">
      <c r="A349">
        <v>1410.3492450000001</v>
      </c>
      <c r="B349">
        <v>20.025912000000002</v>
      </c>
      <c r="C349">
        <v>8.6570879999999999</v>
      </c>
      <c r="D349">
        <f t="shared" si="18"/>
        <v>1.7366659999999996</v>
      </c>
      <c r="E349">
        <f t="shared" si="19"/>
        <v>56.344155000000001</v>
      </c>
      <c r="F349">
        <f t="shared" si="17"/>
        <v>2.3004134484475872E-2</v>
      </c>
    </row>
    <row r="350" spans="1:6" x14ac:dyDescent="0.2">
      <c r="A350">
        <v>1409.59979</v>
      </c>
      <c r="B350">
        <v>20.048030000000001</v>
      </c>
      <c r="C350">
        <v>8.6620930000000005</v>
      </c>
      <c r="D350">
        <f t="shared" si="18"/>
        <v>1.7416710000000002</v>
      </c>
      <c r="E350">
        <f t="shared" si="19"/>
        <v>55.594699999999875</v>
      </c>
      <c r="F350">
        <f t="shared" si="17"/>
        <v>2.2644954065218277E-2</v>
      </c>
    </row>
    <row r="351" spans="1:6" x14ac:dyDescent="0.2">
      <c r="A351">
        <v>1408.350015</v>
      </c>
      <c r="B351">
        <v>20.071679</v>
      </c>
      <c r="C351">
        <v>8.6670979999999993</v>
      </c>
      <c r="D351">
        <f t="shared" si="18"/>
        <v>1.746675999999999</v>
      </c>
      <c r="E351">
        <f t="shared" si="19"/>
        <v>54.344924999999876</v>
      </c>
      <c r="F351">
        <f t="shared" si="17"/>
        <v>2.2092051048047484E-2</v>
      </c>
    </row>
    <row r="352" spans="1:6" x14ac:dyDescent="0.2">
      <c r="A352">
        <v>1407.3153930000001</v>
      </c>
      <c r="B352">
        <v>20.038737999999999</v>
      </c>
      <c r="C352">
        <v>8.6721020000000006</v>
      </c>
      <c r="D352">
        <f t="shared" si="18"/>
        <v>1.7516800000000003</v>
      </c>
      <c r="E352">
        <f t="shared" si="19"/>
        <v>53.310302999999976</v>
      </c>
      <c r="F352">
        <f t="shared" si="17"/>
        <v>2.1625439454312001E-2</v>
      </c>
    </row>
    <row r="353" spans="1:6" x14ac:dyDescent="0.2">
      <c r="A353">
        <v>1406.4507659999999</v>
      </c>
      <c r="B353">
        <v>20.055582000000001</v>
      </c>
      <c r="C353">
        <v>8.6771069999999995</v>
      </c>
      <c r="D353">
        <f t="shared" si="18"/>
        <v>1.7566849999999992</v>
      </c>
      <c r="E353">
        <f t="shared" si="19"/>
        <v>52.445675999999821</v>
      </c>
      <c r="F353">
        <f t="shared" si="17"/>
        <v>2.1227129077218052E-2</v>
      </c>
    </row>
    <row r="354" spans="1:6" x14ac:dyDescent="0.2">
      <c r="A354">
        <v>1405.3794740000001</v>
      </c>
      <c r="B354">
        <v>20.041727000000002</v>
      </c>
      <c r="C354">
        <v>8.6821120000000001</v>
      </c>
      <c r="D354">
        <f t="shared" si="18"/>
        <v>1.7616899999999998</v>
      </c>
      <c r="E354">
        <f t="shared" si="19"/>
        <v>51.374383999999964</v>
      </c>
      <c r="F354">
        <f t="shared" si="17"/>
        <v>2.0750259493362226E-2</v>
      </c>
    </row>
    <row r="355" spans="1:6" x14ac:dyDescent="0.2">
      <c r="A355">
        <v>1403.9526940000001</v>
      </c>
      <c r="B355">
        <v>20.063306999999998</v>
      </c>
      <c r="C355">
        <v>8.6871170000000006</v>
      </c>
      <c r="D355">
        <f t="shared" si="18"/>
        <v>1.7666950000000003</v>
      </c>
      <c r="E355">
        <f t="shared" si="19"/>
        <v>49.947603999999956</v>
      </c>
      <c r="F355">
        <f t="shared" si="17"/>
        <v>2.0137270568164587E-2</v>
      </c>
    </row>
    <row r="356" spans="1:6" x14ac:dyDescent="0.2">
      <c r="A356">
        <v>1402.8512989999999</v>
      </c>
      <c r="B356">
        <v>20.040393999999999</v>
      </c>
      <c r="C356">
        <v>8.6921219999999995</v>
      </c>
      <c r="D356">
        <f t="shared" si="18"/>
        <v>1.7716999999999992</v>
      </c>
      <c r="E356">
        <f t="shared" si="19"/>
        <v>48.846208999999817</v>
      </c>
      <c r="F356">
        <f t="shared" si="17"/>
        <v>1.9653008389910045E-2</v>
      </c>
    </row>
    <row r="357" spans="1:6" x14ac:dyDescent="0.2">
      <c r="A357">
        <v>1402.531643</v>
      </c>
      <c r="B357">
        <v>19.994610000000002</v>
      </c>
      <c r="C357">
        <v>8.6971260000000008</v>
      </c>
      <c r="D357">
        <f t="shared" si="18"/>
        <v>1.7767040000000005</v>
      </c>
      <c r="E357">
        <f t="shared" si="19"/>
        <v>48.526552999999922</v>
      </c>
      <c r="F357">
        <f t="shared" si="17"/>
        <v>1.9473844358023823E-2</v>
      </c>
    </row>
    <row r="358" spans="1:6" x14ac:dyDescent="0.2">
      <c r="A358">
        <v>1402.6554940000001</v>
      </c>
      <c r="B358">
        <v>19.990015</v>
      </c>
      <c r="C358">
        <v>8.7021309999999996</v>
      </c>
      <c r="D358">
        <f t="shared" si="18"/>
        <v>1.7817089999999993</v>
      </c>
      <c r="E358">
        <f t="shared" si="19"/>
        <v>48.65040399999998</v>
      </c>
      <c r="F358">
        <f t="shared" si="17"/>
        <v>1.9466983472958041E-2</v>
      </c>
    </row>
    <row r="359" spans="1:6" x14ac:dyDescent="0.2">
      <c r="A359">
        <v>1403.4957159999999</v>
      </c>
      <c r="B359">
        <v>19.962197</v>
      </c>
      <c r="C359">
        <v>8.7071360000000002</v>
      </c>
      <c r="D359">
        <f t="shared" si="18"/>
        <v>1.7867139999999999</v>
      </c>
      <c r="E359">
        <f t="shared" si="19"/>
        <v>49.490625999999793</v>
      </c>
      <c r="F359">
        <f t="shared" si="17"/>
        <v>1.9735894523789283E-2</v>
      </c>
    </row>
    <row r="360" spans="1:6" x14ac:dyDescent="0.2">
      <c r="A360">
        <v>1404.3158390000001</v>
      </c>
      <c r="B360">
        <v>19.939995</v>
      </c>
      <c r="C360">
        <v>8.7121410000000008</v>
      </c>
      <c r="D360">
        <f t="shared" si="18"/>
        <v>1.7917190000000005</v>
      </c>
      <c r="E360">
        <f t="shared" si="19"/>
        <v>50.310748999999987</v>
      </c>
      <c r="F360">
        <f t="shared" si="17"/>
        <v>1.9995215521491035E-2</v>
      </c>
    </row>
    <row r="361" spans="1:6" x14ac:dyDescent="0.2">
      <c r="A361">
        <v>1405.5076220000001</v>
      </c>
      <c r="B361">
        <v>19.95101</v>
      </c>
      <c r="C361">
        <v>8.7171459999999996</v>
      </c>
      <c r="D361">
        <f t="shared" si="18"/>
        <v>1.7967239999999993</v>
      </c>
      <c r="E361">
        <f t="shared" si="19"/>
        <v>51.502531999999974</v>
      </c>
      <c r="F361">
        <f t="shared" si="17"/>
        <v>2.0394544334277707E-2</v>
      </c>
    </row>
    <row r="362" spans="1:6" x14ac:dyDescent="0.2">
      <c r="A362">
        <v>1406.5480419999999</v>
      </c>
      <c r="B362">
        <v>19.941375000000001</v>
      </c>
      <c r="C362">
        <v>8.7221499999999992</v>
      </c>
      <c r="D362">
        <f t="shared" si="18"/>
        <v>1.8017279999999989</v>
      </c>
      <c r="E362">
        <f t="shared" si="19"/>
        <v>52.542951999999786</v>
      </c>
      <c r="F362">
        <f t="shared" si="17"/>
        <v>2.0733406884473653E-2</v>
      </c>
    </row>
    <row r="363" spans="1:6" x14ac:dyDescent="0.2">
      <c r="A363">
        <v>1407.8153170000001</v>
      </c>
      <c r="B363">
        <v>19.920044000000001</v>
      </c>
      <c r="C363">
        <v>8.7271549999999998</v>
      </c>
      <c r="D363">
        <f t="shared" si="18"/>
        <v>1.8067329999999995</v>
      </c>
      <c r="E363">
        <f t="shared" si="19"/>
        <v>53.810226999999941</v>
      </c>
      <c r="F363">
        <f t="shared" si="17"/>
        <v>2.1155590944856979E-2</v>
      </c>
    </row>
    <row r="364" spans="1:6" x14ac:dyDescent="0.2">
      <c r="A364">
        <v>1408.989163</v>
      </c>
      <c r="B364">
        <v>19.938618000000002</v>
      </c>
      <c r="C364">
        <v>8.7321600000000004</v>
      </c>
      <c r="D364">
        <f t="shared" si="18"/>
        <v>1.8117380000000001</v>
      </c>
      <c r="E364">
        <f t="shared" si="19"/>
        <v>54.984072999999853</v>
      </c>
      <c r="F364">
        <f t="shared" si="17"/>
        <v>2.1539412883124019E-2</v>
      </c>
    </row>
    <row r="365" spans="1:6" x14ac:dyDescent="0.2">
      <c r="A365">
        <v>1409.6395809999999</v>
      </c>
      <c r="B365">
        <v>19.987579</v>
      </c>
      <c r="C365">
        <v>8.7371649999999992</v>
      </c>
      <c r="D365">
        <f t="shared" si="18"/>
        <v>1.8167429999999989</v>
      </c>
      <c r="E365">
        <f t="shared" si="19"/>
        <v>55.634490999999798</v>
      </c>
      <c r="F365">
        <f t="shared" si="17"/>
        <v>2.1724137244033249E-2</v>
      </c>
    </row>
    <row r="366" spans="1:6" x14ac:dyDescent="0.2">
      <c r="A366">
        <v>1410.221278</v>
      </c>
      <c r="B366">
        <v>19.958793</v>
      </c>
      <c r="C366">
        <v>8.7421699999999998</v>
      </c>
      <c r="D366">
        <f t="shared" si="18"/>
        <v>1.8217479999999995</v>
      </c>
      <c r="E366">
        <f t="shared" si="19"/>
        <v>56.216187999999875</v>
      </c>
      <c r="F366">
        <f t="shared" si="17"/>
        <v>2.1881940273650098E-2</v>
      </c>
    </row>
    <row r="367" spans="1:6" x14ac:dyDescent="0.2">
      <c r="A367">
        <v>1410.6313070000001</v>
      </c>
      <c r="B367">
        <v>19.998698999999998</v>
      </c>
      <c r="C367">
        <v>8.7471739999999993</v>
      </c>
      <c r="D367">
        <f t="shared" si="18"/>
        <v>1.826751999999999</v>
      </c>
      <c r="E367">
        <f t="shared" si="19"/>
        <v>56.626216999999997</v>
      </c>
      <c r="F367">
        <f t="shared" si="17"/>
        <v>2.1974775111156961E-2</v>
      </c>
    </row>
    <row r="368" spans="1:6" x14ac:dyDescent="0.2">
      <c r="A368">
        <v>1410.9448640000001</v>
      </c>
      <c r="B368">
        <v>19.956329</v>
      </c>
      <c r="C368">
        <v>8.7521789999999999</v>
      </c>
      <c r="D368">
        <f t="shared" si="18"/>
        <v>1.8317569999999996</v>
      </c>
      <c r="E368">
        <f t="shared" si="19"/>
        <v>56.939773999999943</v>
      </c>
      <c r="F368">
        <f t="shared" si="17"/>
        <v>2.2031183926880523E-2</v>
      </c>
    </row>
    <row r="369" spans="1:6" x14ac:dyDescent="0.2">
      <c r="A369">
        <v>1411.1099589999999</v>
      </c>
      <c r="B369">
        <v>19.993434000000001</v>
      </c>
      <c r="C369">
        <v>8.7571840000000005</v>
      </c>
      <c r="D369">
        <f t="shared" si="18"/>
        <v>1.8367620000000002</v>
      </c>
      <c r="E369">
        <f t="shared" si="19"/>
        <v>57.10486899999978</v>
      </c>
      <c r="F369">
        <f t="shared" si="17"/>
        <v>2.2032277694108041E-2</v>
      </c>
    </row>
    <row r="370" spans="1:6" x14ac:dyDescent="0.2">
      <c r="A370">
        <v>1411.2973850000001</v>
      </c>
      <c r="B370">
        <v>19.998225000000001</v>
      </c>
      <c r="C370">
        <v>8.7621889999999993</v>
      </c>
      <c r="D370">
        <f t="shared" si="18"/>
        <v>1.841766999999999</v>
      </c>
      <c r="E370">
        <f t="shared" si="19"/>
        <v>57.292294999999967</v>
      </c>
      <c r="F370">
        <f t="shared" si="17"/>
        <v>2.2041593841796488E-2</v>
      </c>
    </row>
    <row r="371" spans="1:6" x14ac:dyDescent="0.2">
      <c r="A371">
        <v>1411.778863</v>
      </c>
      <c r="B371">
        <v>19.968630000000001</v>
      </c>
      <c r="C371">
        <v>8.7671939999999999</v>
      </c>
      <c r="D371">
        <f t="shared" si="18"/>
        <v>1.8467719999999996</v>
      </c>
      <c r="E371">
        <f t="shared" si="19"/>
        <v>57.773772999999892</v>
      </c>
      <c r="F371">
        <f t="shared" si="17"/>
        <v>2.2159031454567754E-2</v>
      </c>
    </row>
    <row r="372" spans="1:6" x14ac:dyDescent="0.2">
      <c r="A372">
        <v>1411.6398819999999</v>
      </c>
      <c r="B372">
        <v>20.032640000000001</v>
      </c>
      <c r="C372">
        <v>8.7721979999999995</v>
      </c>
      <c r="D372">
        <f t="shared" si="18"/>
        <v>1.8517759999999992</v>
      </c>
      <c r="E372">
        <f t="shared" si="19"/>
        <v>57.634791999999834</v>
      </c>
      <c r="F372">
        <f t="shared" si="17"/>
        <v>2.2048160383159824E-2</v>
      </c>
    </row>
    <row r="373" spans="1:6" x14ac:dyDescent="0.2">
      <c r="A373">
        <v>1411.2685859999999</v>
      </c>
      <c r="B373">
        <v>20.008368999999998</v>
      </c>
      <c r="C373">
        <v>8.7772030000000001</v>
      </c>
      <c r="D373">
        <f t="shared" si="18"/>
        <v>1.8567809999999998</v>
      </c>
      <c r="E373">
        <f t="shared" si="19"/>
        <v>57.263495999999805</v>
      </c>
      <c r="F373">
        <f t="shared" si="17"/>
        <v>2.1852820614015556E-2</v>
      </c>
    </row>
    <row r="374" spans="1:6" x14ac:dyDescent="0.2">
      <c r="A374">
        <v>1410.4921429999999</v>
      </c>
      <c r="B374">
        <v>20.035352</v>
      </c>
      <c r="C374">
        <v>8.7822080000000007</v>
      </c>
      <c r="D374">
        <f t="shared" si="18"/>
        <v>1.8617860000000004</v>
      </c>
      <c r="E374">
        <f t="shared" si="19"/>
        <v>56.487052999999833</v>
      </c>
      <c r="F374">
        <f t="shared" si="17"/>
        <v>2.1510399982700653E-2</v>
      </c>
    </row>
    <row r="375" spans="1:6" x14ac:dyDescent="0.2">
      <c r="A375">
        <v>1409.4379160000001</v>
      </c>
      <c r="B375">
        <v>20.047485999999999</v>
      </c>
      <c r="C375">
        <v>8.7872129999999995</v>
      </c>
      <c r="D375">
        <f t="shared" si="18"/>
        <v>1.8667909999999992</v>
      </c>
      <c r="E375">
        <f t="shared" si="19"/>
        <v>55.432825999999977</v>
      </c>
      <c r="F375">
        <f t="shared" si="17"/>
        <v>2.1068099988091647E-2</v>
      </c>
    </row>
    <row r="376" spans="1:6" x14ac:dyDescent="0.2">
      <c r="A376">
        <v>1408.7787490000001</v>
      </c>
      <c r="B376">
        <v>20.025853000000001</v>
      </c>
      <c r="C376">
        <v>8.7922180000000001</v>
      </c>
      <c r="D376">
        <f t="shared" si="18"/>
        <v>1.8717959999999998</v>
      </c>
      <c r="E376">
        <f t="shared" si="19"/>
        <v>54.773658999999952</v>
      </c>
      <c r="F376">
        <f t="shared" si="17"/>
        <v>2.0771623736340995E-2</v>
      </c>
    </row>
    <row r="377" spans="1:6" x14ac:dyDescent="0.2">
      <c r="A377">
        <v>1408.1192920000001</v>
      </c>
      <c r="B377">
        <v>20.041640999999998</v>
      </c>
      <c r="C377">
        <v>8.7972219999999997</v>
      </c>
      <c r="D377">
        <f t="shared" si="18"/>
        <v>1.8767999999999994</v>
      </c>
      <c r="E377">
        <f t="shared" si="19"/>
        <v>54.114201999999977</v>
      </c>
      <c r="F377">
        <f t="shared" si="17"/>
        <v>2.0476409916704772E-2</v>
      </c>
    </row>
    <row r="378" spans="1:6" x14ac:dyDescent="0.2">
      <c r="A378">
        <v>1406.956786</v>
      </c>
      <c r="B378">
        <v>20.048044999999998</v>
      </c>
      <c r="C378">
        <v>8.8022270000000002</v>
      </c>
      <c r="D378">
        <f t="shared" si="18"/>
        <v>1.8818049999999999</v>
      </c>
      <c r="E378">
        <f t="shared" si="19"/>
        <v>52.951695999999856</v>
      </c>
      <c r="F378">
        <f t="shared" si="17"/>
        <v>1.9999746831493411E-2</v>
      </c>
    </row>
    <row r="379" spans="1:6" x14ac:dyDescent="0.2">
      <c r="A379">
        <v>1406.1414600000001</v>
      </c>
      <c r="B379">
        <v>20.034079999999999</v>
      </c>
      <c r="C379">
        <v>8.8072320000000008</v>
      </c>
      <c r="D379">
        <f t="shared" si="18"/>
        <v>1.8868100000000005</v>
      </c>
      <c r="E379">
        <f t="shared" si="19"/>
        <v>52.136369999999943</v>
      </c>
      <c r="F379">
        <f t="shared" si="17"/>
        <v>1.9650952559369186E-2</v>
      </c>
    </row>
    <row r="380" spans="1:6" x14ac:dyDescent="0.2">
      <c r="A380">
        <v>1406.004107</v>
      </c>
      <c r="B380">
        <v>19.998232999999999</v>
      </c>
      <c r="C380">
        <v>8.8122369999999997</v>
      </c>
      <c r="D380">
        <f t="shared" si="18"/>
        <v>1.8918149999999994</v>
      </c>
      <c r="E380">
        <f t="shared" si="19"/>
        <v>51.999016999999867</v>
      </c>
      <c r="F380">
        <f t="shared" si="17"/>
        <v>1.9549240066511923E-2</v>
      </c>
    </row>
    <row r="381" spans="1:6" x14ac:dyDescent="0.2">
      <c r="A381">
        <v>1406.206173</v>
      </c>
      <c r="B381">
        <v>19.974965999999998</v>
      </c>
      <c r="C381">
        <v>8.8172420000000002</v>
      </c>
      <c r="D381">
        <f t="shared" si="18"/>
        <v>1.89682</v>
      </c>
      <c r="E381">
        <f t="shared" si="19"/>
        <v>52.201082999999926</v>
      </c>
      <c r="F381">
        <f t="shared" si="17"/>
        <v>1.9570611376072987E-2</v>
      </c>
    </row>
    <row r="382" spans="1:6" x14ac:dyDescent="0.2">
      <c r="A382">
        <v>1406.7673199999999</v>
      </c>
      <c r="B382">
        <v>19.975259000000001</v>
      </c>
      <c r="C382">
        <v>8.8222459999999998</v>
      </c>
      <c r="D382">
        <f t="shared" si="18"/>
        <v>1.9018239999999995</v>
      </c>
      <c r="E382">
        <f t="shared" si="19"/>
        <v>52.762229999999818</v>
      </c>
      <c r="F382">
        <f t="shared" si="17"/>
        <v>1.9721073342681833E-2</v>
      </c>
    </row>
    <row r="383" spans="1:6" x14ac:dyDescent="0.2">
      <c r="A383">
        <v>1407.3222270000001</v>
      </c>
      <c r="B383">
        <v>19.951689999999999</v>
      </c>
      <c r="C383">
        <v>8.8272510000000004</v>
      </c>
      <c r="D383">
        <f t="shared" si="18"/>
        <v>1.9068290000000001</v>
      </c>
      <c r="E383">
        <f t="shared" si="19"/>
        <v>53.317137000000002</v>
      </c>
      <c r="F383">
        <f t="shared" si="17"/>
        <v>1.9868337361924646E-2</v>
      </c>
    </row>
    <row r="384" spans="1:6" x14ac:dyDescent="0.2">
      <c r="A384">
        <v>1407.8970939999999</v>
      </c>
      <c r="B384">
        <v>19.977264999999999</v>
      </c>
      <c r="C384">
        <v>8.8322559999999992</v>
      </c>
      <c r="D384">
        <f t="shared" si="18"/>
        <v>1.9118339999999989</v>
      </c>
      <c r="E384">
        <f t="shared" si="19"/>
        <v>53.892003999999815</v>
      </c>
      <c r="F384">
        <f t="shared" si="17"/>
        <v>2.0021805585826499E-2</v>
      </c>
    </row>
    <row r="385" spans="1:6" x14ac:dyDescent="0.2">
      <c r="A385">
        <v>1408.538219</v>
      </c>
      <c r="B385">
        <v>19.962437000000001</v>
      </c>
      <c r="C385">
        <v>8.8372609999999998</v>
      </c>
      <c r="D385">
        <f t="shared" si="18"/>
        <v>1.9168389999999995</v>
      </c>
      <c r="E385">
        <f t="shared" si="19"/>
        <v>54.533128999999917</v>
      </c>
      <c r="F385">
        <f t="shared" si="17"/>
        <v>2.01978966126862E-2</v>
      </c>
    </row>
    <row r="386" spans="1:6" x14ac:dyDescent="0.2">
      <c r="A386">
        <v>1409.374245</v>
      </c>
      <c r="B386">
        <v>19.959161000000002</v>
      </c>
      <c r="C386">
        <v>8.8422660000000004</v>
      </c>
      <c r="D386">
        <f t="shared" si="18"/>
        <v>1.9218440000000001</v>
      </c>
      <c r="E386">
        <f t="shared" si="19"/>
        <v>55.369154999999864</v>
      </c>
      <c r="F386">
        <f t="shared" si="17"/>
        <v>2.0442002290081109E-2</v>
      </c>
    </row>
    <row r="387" spans="1:6" x14ac:dyDescent="0.2">
      <c r="A387">
        <v>1410.2004199999999</v>
      </c>
      <c r="B387">
        <v>19.957758999999999</v>
      </c>
      <c r="C387">
        <v>8.84727</v>
      </c>
      <c r="D387">
        <f t="shared" si="18"/>
        <v>1.9268479999999997</v>
      </c>
      <c r="E387">
        <f t="shared" si="19"/>
        <v>56.195329999999785</v>
      </c>
      <c r="F387">
        <f t="shared" ref="F387:F418" si="20">(1/A387)*(E387/D387)</f>
        <v>2.0681018811936732E-2</v>
      </c>
    </row>
    <row r="388" spans="1:6" x14ac:dyDescent="0.2">
      <c r="A388">
        <v>1410.9846649999999</v>
      </c>
      <c r="B388">
        <v>19.952825000000001</v>
      </c>
      <c r="C388">
        <v>8.8522750000000006</v>
      </c>
      <c r="D388">
        <f t="shared" si="18"/>
        <v>1.9318530000000003</v>
      </c>
      <c r="E388">
        <f t="shared" si="19"/>
        <v>56.979574999999841</v>
      </c>
      <c r="F388">
        <f t="shared" si="20"/>
        <v>2.0903684174178632E-2</v>
      </c>
    </row>
    <row r="389" spans="1:6" x14ac:dyDescent="0.2">
      <c r="A389">
        <v>1412.12751</v>
      </c>
      <c r="B389">
        <v>19.928049999999999</v>
      </c>
      <c r="C389">
        <v>8.8572799999999994</v>
      </c>
      <c r="D389">
        <f t="shared" si="18"/>
        <v>1.9368579999999991</v>
      </c>
      <c r="E389">
        <f t="shared" si="19"/>
        <v>58.12241999999992</v>
      </c>
      <c r="F389">
        <f t="shared" si="20"/>
        <v>2.1250638963791649E-2</v>
      </c>
    </row>
    <row r="390" spans="1:6" x14ac:dyDescent="0.2">
      <c r="A390">
        <v>1412.9279959999999</v>
      </c>
      <c r="B390">
        <v>19.963916000000001</v>
      </c>
      <c r="C390">
        <v>8.862285</v>
      </c>
      <c r="D390">
        <f t="shared" si="18"/>
        <v>1.9418629999999997</v>
      </c>
      <c r="E390">
        <f t="shared" si="19"/>
        <v>58.922905999999784</v>
      </c>
      <c r="F390">
        <f t="shared" si="20"/>
        <v>2.1475611571836351E-2</v>
      </c>
    </row>
    <row r="391" spans="1:6" x14ac:dyDescent="0.2">
      <c r="A391">
        <v>1413.1055100000001</v>
      </c>
      <c r="B391">
        <v>19.995139000000002</v>
      </c>
      <c r="C391">
        <v>8.8672900000000006</v>
      </c>
      <c r="D391">
        <f t="shared" ref="D391:D409" si="21">C391-$C$2</f>
        <v>1.9468680000000003</v>
      </c>
      <c r="E391">
        <f t="shared" ref="E391:E409" si="22">A391-$A$2</f>
        <v>59.100419999999986</v>
      </c>
      <c r="F391">
        <f t="shared" si="20"/>
        <v>2.1482235368837942E-2</v>
      </c>
    </row>
    <row r="392" spans="1:6" x14ac:dyDescent="0.2">
      <c r="A392">
        <v>1413.643536</v>
      </c>
      <c r="B392">
        <v>19.950505</v>
      </c>
      <c r="C392">
        <v>8.8722940000000001</v>
      </c>
      <c r="D392">
        <f t="shared" si="21"/>
        <v>1.9518719999999998</v>
      </c>
      <c r="E392">
        <f t="shared" si="22"/>
        <v>59.638445999999931</v>
      </c>
      <c r="F392">
        <f t="shared" si="20"/>
        <v>2.161399629873156E-2</v>
      </c>
    </row>
    <row r="393" spans="1:6" x14ac:dyDescent="0.2">
      <c r="A393">
        <v>1414.6209329999999</v>
      </c>
      <c r="B393">
        <v>19.947199999999999</v>
      </c>
      <c r="C393">
        <v>8.8772990000000007</v>
      </c>
      <c r="D393">
        <f t="shared" si="21"/>
        <v>1.9568770000000004</v>
      </c>
      <c r="E393">
        <f t="shared" si="22"/>
        <v>60.615842999999813</v>
      </c>
      <c r="F393">
        <f t="shared" si="20"/>
        <v>2.1896895221884094E-2</v>
      </c>
    </row>
    <row r="394" spans="1:6" x14ac:dyDescent="0.2">
      <c r="A394">
        <v>1414.963019</v>
      </c>
      <c r="B394">
        <v>19.992408000000001</v>
      </c>
      <c r="C394">
        <v>8.8823039999999995</v>
      </c>
      <c r="D394">
        <f t="shared" si="21"/>
        <v>1.9618819999999992</v>
      </c>
      <c r="E394">
        <f t="shared" si="22"/>
        <v>60.957928999999922</v>
      </c>
      <c r="F394">
        <f t="shared" si="20"/>
        <v>2.1958983465888735E-2</v>
      </c>
    </row>
    <row r="395" spans="1:6" x14ac:dyDescent="0.2">
      <c r="A395">
        <v>1415.1372120000001</v>
      </c>
      <c r="B395">
        <v>20.013399</v>
      </c>
      <c r="C395">
        <v>8.8873090000000001</v>
      </c>
      <c r="D395">
        <f t="shared" si="21"/>
        <v>1.9668869999999998</v>
      </c>
      <c r="E395">
        <f t="shared" si="22"/>
        <v>61.132121999999981</v>
      </c>
      <c r="F395">
        <f t="shared" si="20"/>
        <v>2.1962992338003626E-2</v>
      </c>
    </row>
    <row r="396" spans="1:6" x14ac:dyDescent="0.2">
      <c r="A396">
        <v>1414.5718690000001</v>
      </c>
      <c r="B396">
        <v>20.030085</v>
      </c>
      <c r="C396">
        <v>8.8923140000000007</v>
      </c>
      <c r="D396">
        <f t="shared" si="21"/>
        <v>1.9718920000000004</v>
      </c>
      <c r="E396">
        <f t="shared" si="22"/>
        <v>60.566778999999997</v>
      </c>
      <c r="F396">
        <f t="shared" si="20"/>
        <v>2.1713325149066091E-2</v>
      </c>
    </row>
    <row r="397" spans="1:6" x14ac:dyDescent="0.2">
      <c r="A397">
        <v>1413.543379</v>
      </c>
      <c r="B397">
        <v>20.06494</v>
      </c>
      <c r="C397">
        <v>8.8973180000000003</v>
      </c>
      <c r="D397">
        <f t="shared" si="21"/>
        <v>1.976896</v>
      </c>
      <c r="E397">
        <f t="shared" si="22"/>
        <v>59.53828899999985</v>
      </c>
      <c r="F397">
        <f t="shared" si="20"/>
        <v>2.1306071809950519E-2</v>
      </c>
    </row>
    <row r="398" spans="1:6" x14ac:dyDescent="0.2">
      <c r="A398">
        <v>1412.403998</v>
      </c>
      <c r="B398">
        <v>20.035995</v>
      </c>
      <c r="C398">
        <v>8.9023230000000009</v>
      </c>
      <c r="D398">
        <f t="shared" si="21"/>
        <v>1.9819010000000006</v>
      </c>
      <c r="E398">
        <f t="shared" si="22"/>
        <v>58.398907999999892</v>
      </c>
      <c r="F398">
        <f t="shared" si="20"/>
        <v>2.0862379023218285E-2</v>
      </c>
    </row>
    <row r="399" spans="1:6" x14ac:dyDescent="0.2">
      <c r="A399">
        <v>1411.985639</v>
      </c>
      <c r="B399">
        <v>20.013394999999999</v>
      </c>
      <c r="C399">
        <v>8.9073279999999997</v>
      </c>
      <c r="D399">
        <f t="shared" si="21"/>
        <v>1.9869059999999994</v>
      </c>
      <c r="E399">
        <f t="shared" si="22"/>
        <v>57.980548999999883</v>
      </c>
      <c r="F399">
        <f t="shared" si="20"/>
        <v>2.0666870700636115E-2</v>
      </c>
    </row>
    <row r="400" spans="1:6" x14ac:dyDescent="0.2">
      <c r="A400">
        <v>1411.4608499999999</v>
      </c>
      <c r="B400">
        <v>20.032765999999999</v>
      </c>
      <c r="C400">
        <v>8.9123330000000003</v>
      </c>
      <c r="D400">
        <f t="shared" si="21"/>
        <v>1.991911</v>
      </c>
      <c r="E400">
        <f t="shared" si="22"/>
        <v>57.455759999999827</v>
      </c>
      <c r="F400">
        <f t="shared" si="20"/>
        <v>2.0435948860433619E-2</v>
      </c>
    </row>
    <row r="401" spans="1:7" x14ac:dyDescent="0.2">
      <c r="A401">
        <v>1411.2793919999999</v>
      </c>
      <c r="B401">
        <v>19.996831</v>
      </c>
      <c r="C401">
        <v>8.9173380000000009</v>
      </c>
      <c r="D401">
        <f t="shared" si="21"/>
        <v>1.9969160000000006</v>
      </c>
      <c r="E401">
        <f t="shared" si="22"/>
        <v>57.274301999999807</v>
      </c>
      <c r="F401">
        <f t="shared" si="20"/>
        <v>2.0322962162540543E-2</v>
      </c>
    </row>
    <row r="402" spans="1:7" x14ac:dyDescent="0.2">
      <c r="A402">
        <v>1411.2935649999999</v>
      </c>
      <c r="B402">
        <v>19.994529</v>
      </c>
      <c r="C402">
        <v>8.9223420000000004</v>
      </c>
      <c r="D402">
        <f t="shared" si="21"/>
        <v>2.0019200000000001</v>
      </c>
      <c r="E402">
        <f t="shared" si="22"/>
        <v>57.288474999999835</v>
      </c>
      <c r="F402">
        <f t="shared" si="20"/>
        <v>2.0276975758201598E-2</v>
      </c>
    </row>
    <row r="403" spans="1:7" x14ac:dyDescent="0.2">
      <c r="A403">
        <v>1411.803596</v>
      </c>
      <c r="B403">
        <v>19.964200000000002</v>
      </c>
      <c r="C403">
        <v>8.9273469999999993</v>
      </c>
      <c r="D403">
        <f t="shared" si="21"/>
        <v>2.006924999999999</v>
      </c>
      <c r="E403">
        <f t="shared" si="22"/>
        <v>57.798505999999861</v>
      </c>
      <c r="F403">
        <f t="shared" si="20"/>
        <v>2.0399108412108017E-2</v>
      </c>
    </row>
    <row r="404" spans="1:7" x14ac:dyDescent="0.2">
      <c r="A404">
        <v>1412.503792</v>
      </c>
      <c r="B404">
        <v>19.948910999999999</v>
      </c>
      <c r="C404">
        <v>8.9323519999999998</v>
      </c>
      <c r="D404">
        <f t="shared" si="21"/>
        <v>2.0119299999999996</v>
      </c>
      <c r="E404">
        <f t="shared" si="22"/>
        <v>58.498701999999867</v>
      </c>
      <c r="F404">
        <f t="shared" si="20"/>
        <v>2.0584662032463983E-2</v>
      </c>
    </row>
    <row r="405" spans="1:7" x14ac:dyDescent="0.2">
      <c r="A405">
        <v>1413.5821880000001</v>
      </c>
      <c r="B405">
        <v>19.949601000000001</v>
      </c>
      <c r="C405">
        <v>8.9373570000000004</v>
      </c>
      <c r="D405">
        <f t="shared" si="21"/>
        <v>2.0169350000000001</v>
      </c>
      <c r="E405">
        <f t="shared" si="22"/>
        <v>59.577097999999978</v>
      </c>
      <c r="F405">
        <f t="shared" si="20"/>
        <v>2.089615487167841E-2</v>
      </c>
    </row>
    <row r="406" spans="1:7" x14ac:dyDescent="0.2">
      <c r="A406">
        <v>1414.0633680000001</v>
      </c>
      <c r="B406">
        <v>19.960629000000001</v>
      </c>
      <c r="C406">
        <v>8.9423619999999993</v>
      </c>
      <c r="D406">
        <f t="shared" si="21"/>
        <v>2.021939999999999</v>
      </c>
      <c r="E406">
        <f t="shared" si="22"/>
        <v>60.058277999999973</v>
      </c>
      <c r="F406">
        <f t="shared" si="20"/>
        <v>2.1005631387154944E-2</v>
      </c>
    </row>
    <row r="407" spans="1:7" x14ac:dyDescent="0.2">
      <c r="A407">
        <v>1414.3717999999999</v>
      </c>
      <c r="B407">
        <v>19.999628999999999</v>
      </c>
      <c r="C407">
        <v>8.9473660000000006</v>
      </c>
      <c r="D407">
        <f t="shared" si="21"/>
        <v>2.0269440000000003</v>
      </c>
      <c r="E407">
        <f t="shared" si="22"/>
        <v>60.366709999999784</v>
      </c>
      <c r="F407">
        <f t="shared" si="20"/>
        <v>2.1056790118918662E-2</v>
      </c>
    </row>
    <row r="408" spans="1:7" x14ac:dyDescent="0.2">
      <c r="A408">
        <v>1414.717365</v>
      </c>
      <c r="B408">
        <v>19.991817999999999</v>
      </c>
      <c r="C408">
        <v>8.9523709999999994</v>
      </c>
      <c r="D408">
        <f t="shared" si="21"/>
        <v>2.0319489999999991</v>
      </c>
      <c r="E408">
        <f t="shared" si="22"/>
        <v>60.712274999999863</v>
      </c>
      <c r="F408">
        <f t="shared" si="20"/>
        <v>2.1120005127194929E-2</v>
      </c>
    </row>
    <row r="409" spans="1:7" s="1" customFormat="1" x14ac:dyDescent="0.2">
      <c r="A409">
        <v>1414.743348</v>
      </c>
      <c r="B409">
        <v>19.991385000000001</v>
      </c>
      <c r="C409">
        <v>8.957376</v>
      </c>
      <c r="D409">
        <f t="shared" si="21"/>
        <v>2.0369539999999997</v>
      </c>
      <c r="E409">
        <f t="shared" si="22"/>
        <v>60.73825799999986</v>
      </c>
      <c r="F409">
        <f t="shared" si="20"/>
        <v>2.1076740567623993E-2</v>
      </c>
      <c r="G409"/>
    </row>
    <row r="410" spans="1:7" s="1" customFormat="1" x14ac:dyDescent="0.2">
      <c r="A410">
        <v>1414.403687</v>
      </c>
      <c r="B410">
        <v>19.993088</v>
      </c>
      <c r="C410">
        <v>8.9623810000000006</v>
      </c>
      <c r="D410">
        <f t="shared" ref="D410:D418" si="23">C410-$C$2</f>
        <v>2.0419590000000003</v>
      </c>
      <c r="E410">
        <f t="shared" ref="E410:E418" si="24">A410-$A$2</f>
        <v>60.398596999999882</v>
      </c>
      <c r="F410">
        <f t="shared" si="20"/>
        <v>2.0912524029270515E-2</v>
      </c>
      <c r="G410"/>
    </row>
    <row r="411" spans="1:7" s="1" customFormat="1" x14ac:dyDescent="0.2">
      <c r="A411">
        <v>1414.1844639999999</v>
      </c>
      <c r="B411">
        <v>19.941068999999999</v>
      </c>
      <c r="C411">
        <v>8.9673859999999994</v>
      </c>
      <c r="D411">
        <f t="shared" si="23"/>
        <v>2.0469639999999991</v>
      </c>
      <c r="E411">
        <f t="shared" si="24"/>
        <v>60.179373999999825</v>
      </c>
      <c r="F411">
        <f t="shared" si="20"/>
        <v>2.0788894685942479E-2</v>
      </c>
      <c r="G411"/>
    </row>
    <row r="412" spans="1:7" x14ac:dyDescent="0.2">
      <c r="A412">
        <v>1413.5944420000001</v>
      </c>
      <c r="B412">
        <v>19.984829999999999</v>
      </c>
      <c r="C412">
        <v>8.9723900000000008</v>
      </c>
      <c r="D412">
        <f t="shared" si="23"/>
        <v>2.0519680000000005</v>
      </c>
      <c r="E412">
        <f t="shared" si="24"/>
        <v>59.589351999999963</v>
      </c>
      <c r="F412">
        <f t="shared" si="20"/>
        <v>2.0543443882045397E-2</v>
      </c>
    </row>
    <row r="413" spans="1:7" x14ac:dyDescent="0.2">
      <c r="A413">
        <v>1412.43749</v>
      </c>
      <c r="B413">
        <v>19.974744000000001</v>
      </c>
      <c r="C413">
        <v>8.9773949999999996</v>
      </c>
      <c r="D413">
        <f t="shared" si="23"/>
        <v>2.0569729999999993</v>
      </c>
      <c r="E413">
        <f t="shared" si="24"/>
        <v>58.432399999999916</v>
      </c>
      <c r="F413">
        <f t="shared" si="20"/>
        <v>2.0112029480194717E-2</v>
      </c>
    </row>
    <row r="414" spans="1:7" x14ac:dyDescent="0.2">
      <c r="A414">
        <v>1411.194442</v>
      </c>
      <c r="B414">
        <v>19.985346</v>
      </c>
      <c r="C414">
        <v>8.9824000000000002</v>
      </c>
      <c r="D414">
        <f t="shared" si="23"/>
        <v>2.0619779999999999</v>
      </c>
      <c r="E414">
        <f t="shared" si="24"/>
        <v>57.189351999999872</v>
      </c>
      <c r="F414">
        <f t="shared" si="20"/>
        <v>1.9653698573145244E-2</v>
      </c>
    </row>
    <row r="415" spans="1:7" x14ac:dyDescent="0.2">
      <c r="A415">
        <v>1409.3660890000001</v>
      </c>
      <c r="B415">
        <v>19.968043999999999</v>
      </c>
      <c r="C415">
        <v>8.9874050000000008</v>
      </c>
      <c r="D415">
        <f t="shared" si="23"/>
        <v>2.0669830000000005</v>
      </c>
      <c r="E415">
        <f t="shared" si="24"/>
        <v>55.360998999999993</v>
      </c>
      <c r="F415">
        <f t="shared" si="20"/>
        <v>1.9003920109786337E-2</v>
      </c>
    </row>
    <row r="416" spans="1:7" x14ac:dyDescent="0.2">
      <c r="A416">
        <v>1407.0375979999999</v>
      </c>
      <c r="B416">
        <v>19.958176000000002</v>
      </c>
      <c r="C416">
        <v>8.9924099999999996</v>
      </c>
      <c r="D416">
        <f t="shared" si="23"/>
        <v>2.0719879999999993</v>
      </c>
      <c r="E416">
        <f t="shared" si="24"/>
        <v>53.03250799999978</v>
      </c>
      <c r="F416">
        <f t="shared" si="20"/>
        <v>1.8190692301500902E-2</v>
      </c>
    </row>
    <row r="417" spans="1:6" x14ac:dyDescent="0.2">
      <c r="A417" s="1">
        <v>1405.5293140000001</v>
      </c>
      <c r="B417" s="1">
        <v>19.895928000000001</v>
      </c>
      <c r="C417" s="1">
        <v>8.9974139999999991</v>
      </c>
      <c r="D417">
        <f t="shared" si="23"/>
        <v>2.0769919999999988</v>
      </c>
      <c r="E417">
        <f t="shared" si="24"/>
        <v>51.524224000000004</v>
      </c>
      <c r="F417">
        <f t="shared" si="20"/>
        <v>1.7649675625538683E-2</v>
      </c>
    </row>
    <row r="418" spans="1:6" x14ac:dyDescent="0.2">
      <c r="A418" s="1">
        <v>1403.955708</v>
      </c>
      <c r="B418" s="1">
        <v>19.893733000000001</v>
      </c>
      <c r="C418" s="1">
        <v>9.0024189999999997</v>
      </c>
      <c r="D418">
        <f t="shared" si="23"/>
        <v>2.0819969999999994</v>
      </c>
      <c r="E418">
        <f t="shared" si="24"/>
        <v>49.950617999999849</v>
      </c>
      <c r="F418">
        <f t="shared" si="20"/>
        <v>1.7088634442150401E-2</v>
      </c>
    </row>
    <row r="419" spans="1:6" ht="15" x14ac:dyDescent="0.25">
      <c r="A419" s="1">
        <f>MAX(A2:A418)</f>
        <v>1415.1372120000001</v>
      </c>
      <c r="B419" s="9" t="s">
        <v>16</v>
      </c>
      <c r="C419" s="1"/>
    </row>
    <row r="420" spans="1:6" ht="15" x14ac:dyDescent="0.25">
      <c r="A420" s="1">
        <f>MIN(A2:A418)</f>
        <v>1354.0050900000001</v>
      </c>
      <c r="B420" s="9" t="s">
        <v>17</v>
      </c>
      <c r="C420" s="1"/>
    </row>
    <row r="422" spans="1:6" x14ac:dyDescent="0.2">
      <c r="A422" t="s">
        <v>20</v>
      </c>
      <c r="C422" s="14">
        <f>E418/A420</f>
        <v>3.6891011982827807E-2</v>
      </c>
    </row>
  </sheetData>
  <pageMargins left="0.7" right="0.7" top="0.75" bottom="0.75" header="0.3" footer="0.3"/>
  <drawing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20"/>
  <sheetViews>
    <sheetView zoomScaleNormal="100" workbookViewId="0"/>
  </sheetViews>
  <sheetFormatPr defaultRowHeight="14.25" x14ac:dyDescent="0.2"/>
  <cols>
    <col min="1" max="1" width="11.875" bestFit="1" customWidth="1"/>
    <col min="2" max="2" width="10.5" bestFit="1" customWidth="1"/>
    <col min="3" max="3" width="9.875" bestFit="1" customWidth="1"/>
  </cols>
  <sheetData>
    <row r="1" spans="1:7" x14ac:dyDescent="0.2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8</v>
      </c>
      <c r="G1" t="s">
        <v>13</v>
      </c>
    </row>
    <row r="2" spans="1:7" ht="15" x14ac:dyDescent="0.25">
      <c r="A2" s="1">
        <v>1268.3141720000001</v>
      </c>
      <c r="B2" s="1">
        <v>19.882124999999998</v>
      </c>
      <c r="C2">
        <v>7.935117</v>
      </c>
      <c r="D2">
        <f>C2-$C$2</f>
        <v>0</v>
      </c>
      <c r="E2">
        <f>A2-$A$2</f>
        <v>0</v>
      </c>
      <c r="G2" s="3">
        <f>(A417-A418)/A417</f>
        <v>4.2181649447626687E-2</v>
      </c>
    </row>
    <row r="3" spans="1:7" x14ac:dyDescent="0.2">
      <c r="A3">
        <v>1269.103842</v>
      </c>
      <c r="B3">
        <v>19.916111999999998</v>
      </c>
      <c r="C3">
        <v>7.9401219999999997</v>
      </c>
      <c r="D3">
        <f t="shared" ref="D3:D6" si="0">C3-$C$2</f>
        <v>5.0049999999997041E-3</v>
      </c>
      <c r="E3">
        <f t="shared" ref="E3:E6" si="1">A3-$A$2</f>
        <v>0.7896699999998873</v>
      </c>
      <c r="F3">
        <f t="shared" ref="F3:F66" si="2">(1/A3)*(E3/D3)</f>
        <v>0.12432097244900672</v>
      </c>
      <c r="G3" s="4">
        <f>G2*100</f>
        <v>4.2181649447626688</v>
      </c>
    </row>
    <row r="4" spans="1:7" x14ac:dyDescent="0.2">
      <c r="A4">
        <v>1270.0286249999999</v>
      </c>
      <c r="B4">
        <v>19.933449</v>
      </c>
      <c r="C4">
        <v>7.9451260000000001</v>
      </c>
      <c r="D4">
        <f t="shared" si="0"/>
        <v>1.0009000000000157E-2</v>
      </c>
      <c r="E4">
        <f t="shared" si="1"/>
        <v>1.7144529999998213</v>
      </c>
      <c r="F4">
        <f t="shared" si="2"/>
        <v>0.13487187186493629</v>
      </c>
    </row>
    <row r="5" spans="1:7" x14ac:dyDescent="0.2">
      <c r="A5">
        <v>1271.484551</v>
      </c>
      <c r="B5">
        <v>19.906359999999999</v>
      </c>
      <c r="C5">
        <v>7.9501309999999998</v>
      </c>
      <c r="D5">
        <f t="shared" si="0"/>
        <v>1.5013999999999861E-2</v>
      </c>
      <c r="E5">
        <f t="shared" si="1"/>
        <v>3.1703789999999117</v>
      </c>
      <c r="F5">
        <f t="shared" si="2"/>
        <v>0.16607477908590976</v>
      </c>
    </row>
    <row r="6" spans="1:7" x14ac:dyDescent="0.2">
      <c r="A6">
        <v>1272.8763329999999</v>
      </c>
      <c r="B6">
        <v>19.940445</v>
      </c>
      <c r="C6">
        <v>7.9551360000000004</v>
      </c>
      <c r="D6">
        <f t="shared" si="0"/>
        <v>2.0019000000000453E-2</v>
      </c>
      <c r="E6">
        <f t="shared" si="1"/>
        <v>4.5621609999998327</v>
      </c>
      <c r="F6">
        <f t="shared" si="2"/>
        <v>0.17903668024646438</v>
      </c>
    </row>
    <row r="7" spans="1:7" x14ac:dyDescent="0.2">
      <c r="A7">
        <v>1273.825163</v>
      </c>
      <c r="B7">
        <v>19.947748000000001</v>
      </c>
      <c r="C7">
        <v>7.9601410000000001</v>
      </c>
      <c r="D7">
        <f t="shared" ref="D7:D70" si="3">C7-$C$2</f>
        <v>2.5024000000000157E-2</v>
      </c>
      <c r="E7">
        <f t="shared" ref="E7:E70" si="4">A7-$A$2</f>
        <v>5.5109909999998763</v>
      </c>
      <c r="F7">
        <f t="shared" si="2"/>
        <v>0.17288732182779315</v>
      </c>
    </row>
    <row r="8" spans="1:7" x14ac:dyDescent="0.2">
      <c r="A8">
        <v>1274.7935130000001</v>
      </c>
      <c r="B8">
        <v>19.944102000000001</v>
      </c>
      <c r="C8">
        <v>7.9651459999999998</v>
      </c>
      <c r="D8">
        <f t="shared" si="3"/>
        <v>3.0028999999999861E-2</v>
      </c>
      <c r="E8">
        <f t="shared" si="4"/>
        <v>6.4793409999999767</v>
      </c>
      <c r="F8">
        <f t="shared" si="2"/>
        <v>0.16925835752377852</v>
      </c>
    </row>
    <row r="9" spans="1:7" x14ac:dyDescent="0.2">
      <c r="A9">
        <v>1275.94281</v>
      </c>
      <c r="B9">
        <v>19.94126</v>
      </c>
      <c r="C9">
        <v>7.9701500000000003</v>
      </c>
      <c r="D9">
        <f t="shared" si="3"/>
        <v>3.5033000000000314E-2</v>
      </c>
      <c r="E9">
        <f t="shared" si="4"/>
        <v>7.6286379999999099</v>
      </c>
      <c r="F9">
        <f t="shared" si="2"/>
        <v>0.17066264367145806</v>
      </c>
    </row>
    <row r="10" spans="1:7" x14ac:dyDescent="0.2">
      <c r="A10">
        <v>1276.826235</v>
      </c>
      <c r="B10">
        <v>19.96238</v>
      </c>
      <c r="C10">
        <v>7.975155</v>
      </c>
      <c r="D10">
        <f t="shared" si="3"/>
        <v>4.0038000000000018E-2</v>
      </c>
      <c r="E10">
        <f t="shared" si="4"/>
        <v>8.5120629999998982</v>
      </c>
      <c r="F10">
        <f t="shared" si="2"/>
        <v>0.16650629470727565</v>
      </c>
    </row>
    <row r="11" spans="1:7" x14ac:dyDescent="0.2">
      <c r="A11">
        <v>1277.2016880000001</v>
      </c>
      <c r="B11">
        <v>19.974616999999999</v>
      </c>
      <c r="C11">
        <v>7.9801599999999997</v>
      </c>
      <c r="D11">
        <f t="shared" si="3"/>
        <v>4.5042999999999722E-2</v>
      </c>
      <c r="E11">
        <f t="shared" si="4"/>
        <v>8.8875160000000051</v>
      </c>
      <c r="F11">
        <f t="shared" si="2"/>
        <v>0.15448759190515463</v>
      </c>
    </row>
    <row r="12" spans="1:7" x14ac:dyDescent="0.2">
      <c r="A12">
        <v>1278.0505820000001</v>
      </c>
      <c r="B12">
        <v>19.946887</v>
      </c>
      <c r="C12">
        <v>7.9851650000000003</v>
      </c>
      <c r="D12">
        <f t="shared" si="3"/>
        <v>5.0048000000000314E-2</v>
      </c>
      <c r="E12">
        <f t="shared" si="4"/>
        <v>9.736409999999978</v>
      </c>
      <c r="F12">
        <f t="shared" si="2"/>
        <v>0.15221732453887307</v>
      </c>
    </row>
    <row r="13" spans="1:7" x14ac:dyDescent="0.2">
      <c r="A13">
        <v>1278.6894709999999</v>
      </c>
      <c r="B13">
        <v>19.963787</v>
      </c>
      <c r="C13">
        <v>7.99017</v>
      </c>
      <c r="D13">
        <f t="shared" si="3"/>
        <v>5.5053000000000019E-2</v>
      </c>
      <c r="E13">
        <f t="shared" si="4"/>
        <v>10.375298999999814</v>
      </c>
      <c r="F13">
        <f t="shared" si="2"/>
        <v>0.14738542639099855</v>
      </c>
    </row>
    <row r="14" spans="1:7" x14ac:dyDescent="0.2">
      <c r="A14">
        <v>1279.3264469999999</v>
      </c>
      <c r="B14">
        <v>19.958739999999999</v>
      </c>
      <c r="C14">
        <v>7.9951739999999996</v>
      </c>
      <c r="D14">
        <f t="shared" si="3"/>
        <v>6.0056999999999583E-2</v>
      </c>
      <c r="E14">
        <f t="shared" si="4"/>
        <v>11.012274999999818</v>
      </c>
      <c r="F14">
        <f t="shared" si="2"/>
        <v>0.1433283284040402</v>
      </c>
    </row>
    <row r="15" spans="1:7" x14ac:dyDescent="0.2">
      <c r="A15">
        <v>1280.037601</v>
      </c>
      <c r="B15">
        <v>19.974339000000001</v>
      </c>
      <c r="C15">
        <v>8.0001789999999993</v>
      </c>
      <c r="D15">
        <f t="shared" si="3"/>
        <v>6.5061999999999287E-2</v>
      </c>
      <c r="E15">
        <f t="shared" si="4"/>
        <v>11.723428999999896</v>
      </c>
      <c r="F15">
        <f t="shared" si="2"/>
        <v>0.14076818824292717</v>
      </c>
    </row>
    <row r="16" spans="1:7" x14ac:dyDescent="0.2">
      <c r="A16">
        <v>1280.720495</v>
      </c>
      <c r="B16">
        <v>19.952860000000001</v>
      </c>
      <c r="C16">
        <v>8.0051839999999999</v>
      </c>
      <c r="D16">
        <f t="shared" si="3"/>
        <v>7.0066999999999879E-2</v>
      </c>
      <c r="E16">
        <f t="shared" si="4"/>
        <v>12.406322999999929</v>
      </c>
      <c r="F16">
        <f t="shared" si="2"/>
        <v>0.13825320289621035</v>
      </c>
    </row>
    <row r="17" spans="1:6" x14ac:dyDescent="0.2">
      <c r="A17">
        <v>1281.4155149999999</v>
      </c>
      <c r="B17">
        <v>19.963822</v>
      </c>
      <c r="C17">
        <v>8.0101890000000004</v>
      </c>
      <c r="D17">
        <f t="shared" si="3"/>
        <v>7.5072000000000472E-2</v>
      </c>
      <c r="E17">
        <f t="shared" si="4"/>
        <v>13.101342999999815</v>
      </c>
      <c r="F17">
        <f t="shared" si="2"/>
        <v>0.1361908256416195</v>
      </c>
    </row>
    <row r="18" spans="1:6" x14ac:dyDescent="0.2">
      <c r="A18">
        <v>1281.6684299999999</v>
      </c>
      <c r="B18">
        <v>20.003160000000001</v>
      </c>
      <c r="C18">
        <v>8.0151939999999993</v>
      </c>
      <c r="D18">
        <f t="shared" si="3"/>
        <v>8.0076999999999288E-2</v>
      </c>
      <c r="E18">
        <f t="shared" si="4"/>
        <v>13.354257999999845</v>
      </c>
      <c r="F18">
        <f t="shared" si="2"/>
        <v>0.13011767097835664</v>
      </c>
    </row>
    <row r="19" spans="1:6" x14ac:dyDescent="0.2">
      <c r="A19">
        <v>1281.9049649999999</v>
      </c>
      <c r="B19">
        <v>19.978801000000001</v>
      </c>
      <c r="C19">
        <v>8.0201980000000006</v>
      </c>
      <c r="D19">
        <f t="shared" si="3"/>
        <v>8.5081000000000628E-2</v>
      </c>
      <c r="E19">
        <f t="shared" si="4"/>
        <v>13.590792999999849</v>
      </c>
      <c r="F19">
        <f t="shared" si="2"/>
        <v>0.1246110003513054</v>
      </c>
    </row>
    <row r="20" spans="1:6" x14ac:dyDescent="0.2">
      <c r="A20">
        <v>1282.2007020000001</v>
      </c>
      <c r="B20">
        <v>19.979675</v>
      </c>
      <c r="C20">
        <v>8.0252029999999994</v>
      </c>
      <c r="D20">
        <f t="shared" si="3"/>
        <v>9.0085999999999444E-2</v>
      </c>
      <c r="E20">
        <f t="shared" si="4"/>
        <v>13.886529999999993</v>
      </c>
      <c r="F20">
        <f t="shared" si="2"/>
        <v>0.12022102394360698</v>
      </c>
    </row>
    <row r="21" spans="1:6" x14ac:dyDescent="0.2">
      <c r="A21">
        <v>1282.5488319999999</v>
      </c>
      <c r="B21">
        <v>19.973694999999999</v>
      </c>
      <c r="C21">
        <v>8.030208</v>
      </c>
      <c r="D21">
        <f t="shared" si="3"/>
        <v>9.5091000000000037E-2</v>
      </c>
      <c r="E21">
        <f t="shared" si="4"/>
        <v>14.234659999999849</v>
      </c>
      <c r="F21">
        <f t="shared" si="2"/>
        <v>0.11671690808157031</v>
      </c>
    </row>
    <row r="22" spans="1:6" x14ac:dyDescent="0.2">
      <c r="A22">
        <v>1283.238814</v>
      </c>
      <c r="B22">
        <v>19.952235000000002</v>
      </c>
      <c r="C22">
        <v>8.0352130000000006</v>
      </c>
      <c r="D22">
        <f t="shared" si="3"/>
        <v>0.10009600000000063</v>
      </c>
      <c r="E22">
        <f t="shared" si="4"/>
        <v>14.924641999999949</v>
      </c>
      <c r="F22">
        <f t="shared" si="2"/>
        <v>0.11619293246407539</v>
      </c>
    </row>
    <row r="23" spans="1:6" x14ac:dyDescent="0.2">
      <c r="A23">
        <v>1284.2203689999999</v>
      </c>
      <c r="B23">
        <v>19.943584000000001</v>
      </c>
      <c r="C23">
        <v>8.0402179999999994</v>
      </c>
      <c r="D23">
        <f t="shared" si="3"/>
        <v>0.10510099999999944</v>
      </c>
      <c r="E23">
        <f t="shared" si="4"/>
        <v>15.906196999999793</v>
      </c>
      <c r="F23">
        <f t="shared" si="2"/>
        <v>0.11784738626301078</v>
      </c>
    </row>
    <row r="24" spans="1:6" x14ac:dyDescent="0.2">
      <c r="A24">
        <v>1284.8714219999999</v>
      </c>
      <c r="B24">
        <v>19.977896999999999</v>
      </c>
      <c r="C24">
        <v>8.0452220000000008</v>
      </c>
      <c r="D24">
        <f t="shared" si="3"/>
        <v>0.11010500000000079</v>
      </c>
      <c r="E24">
        <f t="shared" si="4"/>
        <v>16.55724999999984</v>
      </c>
      <c r="F24">
        <f t="shared" si="2"/>
        <v>0.11703654573673765</v>
      </c>
    </row>
    <row r="25" spans="1:6" x14ac:dyDescent="0.2">
      <c r="A25">
        <v>1285.4032649999999</v>
      </c>
      <c r="B25">
        <v>19.968913000000001</v>
      </c>
      <c r="C25">
        <v>8.0502269999999996</v>
      </c>
      <c r="D25">
        <f t="shared" si="3"/>
        <v>0.1151099999999996</v>
      </c>
      <c r="E25">
        <f t="shared" si="4"/>
        <v>17.089092999999821</v>
      </c>
      <c r="F25">
        <f t="shared" si="2"/>
        <v>0.1154958981854346</v>
      </c>
    </row>
    <row r="26" spans="1:6" x14ac:dyDescent="0.2">
      <c r="A26">
        <v>1285.993958</v>
      </c>
      <c r="B26">
        <v>19.968291000000001</v>
      </c>
      <c r="C26">
        <v>8.0552320000000002</v>
      </c>
      <c r="D26">
        <f t="shared" si="3"/>
        <v>0.12011500000000019</v>
      </c>
      <c r="E26">
        <f t="shared" si="4"/>
        <v>17.679785999999922</v>
      </c>
      <c r="F26">
        <f t="shared" si="2"/>
        <v>0.1144565971940123</v>
      </c>
    </row>
    <row r="27" spans="1:6" x14ac:dyDescent="0.2">
      <c r="A27">
        <v>1286.5358140000001</v>
      </c>
      <c r="B27">
        <v>19.970441999999998</v>
      </c>
      <c r="C27">
        <v>8.0602370000000008</v>
      </c>
      <c r="D27">
        <f t="shared" si="3"/>
        <v>0.12512000000000079</v>
      </c>
      <c r="E27">
        <f t="shared" si="4"/>
        <v>18.221641999999974</v>
      </c>
      <c r="F27">
        <f t="shared" si="2"/>
        <v>0.11319803647931248</v>
      </c>
    </row>
    <row r="28" spans="1:6" x14ac:dyDescent="0.2">
      <c r="A28">
        <v>1287.0248959999999</v>
      </c>
      <c r="B28">
        <v>19.974912</v>
      </c>
      <c r="C28">
        <v>8.0652419999999996</v>
      </c>
      <c r="D28">
        <f t="shared" si="3"/>
        <v>0.1301249999999996</v>
      </c>
      <c r="E28">
        <f t="shared" si="4"/>
        <v>18.7107239999998</v>
      </c>
      <c r="F28">
        <f t="shared" si="2"/>
        <v>0.11172308058223132</v>
      </c>
    </row>
    <row r="29" spans="1:6" x14ac:dyDescent="0.2">
      <c r="A29">
        <v>1286.887577</v>
      </c>
      <c r="B29">
        <v>20.007662</v>
      </c>
      <c r="C29">
        <v>8.0702459999999991</v>
      </c>
      <c r="D29">
        <f t="shared" si="3"/>
        <v>0.13512899999999917</v>
      </c>
      <c r="E29">
        <f t="shared" si="4"/>
        <v>18.573404999999866</v>
      </c>
      <c r="F29">
        <f t="shared" si="2"/>
        <v>0.10680764944896888</v>
      </c>
    </row>
    <row r="30" spans="1:6" x14ac:dyDescent="0.2">
      <c r="A30">
        <v>1286.6827410000001</v>
      </c>
      <c r="B30">
        <v>20.032862000000002</v>
      </c>
      <c r="C30">
        <v>8.0752509999999997</v>
      </c>
      <c r="D30">
        <f t="shared" si="3"/>
        <v>0.14013399999999976</v>
      </c>
      <c r="E30">
        <f t="shared" si="4"/>
        <v>18.368568999999979</v>
      </c>
      <c r="F30">
        <f t="shared" si="2"/>
        <v>0.10187328947533172</v>
      </c>
    </row>
    <row r="31" spans="1:6" x14ac:dyDescent="0.2">
      <c r="A31">
        <v>1286.241158</v>
      </c>
      <c r="B31">
        <v>20.010117000000001</v>
      </c>
      <c r="C31">
        <v>8.0802560000000003</v>
      </c>
      <c r="D31">
        <f t="shared" si="3"/>
        <v>0.14513900000000035</v>
      </c>
      <c r="E31">
        <f t="shared" si="4"/>
        <v>17.926985999999943</v>
      </c>
      <c r="F31">
        <f t="shared" si="2"/>
        <v>9.6028633871303948E-2</v>
      </c>
    </row>
    <row r="32" spans="1:6" x14ac:dyDescent="0.2">
      <c r="A32">
        <v>1285.676232</v>
      </c>
      <c r="B32">
        <v>20.021215000000002</v>
      </c>
      <c r="C32">
        <v>8.0852609999999991</v>
      </c>
      <c r="D32">
        <f t="shared" si="3"/>
        <v>0.15014399999999917</v>
      </c>
      <c r="E32">
        <f t="shared" si="4"/>
        <v>17.362059999999929</v>
      </c>
      <c r="F32">
        <f t="shared" si="2"/>
        <v>8.9941816745707781E-2</v>
      </c>
    </row>
    <row r="33" spans="1:6" x14ac:dyDescent="0.2">
      <c r="A33">
        <v>1285.3539229999999</v>
      </c>
      <c r="B33">
        <v>20.016718999999998</v>
      </c>
      <c r="C33">
        <v>8.0902659999999997</v>
      </c>
      <c r="D33">
        <f t="shared" si="3"/>
        <v>0.15514899999999976</v>
      </c>
      <c r="E33">
        <f t="shared" si="4"/>
        <v>17.039750999999796</v>
      </c>
      <c r="F33">
        <f t="shared" si="2"/>
        <v>8.5445960502897295E-2</v>
      </c>
    </row>
    <row r="34" spans="1:6" x14ac:dyDescent="0.2">
      <c r="A34">
        <v>1285.316773</v>
      </c>
      <c r="B34">
        <v>19.991199999999999</v>
      </c>
      <c r="C34">
        <v>8.0952699999999993</v>
      </c>
      <c r="D34">
        <f t="shared" si="3"/>
        <v>0.16015299999999932</v>
      </c>
      <c r="E34">
        <f t="shared" si="4"/>
        <v>17.002600999999913</v>
      </c>
      <c r="F34">
        <f t="shared" si="2"/>
        <v>8.259811001547443E-2</v>
      </c>
    </row>
    <row r="35" spans="1:6" x14ac:dyDescent="0.2">
      <c r="A35">
        <v>1285.3982820000001</v>
      </c>
      <c r="B35">
        <v>19.993946999999999</v>
      </c>
      <c r="C35">
        <v>8.1002749999999999</v>
      </c>
      <c r="D35">
        <f t="shared" si="3"/>
        <v>0.16515799999999992</v>
      </c>
      <c r="E35">
        <f t="shared" si="4"/>
        <v>17.08411000000001</v>
      </c>
      <c r="F35">
        <f t="shared" si="2"/>
        <v>8.0473896264672648E-2</v>
      </c>
    </row>
    <row r="36" spans="1:6" x14ac:dyDescent="0.2">
      <c r="A36">
        <v>1285.482593</v>
      </c>
      <c r="B36">
        <v>19.978726999999999</v>
      </c>
      <c r="C36">
        <v>8.1052800000000005</v>
      </c>
      <c r="D36">
        <f t="shared" si="3"/>
        <v>0.17016300000000051</v>
      </c>
      <c r="E36">
        <f t="shared" si="4"/>
        <v>17.168420999999853</v>
      </c>
      <c r="F36">
        <f t="shared" si="2"/>
        <v>7.8487233354653019E-2</v>
      </c>
    </row>
    <row r="37" spans="1:6" x14ac:dyDescent="0.2">
      <c r="A37">
        <v>1285.5875060000001</v>
      </c>
      <c r="B37">
        <v>19.992089</v>
      </c>
      <c r="C37">
        <v>8.1102849999999993</v>
      </c>
      <c r="D37">
        <f t="shared" si="3"/>
        <v>0.17516799999999932</v>
      </c>
      <c r="E37">
        <f t="shared" si="4"/>
        <v>17.273333999999977</v>
      </c>
      <c r="F37">
        <f t="shared" si="2"/>
        <v>7.6704307997738447E-2</v>
      </c>
    </row>
    <row r="38" spans="1:6" x14ac:dyDescent="0.2">
      <c r="A38">
        <v>1286.1945949999999</v>
      </c>
      <c r="B38">
        <v>19.970278</v>
      </c>
      <c r="C38">
        <v>8.1152899999999999</v>
      </c>
      <c r="D38">
        <f t="shared" si="3"/>
        <v>0.18017299999999992</v>
      </c>
      <c r="E38">
        <f t="shared" si="4"/>
        <v>17.880422999999837</v>
      </c>
      <c r="F38">
        <f t="shared" si="2"/>
        <v>7.7158077604927919E-2</v>
      </c>
    </row>
    <row r="39" spans="1:6" x14ac:dyDescent="0.2">
      <c r="A39">
        <v>1286.4806530000001</v>
      </c>
      <c r="B39">
        <v>19.983919</v>
      </c>
      <c r="C39">
        <v>8.1202939999999995</v>
      </c>
      <c r="D39">
        <f t="shared" si="3"/>
        <v>0.18517699999999948</v>
      </c>
      <c r="E39">
        <f t="shared" si="4"/>
        <v>18.166480999999976</v>
      </c>
      <c r="F39">
        <f t="shared" si="2"/>
        <v>7.6257138681854561E-2</v>
      </c>
    </row>
    <row r="40" spans="1:6" x14ac:dyDescent="0.2">
      <c r="A40">
        <v>1286.5964080000001</v>
      </c>
      <c r="B40">
        <v>19.992336999999999</v>
      </c>
      <c r="C40">
        <v>8.125299</v>
      </c>
      <c r="D40">
        <f t="shared" si="3"/>
        <v>0.19018200000000007</v>
      </c>
      <c r="E40">
        <f t="shared" si="4"/>
        <v>18.282236000000012</v>
      </c>
      <c r="F40">
        <f t="shared" si="2"/>
        <v>7.4716680005380481E-2</v>
      </c>
    </row>
    <row r="41" spans="1:6" x14ac:dyDescent="0.2">
      <c r="A41">
        <v>1286.8102349999999</v>
      </c>
      <c r="B41">
        <v>19.993583000000001</v>
      </c>
      <c r="C41">
        <v>8.1303040000000006</v>
      </c>
      <c r="D41">
        <f t="shared" si="3"/>
        <v>0.19518700000000067</v>
      </c>
      <c r="E41">
        <f t="shared" si="4"/>
        <v>18.496062999999822</v>
      </c>
      <c r="F41">
        <f t="shared" si="2"/>
        <v>7.3640020446342616E-2</v>
      </c>
    </row>
    <row r="42" spans="1:6" x14ac:dyDescent="0.2">
      <c r="A42">
        <v>1286.9580920000001</v>
      </c>
      <c r="B42">
        <v>19.999061000000001</v>
      </c>
      <c r="C42">
        <v>8.1353089999999995</v>
      </c>
      <c r="D42">
        <f t="shared" si="3"/>
        <v>0.20019199999999948</v>
      </c>
      <c r="E42">
        <f t="shared" si="4"/>
        <v>18.64391999999998</v>
      </c>
      <c r="F42">
        <f t="shared" si="2"/>
        <v>7.2364590262654696E-2</v>
      </c>
    </row>
    <row r="43" spans="1:6" x14ac:dyDescent="0.2">
      <c r="A43">
        <v>1287.122754</v>
      </c>
      <c r="B43">
        <v>19.976844</v>
      </c>
      <c r="C43">
        <v>8.140314</v>
      </c>
      <c r="D43">
        <f t="shared" si="3"/>
        <v>0.20519700000000007</v>
      </c>
      <c r="E43">
        <f t="shared" si="4"/>
        <v>18.808581999999888</v>
      </c>
      <c r="F43">
        <f t="shared" si="2"/>
        <v>7.1213950747848392E-2</v>
      </c>
    </row>
    <row r="44" spans="1:6" x14ac:dyDescent="0.2">
      <c r="A44">
        <v>1287.0571600000001</v>
      </c>
      <c r="B44">
        <v>19.987628999999998</v>
      </c>
      <c r="C44">
        <v>8.1453179999999996</v>
      </c>
      <c r="D44">
        <f t="shared" si="3"/>
        <v>0.21020099999999964</v>
      </c>
      <c r="E44">
        <f t="shared" si="4"/>
        <v>18.742987999999968</v>
      </c>
      <c r="F44">
        <f t="shared" si="2"/>
        <v>6.9279734454976816E-2</v>
      </c>
    </row>
    <row r="45" spans="1:6" x14ac:dyDescent="0.2">
      <c r="A45">
        <v>1287.222542</v>
      </c>
      <c r="B45">
        <v>19.992448</v>
      </c>
      <c r="C45">
        <v>8.1503230000000002</v>
      </c>
      <c r="D45">
        <f t="shared" si="3"/>
        <v>0.21520600000000023</v>
      </c>
      <c r="E45">
        <f t="shared" si="4"/>
        <v>18.908369999999877</v>
      </c>
      <c r="F45">
        <f t="shared" si="2"/>
        <v>6.8256824534506835E-2</v>
      </c>
    </row>
    <row r="46" spans="1:6" x14ac:dyDescent="0.2">
      <c r="A46">
        <v>1287.160496</v>
      </c>
      <c r="B46">
        <v>20.002063</v>
      </c>
      <c r="C46">
        <v>8.1553280000000008</v>
      </c>
      <c r="D46">
        <f t="shared" si="3"/>
        <v>0.22021100000000082</v>
      </c>
      <c r="E46">
        <f t="shared" si="4"/>
        <v>18.846323999999868</v>
      </c>
      <c r="F46">
        <f t="shared" si="2"/>
        <v>6.6489786979571905E-2</v>
      </c>
    </row>
    <row r="47" spans="1:6" x14ac:dyDescent="0.2">
      <c r="A47">
        <v>1287.0356589999999</v>
      </c>
      <c r="B47">
        <v>20.003867</v>
      </c>
      <c r="C47">
        <v>8.1603329999999996</v>
      </c>
      <c r="D47">
        <f t="shared" si="3"/>
        <v>0.22521599999999964</v>
      </c>
      <c r="E47">
        <f t="shared" si="4"/>
        <v>18.721486999999797</v>
      </c>
      <c r="F47">
        <f t="shared" si="2"/>
        <v>6.4587804209409447E-2</v>
      </c>
    </row>
    <row r="48" spans="1:6" x14ac:dyDescent="0.2">
      <c r="A48">
        <v>1287.1108839999999</v>
      </c>
      <c r="B48">
        <v>19.999839000000001</v>
      </c>
      <c r="C48">
        <v>8.1653380000000002</v>
      </c>
      <c r="D48">
        <f t="shared" si="3"/>
        <v>0.23022100000000023</v>
      </c>
      <c r="E48">
        <f t="shared" si="4"/>
        <v>18.796711999999843</v>
      </c>
      <c r="F48">
        <f t="shared" si="2"/>
        <v>6.3433837964364082E-2</v>
      </c>
    </row>
    <row r="49" spans="1:6" x14ac:dyDescent="0.2">
      <c r="A49">
        <v>1287.231031</v>
      </c>
      <c r="B49">
        <v>19.983794</v>
      </c>
      <c r="C49">
        <v>8.1703419999999998</v>
      </c>
      <c r="D49">
        <f t="shared" si="3"/>
        <v>0.2352249999999998</v>
      </c>
      <c r="E49">
        <f t="shared" si="4"/>
        <v>18.916858999999931</v>
      </c>
      <c r="F49">
        <f t="shared" si="2"/>
        <v>6.2475400506055427E-2</v>
      </c>
    </row>
    <row r="50" spans="1:6" x14ac:dyDescent="0.2">
      <c r="A50">
        <v>1287.7211380000001</v>
      </c>
      <c r="B50">
        <v>19.972065000000001</v>
      </c>
      <c r="C50">
        <v>8.1753470000000004</v>
      </c>
      <c r="D50">
        <f t="shared" si="3"/>
        <v>0.24023000000000039</v>
      </c>
      <c r="E50">
        <f t="shared" si="4"/>
        <v>19.406966000000011</v>
      </c>
      <c r="F50">
        <f t="shared" si="2"/>
        <v>6.2734808841076309E-2</v>
      </c>
    </row>
    <row r="51" spans="1:6" x14ac:dyDescent="0.2">
      <c r="A51">
        <v>1287.840054</v>
      </c>
      <c r="B51">
        <v>19.976353</v>
      </c>
      <c r="C51">
        <v>8.1803519999999992</v>
      </c>
      <c r="D51">
        <f t="shared" si="3"/>
        <v>0.2452349999999992</v>
      </c>
      <c r="E51">
        <f t="shared" si="4"/>
        <v>19.52588199999991</v>
      </c>
      <c r="F51">
        <f t="shared" si="2"/>
        <v>6.1825306674152709E-2</v>
      </c>
    </row>
    <row r="52" spans="1:6" x14ac:dyDescent="0.2">
      <c r="A52">
        <v>1288.067413</v>
      </c>
      <c r="B52">
        <v>19.999355999999999</v>
      </c>
      <c r="C52">
        <v>8.1853569999999998</v>
      </c>
      <c r="D52">
        <f t="shared" si="3"/>
        <v>0.2502399999999998</v>
      </c>
      <c r="E52">
        <f t="shared" si="4"/>
        <v>19.753240999999889</v>
      </c>
      <c r="F52">
        <f t="shared" si="2"/>
        <v>6.1283426244918657E-2</v>
      </c>
    </row>
    <row r="53" spans="1:6" x14ac:dyDescent="0.2">
      <c r="A53">
        <v>1288.528274</v>
      </c>
      <c r="B53">
        <v>19.950804000000002</v>
      </c>
      <c r="C53">
        <v>8.1903620000000004</v>
      </c>
      <c r="D53">
        <f t="shared" si="3"/>
        <v>0.25524500000000039</v>
      </c>
      <c r="E53">
        <f t="shared" si="4"/>
        <v>20.214101999999912</v>
      </c>
      <c r="F53">
        <f t="shared" si="2"/>
        <v>6.1461514362229276E-2</v>
      </c>
    </row>
    <row r="54" spans="1:6" x14ac:dyDescent="0.2">
      <c r="A54">
        <v>1289.1400060000001</v>
      </c>
      <c r="B54">
        <v>19.962036000000001</v>
      </c>
      <c r="C54">
        <v>8.1953659999999999</v>
      </c>
      <c r="D54">
        <f t="shared" si="3"/>
        <v>0.26024899999999995</v>
      </c>
      <c r="E54">
        <f t="shared" si="4"/>
        <v>20.825833999999986</v>
      </c>
      <c r="F54">
        <f t="shared" si="2"/>
        <v>6.207450239572488E-2</v>
      </c>
    </row>
    <row r="55" spans="1:6" x14ac:dyDescent="0.2">
      <c r="A55">
        <v>1289.7221970000001</v>
      </c>
      <c r="B55">
        <v>19.975860999999998</v>
      </c>
      <c r="C55">
        <v>8.2003710000000005</v>
      </c>
      <c r="D55">
        <f t="shared" si="3"/>
        <v>0.26525400000000054</v>
      </c>
      <c r="E55">
        <f t="shared" si="4"/>
        <v>21.408024999999952</v>
      </c>
      <c r="F55">
        <f t="shared" si="2"/>
        <v>6.2577540088712302E-2</v>
      </c>
    </row>
    <row r="56" spans="1:6" x14ac:dyDescent="0.2">
      <c r="A56">
        <v>1290.3377660000001</v>
      </c>
      <c r="B56">
        <v>19.948544999999999</v>
      </c>
      <c r="C56">
        <v>8.2053759999999993</v>
      </c>
      <c r="D56">
        <f t="shared" si="3"/>
        <v>0.27025899999999936</v>
      </c>
      <c r="E56">
        <f t="shared" si="4"/>
        <v>22.023594000000003</v>
      </c>
      <c r="F56">
        <f t="shared" si="2"/>
        <v>6.3154546126817632E-2</v>
      </c>
    </row>
    <row r="57" spans="1:6" x14ac:dyDescent="0.2">
      <c r="A57">
        <v>1291.0770540000001</v>
      </c>
      <c r="B57">
        <v>19.973472999999998</v>
      </c>
      <c r="C57">
        <v>8.2103809999999999</v>
      </c>
      <c r="D57">
        <f t="shared" si="3"/>
        <v>0.27526399999999995</v>
      </c>
      <c r="E57">
        <f t="shared" si="4"/>
        <v>22.762881999999991</v>
      </c>
      <c r="F57">
        <f t="shared" si="2"/>
        <v>6.4050963625436635E-2</v>
      </c>
    </row>
    <row r="58" spans="1:6" x14ac:dyDescent="0.2">
      <c r="A58">
        <v>1291.7559980000001</v>
      </c>
      <c r="B58">
        <v>19.956630000000001</v>
      </c>
      <c r="C58">
        <v>8.2153860000000005</v>
      </c>
      <c r="D58">
        <f t="shared" si="3"/>
        <v>0.28026900000000055</v>
      </c>
      <c r="E58">
        <f t="shared" si="4"/>
        <v>23.441825999999992</v>
      </c>
      <c r="F58">
        <f t="shared" si="2"/>
        <v>6.4749420706939065E-2</v>
      </c>
    </row>
    <row r="59" spans="1:6" x14ac:dyDescent="0.2">
      <c r="A59">
        <v>1292.031727</v>
      </c>
      <c r="B59">
        <v>20.006378000000002</v>
      </c>
      <c r="C59">
        <v>8.2203900000000001</v>
      </c>
      <c r="D59">
        <f t="shared" si="3"/>
        <v>0.28527300000000011</v>
      </c>
      <c r="E59">
        <f t="shared" si="4"/>
        <v>23.717554999999948</v>
      </c>
      <c r="F59">
        <f t="shared" si="2"/>
        <v>6.4348150485793731E-2</v>
      </c>
    </row>
    <row r="60" spans="1:6" x14ac:dyDescent="0.2">
      <c r="A60">
        <v>1292.0066019999999</v>
      </c>
      <c r="B60">
        <v>19.975404999999999</v>
      </c>
      <c r="C60">
        <v>8.2253950000000007</v>
      </c>
      <c r="D60">
        <f t="shared" si="3"/>
        <v>0.2902780000000007</v>
      </c>
      <c r="E60">
        <f t="shared" si="4"/>
        <v>23.692429999999831</v>
      </c>
      <c r="F60">
        <f t="shared" si="2"/>
        <v>6.3172890862211256E-2</v>
      </c>
    </row>
    <row r="61" spans="1:6" x14ac:dyDescent="0.2">
      <c r="A61">
        <v>1292.6014439999999</v>
      </c>
      <c r="B61">
        <v>19.969028000000002</v>
      </c>
      <c r="C61">
        <v>8.2303999999999995</v>
      </c>
      <c r="D61">
        <f t="shared" si="3"/>
        <v>0.29528299999999952</v>
      </c>
      <c r="E61">
        <f t="shared" si="4"/>
        <v>24.287271999999803</v>
      </c>
      <c r="F61">
        <f t="shared" si="2"/>
        <v>6.3632011971632901E-2</v>
      </c>
    </row>
    <row r="62" spans="1:6" x14ac:dyDescent="0.2">
      <c r="A62">
        <v>1293.1153280000001</v>
      </c>
      <c r="B62">
        <v>19.976393999999999</v>
      </c>
      <c r="C62">
        <v>8.2354050000000001</v>
      </c>
      <c r="D62">
        <f t="shared" si="3"/>
        <v>0.30028800000000011</v>
      </c>
      <c r="E62">
        <f t="shared" si="4"/>
        <v>24.801155999999992</v>
      </c>
      <c r="F62">
        <f t="shared" si="2"/>
        <v>6.3869966296524888E-2</v>
      </c>
    </row>
    <row r="63" spans="1:6" x14ac:dyDescent="0.2">
      <c r="A63">
        <v>1292.9584990000001</v>
      </c>
      <c r="B63">
        <v>20.016071</v>
      </c>
      <c r="C63">
        <v>8.2404100000000007</v>
      </c>
      <c r="D63">
        <f t="shared" si="3"/>
        <v>0.3052930000000007</v>
      </c>
      <c r="E63">
        <f t="shared" si="4"/>
        <v>24.644326999999976</v>
      </c>
      <c r="F63">
        <f t="shared" si="2"/>
        <v>6.243319076095033E-2</v>
      </c>
    </row>
    <row r="64" spans="1:6" x14ac:dyDescent="0.2">
      <c r="A64">
        <v>1292.896315</v>
      </c>
      <c r="B64">
        <v>20.002137000000001</v>
      </c>
      <c r="C64">
        <v>8.2454140000000002</v>
      </c>
      <c r="D64">
        <f t="shared" si="3"/>
        <v>0.31029700000000027</v>
      </c>
      <c r="E64">
        <f t="shared" si="4"/>
        <v>24.58214299999986</v>
      </c>
      <c r="F64">
        <f t="shared" si="2"/>
        <v>6.127431520493571E-2</v>
      </c>
    </row>
    <row r="65" spans="1:6" x14ac:dyDescent="0.2">
      <c r="A65">
        <v>1292.728969</v>
      </c>
      <c r="B65">
        <v>19.995493</v>
      </c>
      <c r="C65">
        <v>8.2504190000000008</v>
      </c>
      <c r="D65">
        <f t="shared" si="3"/>
        <v>0.31530200000000086</v>
      </c>
      <c r="E65">
        <f t="shared" si="4"/>
        <v>24.414796999999908</v>
      </c>
      <c r="F65">
        <f t="shared" si="2"/>
        <v>5.9898908832070628E-2</v>
      </c>
    </row>
    <row r="66" spans="1:6" x14ac:dyDescent="0.2">
      <c r="A66">
        <v>1292.947169</v>
      </c>
      <c r="B66">
        <v>19.980308000000001</v>
      </c>
      <c r="C66">
        <v>8.2554239999999997</v>
      </c>
      <c r="D66">
        <f t="shared" si="3"/>
        <v>0.32030699999999968</v>
      </c>
      <c r="E66">
        <f t="shared" si="4"/>
        <v>24.632996999999932</v>
      </c>
      <c r="F66">
        <f t="shared" si="2"/>
        <v>5.9479874639876022E-2</v>
      </c>
    </row>
    <row r="67" spans="1:6" x14ac:dyDescent="0.2">
      <c r="A67">
        <v>1293.09483</v>
      </c>
      <c r="B67">
        <v>19.985240000000001</v>
      </c>
      <c r="C67">
        <v>8.2604290000000002</v>
      </c>
      <c r="D67">
        <f t="shared" si="3"/>
        <v>0.32531200000000027</v>
      </c>
      <c r="E67">
        <f t="shared" si="4"/>
        <v>24.780657999999903</v>
      </c>
      <c r="F67">
        <f t="shared" ref="F67:F130" si="5">(1/A67)*(E67/D67)</f>
        <v>5.8909098270187574E-2</v>
      </c>
    </row>
    <row r="68" spans="1:6" x14ac:dyDescent="0.2">
      <c r="A68">
        <v>1292.839567</v>
      </c>
      <c r="B68">
        <v>20.018982999999999</v>
      </c>
      <c r="C68">
        <v>8.2654340000000008</v>
      </c>
      <c r="D68">
        <f t="shared" si="3"/>
        <v>0.33031700000000086</v>
      </c>
      <c r="E68">
        <f t="shared" si="4"/>
        <v>24.525394999999889</v>
      </c>
      <c r="F68">
        <f t="shared" si="5"/>
        <v>5.7430216053735036E-2</v>
      </c>
    </row>
    <row r="69" spans="1:6" x14ac:dyDescent="0.2">
      <c r="A69">
        <v>1293.033954</v>
      </c>
      <c r="B69">
        <v>19.999407999999999</v>
      </c>
      <c r="C69">
        <v>8.2704380000000004</v>
      </c>
      <c r="D69">
        <f t="shared" si="3"/>
        <v>0.33532100000000042</v>
      </c>
      <c r="E69">
        <f t="shared" si="4"/>
        <v>24.719781999999896</v>
      </c>
      <c r="F69">
        <f t="shared" si="5"/>
        <v>5.7013007951016485E-2</v>
      </c>
    </row>
    <row r="70" spans="1:6" x14ac:dyDescent="0.2">
      <c r="A70">
        <v>1293.037695</v>
      </c>
      <c r="B70">
        <v>19.999416</v>
      </c>
      <c r="C70">
        <v>8.2754429999999992</v>
      </c>
      <c r="D70">
        <f t="shared" si="3"/>
        <v>0.34032599999999924</v>
      </c>
      <c r="E70">
        <f t="shared" si="4"/>
        <v>24.723522999999886</v>
      </c>
      <c r="F70">
        <f t="shared" si="5"/>
        <v>5.6182885572347879E-2</v>
      </c>
    </row>
    <row r="71" spans="1:6" x14ac:dyDescent="0.2">
      <c r="A71">
        <v>1292.4989390000001</v>
      </c>
      <c r="B71">
        <v>20.017495</v>
      </c>
      <c r="C71">
        <v>8.2804479999999998</v>
      </c>
      <c r="D71">
        <f t="shared" ref="D71:D134" si="6">C71-$C$2</f>
        <v>0.34533099999999983</v>
      </c>
      <c r="E71">
        <f t="shared" ref="E71:E134" si="7">A71-$A$2</f>
        <v>24.184766999999965</v>
      </c>
      <c r="F71">
        <f t="shared" si="5"/>
        <v>5.4184634246140166E-2</v>
      </c>
    </row>
    <row r="72" spans="1:6" x14ac:dyDescent="0.2">
      <c r="A72">
        <v>1292.3674530000001</v>
      </c>
      <c r="B72">
        <v>20.001156999999999</v>
      </c>
      <c r="C72">
        <v>8.2854530000000004</v>
      </c>
      <c r="D72">
        <f t="shared" si="6"/>
        <v>0.35033600000000042</v>
      </c>
      <c r="E72">
        <f t="shared" si="7"/>
        <v>24.05328099999997</v>
      </c>
      <c r="F72">
        <f t="shared" si="5"/>
        <v>5.3125563013834962E-2</v>
      </c>
    </row>
    <row r="73" spans="1:6" x14ac:dyDescent="0.2">
      <c r="A73">
        <v>1292.1825409999999</v>
      </c>
      <c r="B73">
        <v>20.011519</v>
      </c>
      <c r="C73">
        <v>8.2904579999999992</v>
      </c>
      <c r="D73">
        <f t="shared" si="6"/>
        <v>0.35534099999999924</v>
      </c>
      <c r="E73">
        <f t="shared" si="7"/>
        <v>23.868368999999802</v>
      </c>
      <c r="F73">
        <f t="shared" si="5"/>
        <v>5.1982068145757052E-2</v>
      </c>
    </row>
    <row r="74" spans="1:6" x14ac:dyDescent="0.2">
      <c r="A74">
        <v>1292.2347560000001</v>
      </c>
      <c r="B74">
        <v>19.996964999999999</v>
      </c>
      <c r="C74">
        <v>8.2954620000000006</v>
      </c>
      <c r="D74">
        <f t="shared" si="6"/>
        <v>0.36034500000000058</v>
      </c>
      <c r="E74">
        <f t="shared" si="7"/>
        <v>23.920583999999963</v>
      </c>
      <c r="F74">
        <f t="shared" si="5"/>
        <v>5.1370271418343987E-2</v>
      </c>
    </row>
    <row r="75" spans="1:6" x14ac:dyDescent="0.2">
      <c r="A75">
        <v>1292.6902520000001</v>
      </c>
      <c r="B75">
        <v>19.968025000000001</v>
      </c>
      <c r="C75">
        <v>8.3004669999999994</v>
      </c>
      <c r="D75">
        <f t="shared" si="6"/>
        <v>0.3653499999999994</v>
      </c>
      <c r="E75">
        <f t="shared" si="7"/>
        <v>24.376080000000002</v>
      </c>
      <c r="F75">
        <f t="shared" si="5"/>
        <v>5.1613139981114844E-2</v>
      </c>
    </row>
    <row r="76" spans="1:6" x14ac:dyDescent="0.2">
      <c r="A76">
        <v>1293.283355</v>
      </c>
      <c r="B76">
        <v>19.948640000000001</v>
      </c>
      <c r="C76">
        <v>8.305472</v>
      </c>
      <c r="D76">
        <f t="shared" si="6"/>
        <v>0.37035499999999999</v>
      </c>
      <c r="E76">
        <f t="shared" si="7"/>
        <v>24.96918299999993</v>
      </c>
      <c r="F76">
        <f t="shared" si="5"/>
        <v>5.2130565009141677E-2</v>
      </c>
    </row>
    <row r="77" spans="1:6" x14ac:dyDescent="0.2">
      <c r="A77">
        <v>1293.582523</v>
      </c>
      <c r="B77">
        <v>19.994979000000001</v>
      </c>
      <c r="C77">
        <v>8.3104770000000006</v>
      </c>
      <c r="D77">
        <f t="shared" si="6"/>
        <v>0.37536000000000058</v>
      </c>
      <c r="E77">
        <f t="shared" si="7"/>
        <v>25.268350999999939</v>
      </c>
      <c r="F77">
        <f t="shared" si="5"/>
        <v>5.2039698432686798E-2</v>
      </c>
    </row>
    <row r="78" spans="1:6" x14ac:dyDescent="0.2">
      <c r="A78">
        <v>1294.3330329999999</v>
      </c>
      <c r="B78">
        <v>19.941158999999999</v>
      </c>
      <c r="C78">
        <v>8.3154819999999994</v>
      </c>
      <c r="D78">
        <f t="shared" si="6"/>
        <v>0.3803649999999994</v>
      </c>
      <c r="E78">
        <f t="shared" si="7"/>
        <v>26.018860999999788</v>
      </c>
      <c r="F78">
        <f t="shared" si="5"/>
        <v>5.2849599224211598E-2</v>
      </c>
    </row>
    <row r="79" spans="1:6" x14ac:dyDescent="0.2">
      <c r="A79">
        <v>1295.5725110000001</v>
      </c>
      <c r="B79">
        <v>19.937356000000001</v>
      </c>
      <c r="C79">
        <v>8.3204860000000007</v>
      </c>
      <c r="D79">
        <f t="shared" si="6"/>
        <v>0.38536900000000074</v>
      </c>
      <c r="E79">
        <f t="shared" si="7"/>
        <v>27.258338999999978</v>
      </c>
      <c r="F79">
        <f t="shared" si="5"/>
        <v>5.4596007856601451E-2</v>
      </c>
    </row>
    <row r="80" spans="1:6" x14ac:dyDescent="0.2">
      <c r="A80">
        <v>1296.9315280000001</v>
      </c>
      <c r="B80">
        <v>19.924873000000002</v>
      </c>
      <c r="C80">
        <v>8.3254909999999995</v>
      </c>
      <c r="D80">
        <f t="shared" si="6"/>
        <v>0.39037399999999955</v>
      </c>
      <c r="E80">
        <f t="shared" si="7"/>
        <v>28.617355999999972</v>
      </c>
      <c r="F80">
        <f t="shared" si="5"/>
        <v>5.6523828951312173E-2</v>
      </c>
    </row>
    <row r="81" spans="1:6" x14ac:dyDescent="0.2">
      <c r="A81">
        <v>1297.7408539999999</v>
      </c>
      <c r="B81">
        <v>19.972158</v>
      </c>
      <c r="C81">
        <v>8.3304960000000001</v>
      </c>
      <c r="D81">
        <f t="shared" si="6"/>
        <v>0.39537900000000015</v>
      </c>
      <c r="E81">
        <f t="shared" si="7"/>
        <v>29.426681999999801</v>
      </c>
      <c r="F81">
        <f t="shared" si="5"/>
        <v>5.7350831725906479E-2</v>
      </c>
    </row>
    <row r="82" spans="1:6" x14ac:dyDescent="0.2">
      <c r="A82">
        <v>1298.634018</v>
      </c>
      <c r="B82">
        <v>19.957066999999999</v>
      </c>
      <c r="C82">
        <v>8.3355010000000007</v>
      </c>
      <c r="D82">
        <f t="shared" si="6"/>
        <v>0.40038400000000074</v>
      </c>
      <c r="E82">
        <f t="shared" si="7"/>
        <v>30.31984599999987</v>
      </c>
      <c r="F82">
        <f t="shared" si="5"/>
        <v>5.8312747171179055E-2</v>
      </c>
    </row>
    <row r="83" spans="1:6" x14ac:dyDescent="0.2">
      <c r="A83">
        <v>1299.0313269999999</v>
      </c>
      <c r="B83">
        <v>19.968996000000001</v>
      </c>
      <c r="C83">
        <v>8.3405059999999995</v>
      </c>
      <c r="D83">
        <f t="shared" si="6"/>
        <v>0.40538899999999956</v>
      </c>
      <c r="E83">
        <f t="shared" si="7"/>
        <v>30.717154999999821</v>
      </c>
      <c r="F83">
        <f t="shared" si="5"/>
        <v>5.8329654566956671E-2</v>
      </c>
    </row>
    <row r="84" spans="1:6" x14ac:dyDescent="0.2">
      <c r="A84">
        <v>1299.0194140000001</v>
      </c>
      <c r="B84">
        <v>20.008786000000001</v>
      </c>
      <c r="C84">
        <v>8.3455100000000009</v>
      </c>
      <c r="D84">
        <f t="shared" si="6"/>
        <v>0.4103930000000009</v>
      </c>
      <c r="E84">
        <f t="shared" si="7"/>
        <v>30.705241999999998</v>
      </c>
      <c r="F84">
        <f t="shared" si="5"/>
        <v>5.7596612089693307E-2</v>
      </c>
    </row>
    <row r="85" spans="1:6" x14ac:dyDescent="0.2">
      <c r="A85">
        <v>1298.9908579999999</v>
      </c>
      <c r="B85">
        <v>20.011233000000001</v>
      </c>
      <c r="C85">
        <v>8.3505149999999997</v>
      </c>
      <c r="D85">
        <f t="shared" si="6"/>
        <v>0.41539799999999971</v>
      </c>
      <c r="E85">
        <f t="shared" si="7"/>
        <v>30.676685999999791</v>
      </c>
      <c r="F85">
        <f t="shared" si="5"/>
        <v>5.6850978650532215E-2</v>
      </c>
    </row>
    <row r="86" spans="1:6" x14ac:dyDescent="0.2">
      <c r="A86">
        <v>1298.282958</v>
      </c>
      <c r="B86">
        <v>20.033306</v>
      </c>
      <c r="C86">
        <v>8.3555200000000003</v>
      </c>
      <c r="D86">
        <f t="shared" si="6"/>
        <v>0.4204030000000003</v>
      </c>
      <c r="E86">
        <f t="shared" si="7"/>
        <v>29.968785999999909</v>
      </c>
      <c r="F86">
        <f t="shared" si="5"/>
        <v>5.4907792996512141E-2</v>
      </c>
    </row>
    <row r="87" spans="1:6" x14ac:dyDescent="0.2">
      <c r="A87">
        <v>1297.8459359999999</v>
      </c>
      <c r="B87">
        <v>19.997306999999999</v>
      </c>
      <c r="C87">
        <v>8.3605250000000009</v>
      </c>
      <c r="D87">
        <f t="shared" si="6"/>
        <v>0.4254080000000009</v>
      </c>
      <c r="E87">
        <f t="shared" si="7"/>
        <v>29.531763999999839</v>
      </c>
      <c r="F87">
        <f t="shared" si="5"/>
        <v>5.34885216633035E-2</v>
      </c>
    </row>
    <row r="88" spans="1:6" x14ac:dyDescent="0.2">
      <c r="A88">
        <v>1297.481777</v>
      </c>
      <c r="B88">
        <v>20.035907000000002</v>
      </c>
      <c r="C88">
        <v>8.3655299999999997</v>
      </c>
      <c r="D88">
        <f t="shared" si="6"/>
        <v>0.43041299999999971</v>
      </c>
      <c r="E88">
        <f t="shared" si="7"/>
        <v>29.167604999999867</v>
      </c>
      <c r="F88">
        <f t="shared" si="5"/>
        <v>5.2229290096238772E-2</v>
      </c>
    </row>
    <row r="89" spans="1:6" x14ac:dyDescent="0.2">
      <c r="A89">
        <v>1296.6478569999999</v>
      </c>
      <c r="B89">
        <v>20.059941999999999</v>
      </c>
      <c r="C89">
        <v>8.3705339999999993</v>
      </c>
      <c r="D89">
        <f t="shared" si="6"/>
        <v>0.43541699999999928</v>
      </c>
      <c r="E89">
        <f t="shared" si="7"/>
        <v>28.333684999999832</v>
      </c>
      <c r="F89">
        <f t="shared" si="5"/>
        <v>5.0185197023883125E-2</v>
      </c>
    </row>
    <row r="90" spans="1:6" x14ac:dyDescent="0.2">
      <c r="A90">
        <v>1295.270741</v>
      </c>
      <c r="B90">
        <v>20.066708999999999</v>
      </c>
      <c r="C90">
        <v>8.3755389999999998</v>
      </c>
      <c r="D90">
        <f t="shared" si="6"/>
        <v>0.44042199999999987</v>
      </c>
      <c r="E90">
        <f t="shared" si="7"/>
        <v>26.956568999999945</v>
      </c>
      <c r="F90">
        <f t="shared" si="5"/>
        <v>4.7253616770579231E-2</v>
      </c>
    </row>
    <row r="91" spans="1:6" x14ac:dyDescent="0.2">
      <c r="A91">
        <v>1293.6809679999999</v>
      </c>
      <c r="B91">
        <v>20.076675999999999</v>
      </c>
      <c r="C91">
        <v>8.3805440000000004</v>
      </c>
      <c r="D91">
        <f t="shared" si="6"/>
        <v>0.44542700000000046</v>
      </c>
      <c r="E91">
        <f t="shared" si="7"/>
        <v>25.366795999999795</v>
      </c>
      <c r="F91">
        <f t="shared" si="5"/>
        <v>4.4021201165074929E-2</v>
      </c>
    </row>
    <row r="92" spans="1:6" x14ac:dyDescent="0.2">
      <c r="A92">
        <v>1292.5709489999999</v>
      </c>
      <c r="B92">
        <v>20.041661999999999</v>
      </c>
      <c r="C92">
        <v>8.3855489999999993</v>
      </c>
      <c r="D92">
        <f t="shared" si="6"/>
        <v>0.45043199999999928</v>
      </c>
      <c r="E92">
        <f t="shared" si="7"/>
        <v>24.256776999999829</v>
      </c>
      <c r="F92">
        <f t="shared" si="5"/>
        <v>4.1662897320918775E-2</v>
      </c>
    </row>
    <row r="93" spans="1:6" x14ac:dyDescent="0.2">
      <c r="A93">
        <v>1291.9667669999999</v>
      </c>
      <c r="B93">
        <v>20.003639</v>
      </c>
      <c r="C93">
        <v>8.3905539999999998</v>
      </c>
      <c r="D93">
        <f t="shared" si="6"/>
        <v>0.45543699999999987</v>
      </c>
      <c r="E93">
        <f t="shared" si="7"/>
        <v>23.652594999999792</v>
      </c>
      <c r="F93">
        <f t="shared" si="5"/>
        <v>4.0197509162822234E-2</v>
      </c>
    </row>
    <row r="94" spans="1:6" x14ac:dyDescent="0.2">
      <c r="A94">
        <v>1291.9679120000001</v>
      </c>
      <c r="B94">
        <v>20.018229999999999</v>
      </c>
      <c r="C94">
        <v>8.3955579999999994</v>
      </c>
      <c r="D94">
        <f t="shared" si="6"/>
        <v>0.46044099999999943</v>
      </c>
      <c r="E94">
        <f t="shared" si="7"/>
        <v>23.653739999999971</v>
      </c>
      <c r="F94">
        <f t="shared" si="5"/>
        <v>3.9762538524240561E-2</v>
      </c>
    </row>
    <row r="95" spans="1:6" x14ac:dyDescent="0.2">
      <c r="A95">
        <v>1291.6430539999999</v>
      </c>
      <c r="B95">
        <v>20.009323999999999</v>
      </c>
      <c r="C95">
        <v>8.400563</v>
      </c>
      <c r="D95">
        <f t="shared" si="6"/>
        <v>0.46544600000000003</v>
      </c>
      <c r="E95">
        <f t="shared" si="7"/>
        <v>23.328881999999794</v>
      </c>
      <c r="F95">
        <f t="shared" si="5"/>
        <v>3.8804501729224825E-2</v>
      </c>
    </row>
    <row r="96" spans="1:6" x14ac:dyDescent="0.2">
      <c r="A96">
        <v>1291.099033</v>
      </c>
      <c r="B96">
        <v>20.007193999999998</v>
      </c>
      <c r="C96">
        <v>8.4055680000000006</v>
      </c>
      <c r="D96">
        <f t="shared" si="6"/>
        <v>0.47045100000000062</v>
      </c>
      <c r="E96">
        <f t="shared" si="7"/>
        <v>22.784860999999864</v>
      </c>
      <c r="F96">
        <f t="shared" si="5"/>
        <v>3.7512191052401118E-2</v>
      </c>
    </row>
    <row r="97" spans="1:6" x14ac:dyDescent="0.2">
      <c r="A97">
        <v>1290.960992</v>
      </c>
      <c r="B97">
        <v>20.013650999999999</v>
      </c>
      <c r="C97">
        <v>8.4105729999999994</v>
      </c>
      <c r="D97">
        <f t="shared" si="6"/>
        <v>0.47545599999999943</v>
      </c>
      <c r="E97">
        <f t="shared" si="7"/>
        <v>22.646819999999934</v>
      </c>
      <c r="F97">
        <f t="shared" si="5"/>
        <v>3.6896381507221174E-2</v>
      </c>
    </row>
    <row r="98" spans="1:6" x14ac:dyDescent="0.2">
      <c r="A98">
        <v>1291.076082</v>
      </c>
      <c r="B98">
        <v>19.972888999999999</v>
      </c>
      <c r="C98">
        <v>8.415578</v>
      </c>
      <c r="D98">
        <f t="shared" si="6"/>
        <v>0.48046100000000003</v>
      </c>
      <c r="E98">
        <f t="shared" si="7"/>
        <v>22.761909999999943</v>
      </c>
      <c r="F98">
        <f t="shared" si="5"/>
        <v>3.6694309974502057E-2</v>
      </c>
    </row>
    <row r="99" spans="1:6" x14ac:dyDescent="0.2">
      <c r="A99">
        <v>1291.613034</v>
      </c>
      <c r="B99">
        <v>19.967656999999999</v>
      </c>
      <c r="C99">
        <v>8.4205819999999996</v>
      </c>
      <c r="D99">
        <f t="shared" si="6"/>
        <v>0.48546499999999959</v>
      </c>
      <c r="E99">
        <f t="shared" si="7"/>
        <v>23.298861999999872</v>
      </c>
      <c r="F99">
        <f t="shared" si="5"/>
        <v>3.7157318538197245E-2</v>
      </c>
    </row>
    <row r="100" spans="1:6" x14ac:dyDescent="0.2">
      <c r="A100">
        <v>1292.754351</v>
      </c>
      <c r="B100">
        <v>19.927880999999999</v>
      </c>
      <c r="C100">
        <v>8.4255870000000002</v>
      </c>
      <c r="D100">
        <f t="shared" si="6"/>
        <v>0.49047000000000018</v>
      </c>
      <c r="E100">
        <f t="shared" si="7"/>
        <v>24.440178999999944</v>
      </c>
      <c r="F100">
        <f t="shared" si="5"/>
        <v>3.8545698995596872E-2</v>
      </c>
    </row>
    <row r="101" spans="1:6" x14ac:dyDescent="0.2">
      <c r="A101">
        <v>1294.05168</v>
      </c>
      <c r="B101">
        <v>19.938555000000001</v>
      </c>
      <c r="C101">
        <v>8.4305920000000008</v>
      </c>
      <c r="D101">
        <f t="shared" si="6"/>
        <v>0.49547500000000078</v>
      </c>
      <c r="E101">
        <f t="shared" si="7"/>
        <v>25.737507999999934</v>
      </c>
      <c r="F101">
        <f t="shared" si="5"/>
        <v>4.0141456583817202E-2</v>
      </c>
    </row>
    <row r="102" spans="1:6" x14ac:dyDescent="0.2">
      <c r="A102">
        <v>1295.2832530000001</v>
      </c>
      <c r="B102">
        <v>19.946603</v>
      </c>
      <c r="C102">
        <v>8.4355969999999996</v>
      </c>
      <c r="D102">
        <f t="shared" si="6"/>
        <v>0.50047999999999959</v>
      </c>
      <c r="E102">
        <f t="shared" si="7"/>
        <v>26.96908099999996</v>
      </c>
      <c r="F102">
        <f t="shared" si="5"/>
        <v>4.1602044109972598E-2</v>
      </c>
    </row>
    <row r="103" spans="1:6" x14ac:dyDescent="0.2">
      <c r="A103">
        <v>1295.8437449999999</v>
      </c>
      <c r="B103">
        <v>19.976489999999998</v>
      </c>
      <c r="C103">
        <v>8.4406020000000002</v>
      </c>
      <c r="D103">
        <f t="shared" si="6"/>
        <v>0.50548500000000018</v>
      </c>
      <c r="E103">
        <f t="shared" si="7"/>
        <v>27.5295729999998</v>
      </c>
      <c r="F103">
        <f t="shared" si="5"/>
        <v>4.2027984738630758E-2</v>
      </c>
    </row>
    <row r="104" spans="1:6" x14ac:dyDescent="0.2">
      <c r="A104">
        <v>1296.2596169999999</v>
      </c>
      <c r="B104">
        <v>19.966608000000001</v>
      </c>
      <c r="C104">
        <v>8.4456059999999997</v>
      </c>
      <c r="D104">
        <f t="shared" si="6"/>
        <v>0.51048899999999975</v>
      </c>
      <c r="E104">
        <f t="shared" si="7"/>
        <v>27.945444999999836</v>
      </c>
      <c r="F104">
        <f t="shared" si="5"/>
        <v>4.2231124906898974E-2</v>
      </c>
    </row>
    <row r="105" spans="1:6" x14ac:dyDescent="0.2">
      <c r="A105">
        <v>1297.4492049999999</v>
      </c>
      <c r="B105">
        <v>19.914099</v>
      </c>
      <c r="C105">
        <v>8.4506110000000003</v>
      </c>
      <c r="D105">
        <f t="shared" si="6"/>
        <v>0.51549400000000034</v>
      </c>
      <c r="E105">
        <f t="shared" si="7"/>
        <v>29.135032999999794</v>
      </c>
      <c r="F105">
        <f t="shared" si="5"/>
        <v>4.3561370551439577E-2</v>
      </c>
    </row>
    <row r="106" spans="1:6" x14ac:dyDescent="0.2">
      <c r="A106">
        <v>1298.9851550000001</v>
      </c>
      <c r="B106">
        <v>19.932264</v>
      </c>
      <c r="C106">
        <v>8.4556159999999991</v>
      </c>
      <c r="D106">
        <f t="shared" si="6"/>
        <v>0.52049899999999916</v>
      </c>
      <c r="E106">
        <f t="shared" si="7"/>
        <v>30.670982999999978</v>
      </c>
      <c r="F106">
        <f t="shared" si="5"/>
        <v>4.5363192168729749E-2</v>
      </c>
    </row>
    <row r="107" spans="1:6" x14ac:dyDescent="0.2">
      <c r="A107">
        <v>1300.2637990000001</v>
      </c>
      <c r="B107">
        <v>19.935085999999998</v>
      </c>
      <c r="C107">
        <v>8.4606209999999997</v>
      </c>
      <c r="D107">
        <f t="shared" si="6"/>
        <v>0.52550399999999975</v>
      </c>
      <c r="E107">
        <f t="shared" si="7"/>
        <v>31.949626999999964</v>
      </c>
      <c r="F107">
        <f t="shared" si="5"/>
        <v>4.6758254966509663E-2</v>
      </c>
    </row>
    <row r="108" spans="1:6" x14ac:dyDescent="0.2">
      <c r="A108">
        <v>1301.240174</v>
      </c>
      <c r="B108">
        <v>19.950624999999999</v>
      </c>
      <c r="C108">
        <v>8.4656260000000003</v>
      </c>
      <c r="D108">
        <f t="shared" si="6"/>
        <v>0.53050900000000034</v>
      </c>
      <c r="E108">
        <f t="shared" si="7"/>
        <v>32.926001999999926</v>
      </c>
      <c r="F108">
        <f t="shared" si="5"/>
        <v>4.7696749274720861E-2</v>
      </c>
    </row>
    <row r="109" spans="1:6" x14ac:dyDescent="0.2">
      <c r="A109">
        <v>1301.4459750000001</v>
      </c>
      <c r="B109">
        <v>20.012101000000001</v>
      </c>
      <c r="C109">
        <v>8.4706299999999999</v>
      </c>
      <c r="D109">
        <f t="shared" si="6"/>
        <v>0.53551299999999991</v>
      </c>
      <c r="E109">
        <f t="shared" si="7"/>
        <v>33.131802999999991</v>
      </c>
      <c r="F109">
        <f t="shared" si="5"/>
        <v>4.7538875839200578E-2</v>
      </c>
    </row>
    <row r="110" spans="1:6" x14ac:dyDescent="0.2">
      <c r="A110">
        <v>1301.3262890000001</v>
      </c>
      <c r="B110">
        <v>20.001149999999999</v>
      </c>
      <c r="C110">
        <v>8.4756350000000005</v>
      </c>
      <c r="D110">
        <f t="shared" si="6"/>
        <v>0.5405180000000005</v>
      </c>
      <c r="E110">
        <f t="shared" si="7"/>
        <v>33.012116999999989</v>
      </c>
      <c r="F110">
        <f t="shared" si="5"/>
        <v>4.6932859031766264E-2</v>
      </c>
    </row>
    <row r="111" spans="1:6" x14ac:dyDescent="0.2">
      <c r="A111">
        <v>1300.5937200000001</v>
      </c>
      <c r="B111">
        <v>20.045721</v>
      </c>
      <c r="C111">
        <v>8.4806399999999993</v>
      </c>
      <c r="D111">
        <f t="shared" si="6"/>
        <v>0.54552299999999931</v>
      </c>
      <c r="E111">
        <f t="shared" si="7"/>
        <v>32.279547999999977</v>
      </c>
      <c r="F111">
        <f t="shared" si="5"/>
        <v>4.5495948788143316E-2</v>
      </c>
    </row>
    <row r="112" spans="1:6" x14ac:dyDescent="0.2">
      <c r="A112">
        <v>1299.987893</v>
      </c>
      <c r="B112">
        <v>20.035753</v>
      </c>
      <c r="C112">
        <v>8.4856449999999999</v>
      </c>
      <c r="D112">
        <f t="shared" si="6"/>
        <v>0.55052799999999991</v>
      </c>
      <c r="E112">
        <f t="shared" si="7"/>
        <v>31.673720999999887</v>
      </c>
      <c r="F112">
        <f t="shared" si="5"/>
        <v>4.4256836489483663E-2</v>
      </c>
    </row>
    <row r="113" spans="1:6" x14ac:dyDescent="0.2">
      <c r="A113">
        <v>1298.9872640000001</v>
      </c>
      <c r="B113">
        <v>20.03443</v>
      </c>
      <c r="C113">
        <v>8.4906500000000005</v>
      </c>
      <c r="D113">
        <f t="shared" si="6"/>
        <v>0.5555330000000005</v>
      </c>
      <c r="E113">
        <f t="shared" si="7"/>
        <v>30.673091999999997</v>
      </c>
      <c r="F113">
        <f t="shared" si="5"/>
        <v>4.2505272230733381E-2</v>
      </c>
    </row>
    <row r="114" spans="1:6" x14ac:dyDescent="0.2">
      <c r="A114">
        <v>1298.0777390000001</v>
      </c>
      <c r="B114">
        <v>20.057424999999999</v>
      </c>
      <c r="C114">
        <v>8.495654</v>
      </c>
      <c r="D114">
        <f t="shared" si="6"/>
        <v>0.56053700000000006</v>
      </c>
      <c r="E114">
        <f t="shared" si="7"/>
        <v>29.763566999999966</v>
      </c>
      <c r="F114">
        <f t="shared" si="5"/>
        <v>4.0905338489771341E-2</v>
      </c>
    </row>
    <row r="115" spans="1:6" x14ac:dyDescent="0.2">
      <c r="A115">
        <v>1296.605519</v>
      </c>
      <c r="B115">
        <v>20.065194999999999</v>
      </c>
      <c r="C115">
        <v>8.5006590000000006</v>
      </c>
      <c r="D115">
        <f t="shared" si="6"/>
        <v>0.56554200000000066</v>
      </c>
      <c r="E115">
        <f t="shared" si="7"/>
        <v>28.29134699999986</v>
      </c>
      <c r="F115">
        <f t="shared" si="5"/>
        <v>3.8581658823670088E-2</v>
      </c>
    </row>
    <row r="116" spans="1:6" x14ac:dyDescent="0.2">
      <c r="A116">
        <v>1295.027515</v>
      </c>
      <c r="B116">
        <v>20.092859000000001</v>
      </c>
      <c r="C116">
        <v>8.5056639999999994</v>
      </c>
      <c r="D116">
        <f t="shared" si="6"/>
        <v>0.57054699999999947</v>
      </c>
      <c r="E116">
        <f t="shared" si="7"/>
        <v>26.713342999999895</v>
      </c>
      <c r="F116">
        <f t="shared" si="5"/>
        <v>3.6154121948494967E-2</v>
      </c>
    </row>
    <row r="117" spans="1:6" x14ac:dyDescent="0.2">
      <c r="A117">
        <v>1293.6520700000001</v>
      </c>
      <c r="B117">
        <v>20.061361000000002</v>
      </c>
      <c r="C117">
        <v>8.510669</v>
      </c>
      <c r="D117">
        <f t="shared" si="6"/>
        <v>0.57555200000000006</v>
      </c>
      <c r="E117">
        <f t="shared" si="7"/>
        <v>25.337897999999996</v>
      </c>
      <c r="F117">
        <f t="shared" si="5"/>
        <v>3.4030515534387636E-2</v>
      </c>
    </row>
    <row r="118" spans="1:6" x14ac:dyDescent="0.2">
      <c r="A118">
        <v>1292.464624</v>
      </c>
      <c r="B118">
        <v>20.044809000000001</v>
      </c>
      <c r="C118">
        <v>8.5156740000000006</v>
      </c>
      <c r="D118">
        <f t="shared" si="6"/>
        <v>0.58055700000000066</v>
      </c>
      <c r="E118">
        <f t="shared" si="7"/>
        <v>24.150451999999859</v>
      </c>
      <c r="F118">
        <f t="shared" si="5"/>
        <v>3.2185609120149339E-2</v>
      </c>
    </row>
    <row r="119" spans="1:6" x14ac:dyDescent="0.2">
      <c r="A119">
        <v>1291.7126949999999</v>
      </c>
      <c r="B119">
        <v>20.036487999999999</v>
      </c>
      <c r="C119">
        <v>8.5206780000000002</v>
      </c>
      <c r="D119">
        <f t="shared" si="6"/>
        <v>0.58556100000000022</v>
      </c>
      <c r="E119">
        <f t="shared" si="7"/>
        <v>23.398522999999841</v>
      </c>
      <c r="F119">
        <f t="shared" si="5"/>
        <v>3.0935017951675518E-2</v>
      </c>
    </row>
    <row r="120" spans="1:6" x14ac:dyDescent="0.2">
      <c r="A120">
        <v>1291.811328</v>
      </c>
      <c r="B120">
        <v>19.962710999999999</v>
      </c>
      <c r="C120">
        <v>8.5256830000000008</v>
      </c>
      <c r="D120">
        <f t="shared" si="6"/>
        <v>0.59056600000000081</v>
      </c>
      <c r="E120">
        <f t="shared" si="7"/>
        <v>23.497155999999904</v>
      </c>
      <c r="F120">
        <f t="shared" si="5"/>
        <v>3.079979113780773E-2</v>
      </c>
    </row>
    <row r="121" spans="1:6" x14ac:dyDescent="0.2">
      <c r="A121">
        <v>1292.5203690000001</v>
      </c>
      <c r="B121">
        <v>19.957215999999999</v>
      </c>
      <c r="C121">
        <v>8.5306879999999996</v>
      </c>
      <c r="D121">
        <f t="shared" si="6"/>
        <v>0.59557099999999963</v>
      </c>
      <c r="E121">
        <f t="shared" si="7"/>
        <v>24.206196999999975</v>
      </c>
      <c r="F121">
        <f t="shared" si="5"/>
        <v>3.1445291492177833E-2</v>
      </c>
    </row>
    <row r="122" spans="1:6" x14ac:dyDescent="0.2">
      <c r="A122">
        <v>1292.7257959999999</v>
      </c>
      <c r="B122">
        <v>20.010831</v>
      </c>
      <c r="C122">
        <v>8.5356930000000002</v>
      </c>
      <c r="D122">
        <f t="shared" si="6"/>
        <v>0.60057600000000022</v>
      </c>
      <c r="E122">
        <f t="shared" si="7"/>
        <v>24.411623999999847</v>
      </c>
      <c r="F122">
        <f t="shared" si="5"/>
        <v>3.144287751328536E-2</v>
      </c>
    </row>
    <row r="123" spans="1:6" x14ac:dyDescent="0.2">
      <c r="A123">
        <v>1293.047456</v>
      </c>
      <c r="B123">
        <v>19.960173999999999</v>
      </c>
      <c r="C123">
        <v>8.5406980000000008</v>
      </c>
      <c r="D123">
        <f t="shared" si="6"/>
        <v>0.60558100000000081</v>
      </c>
      <c r="E123">
        <f t="shared" si="7"/>
        <v>24.733283999999912</v>
      </c>
      <c r="F123">
        <f t="shared" si="5"/>
        <v>3.1586032605686723E-2</v>
      </c>
    </row>
    <row r="124" spans="1:6" x14ac:dyDescent="0.2">
      <c r="A124">
        <v>1293.9540139999999</v>
      </c>
      <c r="B124">
        <v>19.943252000000001</v>
      </c>
      <c r="C124">
        <v>8.5457020000000004</v>
      </c>
      <c r="D124">
        <f t="shared" si="6"/>
        <v>0.61058500000000038</v>
      </c>
      <c r="E124">
        <f t="shared" si="7"/>
        <v>25.639841999999817</v>
      </c>
      <c r="F124">
        <f t="shared" si="5"/>
        <v>3.2452665359071237E-2</v>
      </c>
    </row>
    <row r="125" spans="1:6" x14ac:dyDescent="0.2">
      <c r="A125">
        <v>1295.1338479999999</v>
      </c>
      <c r="B125">
        <v>19.932984000000001</v>
      </c>
      <c r="C125">
        <v>8.5507069999999992</v>
      </c>
      <c r="D125">
        <f t="shared" si="6"/>
        <v>0.61558999999999919</v>
      </c>
      <c r="E125">
        <f t="shared" si="7"/>
        <v>26.819675999999845</v>
      </c>
      <c r="F125">
        <f t="shared" si="5"/>
        <v>3.3639328426601112E-2</v>
      </c>
    </row>
    <row r="126" spans="1:6" x14ac:dyDescent="0.2">
      <c r="A126">
        <v>1296.2423819999999</v>
      </c>
      <c r="B126">
        <v>19.932416</v>
      </c>
      <c r="C126">
        <v>8.5557119999999998</v>
      </c>
      <c r="D126">
        <f t="shared" si="6"/>
        <v>0.62059499999999979</v>
      </c>
      <c r="E126">
        <f t="shared" si="7"/>
        <v>27.928209999999808</v>
      </c>
      <c r="F126">
        <f t="shared" si="5"/>
        <v>3.4717513423403443E-2</v>
      </c>
    </row>
    <row r="127" spans="1:6" x14ac:dyDescent="0.2">
      <c r="A127">
        <v>1297.694121</v>
      </c>
      <c r="B127">
        <v>19.926264</v>
      </c>
      <c r="C127">
        <v>8.5607170000000004</v>
      </c>
      <c r="D127">
        <f t="shared" si="6"/>
        <v>0.62560000000000038</v>
      </c>
      <c r="E127">
        <f t="shared" si="7"/>
        <v>29.379948999999897</v>
      </c>
      <c r="F127">
        <f t="shared" si="5"/>
        <v>3.6189448129035406E-2</v>
      </c>
    </row>
    <row r="128" spans="1:6" x14ac:dyDescent="0.2">
      <c r="A128">
        <v>1299.0263110000001</v>
      </c>
      <c r="B128">
        <v>19.932888999999999</v>
      </c>
      <c r="C128">
        <v>8.5657219999999992</v>
      </c>
      <c r="D128">
        <f t="shared" si="6"/>
        <v>0.63060499999999919</v>
      </c>
      <c r="E128">
        <f t="shared" si="7"/>
        <v>30.712138999999979</v>
      </c>
      <c r="F128">
        <f t="shared" si="5"/>
        <v>3.7491663224881885E-2</v>
      </c>
    </row>
    <row r="129" spans="1:6" x14ac:dyDescent="0.2">
      <c r="A129">
        <v>1300.1706200000001</v>
      </c>
      <c r="B129">
        <v>19.956098999999998</v>
      </c>
      <c r="C129">
        <v>8.5707260000000005</v>
      </c>
      <c r="D129">
        <f t="shared" si="6"/>
        <v>0.63560900000000053</v>
      </c>
      <c r="E129">
        <f t="shared" si="7"/>
        <v>31.856448</v>
      </c>
      <c r="F129">
        <f t="shared" si="5"/>
        <v>3.8548453908465605E-2</v>
      </c>
    </row>
    <row r="130" spans="1:6" x14ac:dyDescent="0.2">
      <c r="A130">
        <v>1300.505091</v>
      </c>
      <c r="B130">
        <v>19.979234999999999</v>
      </c>
      <c r="C130">
        <v>8.5757309999999993</v>
      </c>
      <c r="D130">
        <f t="shared" si="6"/>
        <v>0.64061399999999935</v>
      </c>
      <c r="E130">
        <f t="shared" si="7"/>
        <v>32.190918999999894</v>
      </c>
      <c r="F130">
        <f t="shared" si="5"/>
        <v>3.8638912368285344E-2</v>
      </c>
    </row>
    <row r="131" spans="1:6" x14ac:dyDescent="0.2">
      <c r="A131">
        <v>1300.865427</v>
      </c>
      <c r="B131">
        <v>19.973873999999999</v>
      </c>
      <c r="C131">
        <v>8.5807359999999999</v>
      </c>
      <c r="D131">
        <f t="shared" si="6"/>
        <v>0.64561899999999994</v>
      </c>
      <c r="E131">
        <f t="shared" si="7"/>
        <v>32.551254999999855</v>
      </c>
      <c r="F131">
        <f t="shared" ref="F131:F194" si="8">(1/A131)*(E131/D131)</f>
        <v>3.8757795137029087E-2</v>
      </c>
    </row>
    <row r="132" spans="1:6" x14ac:dyDescent="0.2">
      <c r="A132">
        <v>1301.1735229999999</v>
      </c>
      <c r="B132">
        <v>19.993202</v>
      </c>
      <c r="C132">
        <v>8.5857410000000005</v>
      </c>
      <c r="D132">
        <f t="shared" si="6"/>
        <v>0.65062400000000054</v>
      </c>
      <c r="E132">
        <f t="shared" si="7"/>
        <v>32.859350999999833</v>
      </c>
      <c r="F132">
        <f t="shared" si="8"/>
        <v>3.8814472175010731E-2</v>
      </c>
    </row>
    <row r="133" spans="1:6" x14ac:dyDescent="0.2">
      <c r="A133">
        <v>1301.0142149999999</v>
      </c>
      <c r="B133">
        <v>20.000672000000002</v>
      </c>
      <c r="C133">
        <v>8.5907459999999993</v>
      </c>
      <c r="D133">
        <f t="shared" si="6"/>
        <v>0.65562899999999935</v>
      </c>
      <c r="E133">
        <f t="shared" si="7"/>
        <v>32.700042999999823</v>
      </c>
      <c r="F133">
        <f t="shared" si="8"/>
        <v>3.8336117443065948E-2</v>
      </c>
    </row>
    <row r="134" spans="1:6" x14ac:dyDescent="0.2">
      <c r="A134">
        <v>1301.0594719999999</v>
      </c>
      <c r="B134">
        <v>20.012575999999999</v>
      </c>
      <c r="C134">
        <v>8.5957500000000007</v>
      </c>
      <c r="D134">
        <f t="shared" si="6"/>
        <v>0.66063300000000069</v>
      </c>
      <c r="E134">
        <f t="shared" si="7"/>
        <v>32.745299999999816</v>
      </c>
      <c r="F134">
        <f t="shared" si="8"/>
        <v>3.809706869387141E-2</v>
      </c>
    </row>
    <row r="135" spans="1:6" x14ac:dyDescent="0.2">
      <c r="A135">
        <v>1300.8244010000001</v>
      </c>
      <c r="B135">
        <v>20.002870999999999</v>
      </c>
      <c r="C135">
        <v>8.6007549999999995</v>
      </c>
      <c r="D135">
        <f t="shared" ref="D135:D198" si="9">C135-$C$2</f>
        <v>0.66563799999999951</v>
      </c>
      <c r="E135">
        <f t="shared" ref="E135:E198" si="10">A135-$A$2</f>
        <v>32.510228999999981</v>
      </c>
      <c r="F135">
        <f t="shared" si="8"/>
        <v>3.7545962906152058E-2</v>
      </c>
    </row>
    <row r="136" spans="1:6" x14ac:dyDescent="0.2">
      <c r="A136">
        <v>1300.204311</v>
      </c>
      <c r="B136">
        <v>20.02712</v>
      </c>
      <c r="C136">
        <v>8.6057600000000001</v>
      </c>
      <c r="D136">
        <f t="shared" si="9"/>
        <v>0.6706430000000001</v>
      </c>
      <c r="E136">
        <f t="shared" si="10"/>
        <v>31.890138999999863</v>
      </c>
      <c r="F136">
        <f t="shared" si="8"/>
        <v>3.657239608936081E-2</v>
      </c>
    </row>
    <row r="137" spans="1:6" x14ac:dyDescent="0.2">
      <c r="A137">
        <v>1299.5586840000001</v>
      </c>
      <c r="B137">
        <v>20.027698999999998</v>
      </c>
      <c r="C137">
        <v>8.6107650000000007</v>
      </c>
      <c r="D137">
        <f t="shared" si="9"/>
        <v>0.67564800000000069</v>
      </c>
      <c r="E137">
        <f t="shared" si="10"/>
        <v>31.244511999999986</v>
      </c>
      <c r="F137">
        <f t="shared" si="8"/>
        <v>3.5584212143895115E-2</v>
      </c>
    </row>
    <row r="138" spans="1:6" x14ac:dyDescent="0.2">
      <c r="A138">
        <v>1298.992634</v>
      </c>
      <c r="B138">
        <v>20.015986999999999</v>
      </c>
      <c r="C138">
        <v>8.6157699999999995</v>
      </c>
      <c r="D138">
        <f t="shared" si="9"/>
        <v>0.68065299999999951</v>
      </c>
      <c r="E138">
        <f t="shared" si="10"/>
        <v>30.678461999999854</v>
      </c>
      <c r="F138">
        <f t="shared" si="8"/>
        <v>3.4697735490708315E-2</v>
      </c>
    </row>
    <row r="139" spans="1:6" x14ac:dyDescent="0.2">
      <c r="A139">
        <v>1298.7759840000001</v>
      </c>
      <c r="B139">
        <v>20.041232999999998</v>
      </c>
      <c r="C139">
        <v>8.6207740000000008</v>
      </c>
      <c r="D139">
        <f t="shared" si="9"/>
        <v>0.68565700000000085</v>
      </c>
      <c r="E139">
        <f t="shared" si="10"/>
        <v>30.461812000000009</v>
      </c>
      <c r="F139">
        <f t="shared" si="8"/>
        <v>3.4206967099732109E-2</v>
      </c>
    </row>
    <row r="140" spans="1:6" x14ac:dyDescent="0.2">
      <c r="A140">
        <v>1298.8366209999999</v>
      </c>
      <c r="B140">
        <v>19.965325</v>
      </c>
      <c r="C140">
        <v>8.6257789999999996</v>
      </c>
      <c r="D140">
        <f t="shared" si="9"/>
        <v>0.69066199999999967</v>
      </c>
      <c r="E140">
        <f t="shared" si="10"/>
        <v>30.522448999999824</v>
      </c>
      <c r="F140">
        <f t="shared" si="8"/>
        <v>3.4025090550775634E-2</v>
      </c>
    </row>
    <row r="141" spans="1:6" x14ac:dyDescent="0.2">
      <c r="A141">
        <v>1298.6884419999999</v>
      </c>
      <c r="B141">
        <v>20.010338000000001</v>
      </c>
      <c r="C141">
        <v>8.6307840000000002</v>
      </c>
      <c r="D141">
        <f t="shared" si="9"/>
        <v>0.69566700000000026</v>
      </c>
      <c r="E141">
        <f t="shared" si="10"/>
        <v>30.374269999999797</v>
      </c>
      <c r="F141">
        <f t="shared" si="8"/>
        <v>3.3620136412105511E-2</v>
      </c>
    </row>
    <row r="142" spans="1:6" x14ac:dyDescent="0.2">
      <c r="A142">
        <v>1298.54529</v>
      </c>
      <c r="B142">
        <v>20.013766</v>
      </c>
      <c r="C142">
        <v>8.6357890000000008</v>
      </c>
      <c r="D142">
        <f t="shared" si="9"/>
        <v>0.70067200000000085</v>
      </c>
      <c r="E142">
        <f t="shared" si="10"/>
        <v>30.231117999999924</v>
      </c>
      <c r="F142">
        <f t="shared" si="8"/>
        <v>3.3226327726199927E-2</v>
      </c>
    </row>
    <row r="143" spans="1:6" x14ac:dyDescent="0.2">
      <c r="A143">
        <v>1298.3031450000001</v>
      </c>
      <c r="B143">
        <v>19.998545</v>
      </c>
      <c r="C143">
        <v>8.6407939999999996</v>
      </c>
      <c r="D143">
        <f t="shared" si="9"/>
        <v>0.70567699999999967</v>
      </c>
      <c r="E143">
        <f t="shared" si="10"/>
        <v>29.988972999999987</v>
      </c>
      <c r="F143">
        <f t="shared" si="8"/>
        <v>3.2732525982617729E-2</v>
      </c>
    </row>
    <row r="144" spans="1:6" x14ac:dyDescent="0.2">
      <c r="A144">
        <v>1298.623171</v>
      </c>
      <c r="B144">
        <v>19.971382999999999</v>
      </c>
      <c r="C144">
        <v>8.6457979999999992</v>
      </c>
      <c r="D144">
        <f t="shared" si="9"/>
        <v>0.71068099999999923</v>
      </c>
      <c r="E144">
        <f t="shared" si="10"/>
        <v>30.308998999999858</v>
      </c>
      <c r="F144">
        <f t="shared" si="8"/>
        <v>3.2840800985693544E-2</v>
      </c>
    </row>
    <row r="145" spans="1:6" x14ac:dyDescent="0.2">
      <c r="A145">
        <v>1298.8576619999999</v>
      </c>
      <c r="B145">
        <v>19.977</v>
      </c>
      <c r="C145">
        <v>8.6508029999999998</v>
      </c>
      <c r="D145">
        <f t="shared" si="9"/>
        <v>0.71568599999999982</v>
      </c>
      <c r="E145">
        <f t="shared" si="10"/>
        <v>30.543489999999792</v>
      </c>
      <c r="F145">
        <f t="shared" si="8"/>
        <v>3.2857504577606625E-2</v>
      </c>
    </row>
    <row r="146" spans="1:6" x14ac:dyDescent="0.2">
      <c r="A146">
        <v>1298.9489430000001</v>
      </c>
      <c r="B146">
        <v>20.008627000000001</v>
      </c>
      <c r="C146">
        <v>8.6558080000000004</v>
      </c>
      <c r="D146">
        <f t="shared" si="9"/>
        <v>0.72069100000000041</v>
      </c>
      <c r="E146">
        <f t="shared" si="10"/>
        <v>30.634771000000001</v>
      </c>
      <c r="F146">
        <f t="shared" si="8"/>
        <v>3.2724533088468705E-2</v>
      </c>
    </row>
    <row r="147" spans="1:6" x14ac:dyDescent="0.2">
      <c r="A147">
        <v>1299.032651</v>
      </c>
      <c r="B147">
        <v>19.998000000000001</v>
      </c>
      <c r="C147">
        <v>8.6608129999999992</v>
      </c>
      <c r="D147">
        <f t="shared" si="9"/>
        <v>0.72569599999999923</v>
      </c>
      <c r="E147">
        <f t="shared" si="10"/>
        <v>30.718478999999888</v>
      </c>
      <c r="F147">
        <f t="shared" si="8"/>
        <v>3.2585539198947959E-2</v>
      </c>
    </row>
    <row r="148" spans="1:6" x14ac:dyDescent="0.2">
      <c r="A148">
        <v>1298.864894</v>
      </c>
      <c r="B148">
        <v>19.998674999999999</v>
      </c>
      <c r="C148">
        <v>8.6658179999999998</v>
      </c>
      <c r="D148">
        <f t="shared" si="9"/>
        <v>0.73070099999999982</v>
      </c>
      <c r="E148">
        <f t="shared" si="10"/>
        <v>30.550721999999951</v>
      </c>
      <c r="F148">
        <f t="shared" si="8"/>
        <v>3.2189764385180328E-2</v>
      </c>
    </row>
    <row r="149" spans="1:6" x14ac:dyDescent="0.2">
      <c r="A149">
        <v>1298.9092020000001</v>
      </c>
      <c r="B149">
        <v>19.996328999999999</v>
      </c>
      <c r="C149">
        <v>8.6708219999999994</v>
      </c>
      <c r="D149">
        <f t="shared" si="9"/>
        <v>0.73570499999999939</v>
      </c>
      <c r="E149">
        <f t="shared" si="10"/>
        <v>30.595029999999952</v>
      </c>
      <c r="F149">
        <f t="shared" si="8"/>
        <v>3.201609664305051E-2</v>
      </c>
    </row>
    <row r="150" spans="1:6" x14ac:dyDescent="0.2">
      <c r="A150">
        <v>1298.766453</v>
      </c>
      <c r="B150">
        <v>19.995650999999999</v>
      </c>
      <c r="C150">
        <v>8.675827</v>
      </c>
      <c r="D150">
        <f t="shared" si="9"/>
        <v>0.74070999999999998</v>
      </c>
      <c r="E150">
        <f t="shared" si="10"/>
        <v>30.452280999999857</v>
      </c>
      <c r="F150">
        <f t="shared" si="8"/>
        <v>3.1654871755336655E-2</v>
      </c>
    </row>
    <row r="151" spans="1:6" x14ac:dyDescent="0.2">
      <c r="A151">
        <v>1298.5047139999999</v>
      </c>
      <c r="B151">
        <v>20.020714999999999</v>
      </c>
      <c r="C151">
        <v>8.6808320000000005</v>
      </c>
      <c r="D151">
        <f t="shared" si="9"/>
        <v>0.74571500000000057</v>
      </c>
      <c r="E151">
        <f t="shared" si="10"/>
        <v>30.190541999999823</v>
      </c>
      <c r="F151">
        <f t="shared" si="8"/>
        <v>3.117844851377435E-2</v>
      </c>
    </row>
    <row r="152" spans="1:6" x14ac:dyDescent="0.2">
      <c r="A152">
        <v>1298.338606</v>
      </c>
      <c r="B152">
        <v>19.991562999999999</v>
      </c>
      <c r="C152">
        <v>8.6858369999999994</v>
      </c>
      <c r="D152">
        <f t="shared" si="9"/>
        <v>0.75071999999999939</v>
      </c>
      <c r="E152">
        <f t="shared" si="10"/>
        <v>30.024433999999928</v>
      </c>
      <c r="F152">
        <f t="shared" si="8"/>
        <v>3.0804124644343206E-2</v>
      </c>
    </row>
    <row r="153" spans="1:6" x14ac:dyDescent="0.2">
      <c r="A153">
        <v>1298.5497</v>
      </c>
      <c r="B153">
        <v>19.983518</v>
      </c>
      <c r="C153">
        <v>8.690842</v>
      </c>
      <c r="D153">
        <f t="shared" si="9"/>
        <v>0.75572499999999998</v>
      </c>
      <c r="E153">
        <f t="shared" si="10"/>
        <v>30.235527999999931</v>
      </c>
      <c r="F153">
        <f t="shared" si="8"/>
        <v>3.081024781938442E-2</v>
      </c>
    </row>
    <row r="154" spans="1:6" x14ac:dyDescent="0.2">
      <c r="A154">
        <v>1298.793627</v>
      </c>
      <c r="B154">
        <v>19.995377999999999</v>
      </c>
      <c r="C154">
        <v>8.6958459999999995</v>
      </c>
      <c r="D154">
        <f t="shared" si="9"/>
        <v>0.76072899999999954</v>
      </c>
      <c r="E154">
        <f t="shared" si="10"/>
        <v>30.479454999999916</v>
      </c>
      <c r="F154">
        <f t="shared" si="8"/>
        <v>3.0848714823674392E-2</v>
      </c>
    </row>
    <row r="155" spans="1:6" x14ac:dyDescent="0.2">
      <c r="A155">
        <v>1298.9417510000001</v>
      </c>
      <c r="B155">
        <v>19.972553999999999</v>
      </c>
      <c r="C155">
        <v>8.7008510000000001</v>
      </c>
      <c r="D155">
        <f t="shared" si="9"/>
        <v>0.76573400000000014</v>
      </c>
      <c r="E155">
        <f t="shared" si="10"/>
        <v>30.627578999999969</v>
      </c>
      <c r="F155">
        <f t="shared" si="8"/>
        <v>3.079250789825962E-2</v>
      </c>
    </row>
    <row r="156" spans="1:6" x14ac:dyDescent="0.2">
      <c r="A156">
        <v>1299.0040959999999</v>
      </c>
      <c r="B156">
        <v>20.001339000000002</v>
      </c>
      <c r="C156">
        <v>8.7058560000000007</v>
      </c>
      <c r="D156">
        <f t="shared" si="9"/>
        <v>0.77073900000000073</v>
      </c>
      <c r="E156">
        <f t="shared" si="10"/>
        <v>30.689923999999792</v>
      </c>
      <c r="F156">
        <f t="shared" si="8"/>
        <v>3.0653350936863017E-2</v>
      </c>
    </row>
    <row r="157" spans="1:6" x14ac:dyDescent="0.2">
      <c r="A157">
        <v>1299.3867279999999</v>
      </c>
      <c r="B157">
        <v>19.976928000000001</v>
      </c>
      <c r="C157">
        <v>8.7108609999999995</v>
      </c>
      <c r="D157">
        <f t="shared" si="9"/>
        <v>0.77574399999999955</v>
      </c>
      <c r="E157">
        <f t="shared" si="10"/>
        <v>31.07255599999985</v>
      </c>
      <c r="F157">
        <f t="shared" si="8"/>
        <v>3.082620964263405E-2</v>
      </c>
    </row>
    <row r="158" spans="1:6" x14ac:dyDescent="0.2">
      <c r="A158">
        <v>1299.8004060000001</v>
      </c>
      <c r="B158">
        <v>19.978456999999999</v>
      </c>
      <c r="C158">
        <v>8.7158660000000001</v>
      </c>
      <c r="D158">
        <f t="shared" si="9"/>
        <v>0.78074900000000014</v>
      </c>
      <c r="E158">
        <f t="shared" si="10"/>
        <v>31.486233999999968</v>
      </c>
      <c r="F158">
        <f t="shared" si="8"/>
        <v>3.1026487627151888E-2</v>
      </c>
    </row>
    <row r="159" spans="1:6" x14ac:dyDescent="0.2">
      <c r="A159">
        <v>1299.822602</v>
      </c>
      <c r="B159">
        <v>20.000041</v>
      </c>
      <c r="C159">
        <v>8.7208699999999997</v>
      </c>
      <c r="D159">
        <f t="shared" si="9"/>
        <v>0.7857529999999997</v>
      </c>
      <c r="E159">
        <f t="shared" si="10"/>
        <v>31.508429999999862</v>
      </c>
      <c r="F159">
        <f t="shared" si="8"/>
        <v>3.0850103929867444E-2</v>
      </c>
    </row>
    <row r="160" spans="1:6" x14ac:dyDescent="0.2">
      <c r="A160">
        <v>1299.3981980000001</v>
      </c>
      <c r="B160">
        <v>20.036069999999999</v>
      </c>
      <c r="C160">
        <v>8.7258750000000003</v>
      </c>
      <c r="D160">
        <f t="shared" si="9"/>
        <v>0.79075800000000029</v>
      </c>
      <c r="E160">
        <f t="shared" si="10"/>
        <v>31.084025999999994</v>
      </c>
      <c r="F160">
        <f t="shared" si="8"/>
        <v>3.0251813133870993E-2</v>
      </c>
    </row>
    <row r="161" spans="1:6" x14ac:dyDescent="0.2">
      <c r="A161">
        <v>1298.7082370000001</v>
      </c>
      <c r="B161">
        <v>20.049361000000001</v>
      </c>
      <c r="C161">
        <v>8.7308800000000009</v>
      </c>
      <c r="D161">
        <f t="shared" si="9"/>
        <v>0.79576300000000089</v>
      </c>
      <c r="E161">
        <f t="shared" si="10"/>
        <v>30.394064999999955</v>
      </c>
      <c r="F161">
        <f t="shared" si="8"/>
        <v>2.9409893420625128E-2</v>
      </c>
    </row>
    <row r="162" spans="1:6" x14ac:dyDescent="0.2">
      <c r="A162">
        <v>1297.803361</v>
      </c>
      <c r="B162">
        <v>20.024001999999999</v>
      </c>
      <c r="C162">
        <v>8.7358849999999997</v>
      </c>
      <c r="D162">
        <f t="shared" si="9"/>
        <v>0.8007679999999997</v>
      </c>
      <c r="E162">
        <f t="shared" si="10"/>
        <v>29.489188999999897</v>
      </c>
      <c r="F162">
        <f t="shared" si="8"/>
        <v>2.8375741864151486E-2</v>
      </c>
    </row>
    <row r="163" spans="1:6" x14ac:dyDescent="0.2">
      <c r="A163">
        <v>1297.5393959999999</v>
      </c>
      <c r="B163">
        <v>19.994496999999999</v>
      </c>
      <c r="C163">
        <v>8.7408900000000003</v>
      </c>
      <c r="D163">
        <f t="shared" si="9"/>
        <v>0.80577300000000029</v>
      </c>
      <c r="E163">
        <f t="shared" si="10"/>
        <v>29.225223999999798</v>
      </c>
      <c r="F163">
        <f t="shared" si="8"/>
        <v>2.795275286553181E-2</v>
      </c>
    </row>
    <row r="164" spans="1:6" x14ac:dyDescent="0.2">
      <c r="A164">
        <v>1297.561858</v>
      </c>
      <c r="B164">
        <v>19.988337000000001</v>
      </c>
      <c r="C164">
        <v>8.7458939999999998</v>
      </c>
      <c r="D164">
        <f t="shared" si="9"/>
        <v>0.81077699999999986</v>
      </c>
      <c r="E164">
        <f t="shared" si="10"/>
        <v>29.247685999999931</v>
      </c>
      <c r="F164">
        <f t="shared" si="8"/>
        <v>2.7801102595207197E-2</v>
      </c>
    </row>
    <row r="165" spans="1:6" x14ac:dyDescent="0.2">
      <c r="A165">
        <v>1297.65436</v>
      </c>
      <c r="B165">
        <v>20.004300000000001</v>
      </c>
      <c r="C165">
        <v>8.7508990000000004</v>
      </c>
      <c r="D165">
        <f t="shared" si="9"/>
        <v>0.81578200000000045</v>
      </c>
      <c r="E165">
        <f t="shared" si="10"/>
        <v>29.340187999999898</v>
      </c>
      <c r="F165">
        <f t="shared" si="8"/>
        <v>2.771594836266664E-2</v>
      </c>
    </row>
    <row r="166" spans="1:6" x14ac:dyDescent="0.2">
      <c r="A166">
        <v>1297.359365</v>
      </c>
      <c r="B166">
        <v>20.021471999999999</v>
      </c>
      <c r="C166">
        <v>8.7559039999999992</v>
      </c>
      <c r="D166">
        <f t="shared" si="9"/>
        <v>0.82078699999999927</v>
      </c>
      <c r="E166">
        <f t="shared" si="10"/>
        <v>29.045192999999927</v>
      </c>
      <c r="F166">
        <f t="shared" si="8"/>
        <v>2.7276177391400244E-2</v>
      </c>
    </row>
    <row r="167" spans="1:6" x14ac:dyDescent="0.2">
      <c r="A167">
        <v>1297.3115929999999</v>
      </c>
      <c r="B167">
        <v>19.992082</v>
      </c>
      <c r="C167">
        <v>8.7609089999999998</v>
      </c>
      <c r="D167">
        <f t="shared" si="9"/>
        <v>0.82579199999999986</v>
      </c>
      <c r="E167">
        <f t="shared" si="10"/>
        <v>28.997420999999804</v>
      </c>
      <c r="F167">
        <f t="shared" si="8"/>
        <v>2.7067266791217025E-2</v>
      </c>
    </row>
    <row r="168" spans="1:6" x14ac:dyDescent="0.2">
      <c r="A168">
        <v>1297.358461</v>
      </c>
      <c r="B168">
        <v>19.989533999999999</v>
      </c>
      <c r="C168">
        <v>8.7659140000000004</v>
      </c>
      <c r="D168">
        <f t="shared" si="9"/>
        <v>0.83079700000000045</v>
      </c>
      <c r="E168">
        <f t="shared" si="10"/>
        <v>29.044288999999935</v>
      </c>
      <c r="F168">
        <f t="shared" si="8"/>
        <v>2.6946715758477218E-2</v>
      </c>
    </row>
    <row r="169" spans="1:6" x14ac:dyDescent="0.2">
      <c r="A169">
        <v>1297.328683</v>
      </c>
      <c r="B169">
        <v>20.008441000000001</v>
      </c>
      <c r="C169">
        <v>8.770918</v>
      </c>
      <c r="D169">
        <f t="shared" si="9"/>
        <v>0.83580100000000002</v>
      </c>
      <c r="E169">
        <f t="shared" si="10"/>
        <v>29.014510999999857</v>
      </c>
      <c r="F169">
        <f t="shared" si="8"/>
        <v>2.6758536008007611E-2</v>
      </c>
    </row>
    <row r="170" spans="1:6" x14ac:dyDescent="0.2">
      <c r="A170">
        <v>1297.2178960000001</v>
      </c>
      <c r="B170">
        <v>19.981836000000001</v>
      </c>
      <c r="C170">
        <v>8.7759230000000006</v>
      </c>
      <c r="D170">
        <f t="shared" si="9"/>
        <v>0.84080600000000061</v>
      </c>
      <c r="E170">
        <f t="shared" si="10"/>
        <v>28.903724000000011</v>
      </c>
      <c r="F170">
        <f t="shared" si="8"/>
        <v>2.6499950819126983E-2</v>
      </c>
    </row>
    <row r="171" spans="1:6" x14ac:dyDescent="0.2">
      <c r="A171">
        <v>1297.4783660000001</v>
      </c>
      <c r="B171">
        <v>19.992042000000001</v>
      </c>
      <c r="C171">
        <v>8.7809279999999994</v>
      </c>
      <c r="D171">
        <f t="shared" si="9"/>
        <v>0.84581099999999942</v>
      </c>
      <c r="E171">
        <f t="shared" si="10"/>
        <v>29.164193999999952</v>
      </c>
      <c r="F171">
        <f t="shared" si="8"/>
        <v>2.657519894131867E-2</v>
      </c>
    </row>
    <row r="172" spans="1:6" x14ac:dyDescent="0.2">
      <c r="A172">
        <v>1298.058702</v>
      </c>
      <c r="B172">
        <v>19.960262</v>
      </c>
      <c r="C172">
        <v>8.785933</v>
      </c>
      <c r="D172">
        <f t="shared" si="9"/>
        <v>0.85081600000000002</v>
      </c>
      <c r="E172">
        <f t="shared" si="10"/>
        <v>29.744529999999941</v>
      </c>
      <c r="F172">
        <f t="shared" si="8"/>
        <v>2.6932528589838377E-2</v>
      </c>
    </row>
    <row r="173" spans="1:6" x14ac:dyDescent="0.2">
      <c r="A173">
        <v>1299.0194409999999</v>
      </c>
      <c r="B173">
        <v>19.929703</v>
      </c>
      <c r="C173">
        <v>8.7909380000000006</v>
      </c>
      <c r="D173">
        <f t="shared" si="9"/>
        <v>0.85582100000000061</v>
      </c>
      <c r="E173">
        <f t="shared" si="10"/>
        <v>30.705268999999817</v>
      </c>
      <c r="F173">
        <f t="shared" si="8"/>
        <v>2.7619404897678054E-2</v>
      </c>
    </row>
    <row r="174" spans="1:6" x14ac:dyDescent="0.2">
      <c r="A174">
        <v>1299.7448979999999</v>
      </c>
      <c r="B174">
        <v>19.973331999999999</v>
      </c>
      <c r="C174">
        <v>8.7959420000000001</v>
      </c>
      <c r="D174">
        <f t="shared" si="9"/>
        <v>0.86082500000000017</v>
      </c>
      <c r="E174">
        <f t="shared" si="10"/>
        <v>31.430725999999822</v>
      </c>
      <c r="F174">
        <f t="shared" si="8"/>
        <v>2.80919198125586E-2</v>
      </c>
    </row>
    <row r="175" spans="1:6" x14ac:dyDescent="0.2">
      <c r="A175">
        <v>1300.743093</v>
      </c>
      <c r="B175">
        <v>19.924368000000001</v>
      </c>
      <c r="C175">
        <v>8.8009470000000007</v>
      </c>
      <c r="D175">
        <f t="shared" si="9"/>
        <v>0.86583000000000077</v>
      </c>
      <c r="E175">
        <f t="shared" si="10"/>
        <v>32.428920999999946</v>
      </c>
      <c r="F175">
        <f t="shared" si="8"/>
        <v>2.8794420377578522E-2</v>
      </c>
    </row>
    <row r="176" spans="1:6" x14ac:dyDescent="0.2">
      <c r="A176">
        <v>1301.632402</v>
      </c>
      <c r="B176">
        <v>19.954975000000001</v>
      </c>
      <c r="C176">
        <v>8.8059519999999996</v>
      </c>
      <c r="D176">
        <f t="shared" si="9"/>
        <v>0.87083499999999958</v>
      </c>
      <c r="E176">
        <f t="shared" si="10"/>
        <v>33.318229999999858</v>
      </c>
      <c r="F176">
        <f t="shared" si="8"/>
        <v>2.9393932678075659E-2</v>
      </c>
    </row>
    <row r="177" spans="1:6" x14ac:dyDescent="0.2">
      <c r="A177">
        <v>1302.9432019999999</v>
      </c>
      <c r="B177">
        <v>19.933083</v>
      </c>
      <c r="C177">
        <v>8.8109570000000001</v>
      </c>
      <c r="D177">
        <f t="shared" si="9"/>
        <v>0.87584000000000017</v>
      </c>
      <c r="E177">
        <f t="shared" si="10"/>
        <v>34.62902999999983</v>
      </c>
      <c r="F177">
        <f t="shared" si="8"/>
        <v>3.0345204357643395E-2</v>
      </c>
    </row>
    <row r="178" spans="1:6" x14ac:dyDescent="0.2">
      <c r="A178">
        <v>1303.7809119999999</v>
      </c>
      <c r="B178">
        <v>19.968204</v>
      </c>
      <c r="C178">
        <v>8.8159620000000007</v>
      </c>
      <c r="D178">
        <f t="shared" si="9"/>
        <v>0.88084500000000077</v>
      </c>
      <c r="E178">
        <f t="shared" si="10"/>
        <v>35.466739999999845</v>
      </c>
      <c r="F178">
        <f t="shared" si="8"/>
        <v>3.0882834870621014E-2</v>
      </c>
    </row>
    <row r="179" spans="1:6" x14ac:dyDescent="0.2">
      <c r="A179">
        <v>1303.9109880000001</v>
      </c>
      <c r="B179">
        <v>19.997481000000001</v>
      </c>
      <c r="C179">
        <v>8.8209660000000003</v>
      </c>
      <c r="D179">
        <f t="shared" si="9"/>
        <v>0.88584900000000033</v>
      </c>
      <c r="E179">
        <f t="shared" si="10"/>
        <v>35.59681599999999</v>
      </c>
      <c r="F179">
        <f t="shared" si="8"/>
        <v>3.0817933191377787E-2</v>
      </c>
    </row>
    <row r="180" spans="1:6" x14ac:dyDescent="0.2">
      <c r="A180">
        <v>1304.334756</v>
      </c>
      <c r="B180">
        <v>19.979592</v>
      </c>
      <c r="C180">
        <v>8.8259709999999991</v>
      </c>
      <c r="D180">
        <f t="shared" si="9"/>
        <v>0.89085399999999915</v>
      </c>
      <c r="E180">
        <f t="shared" si="10"/>
        <v>36.020583999999872</v>
      </c>
      <c r="F180">
        <f t="shared" si="8"/>
        <v>3.0999532797306942E-2</v>
      </c>
    </row>
    <row r="181" spans="1:6" x14ac:dyDescent="0.2">
      <c r="A181">
        <v>1304.7372270000001</v>
      </c>
      <c r="B181">
        <v>19.974672999999999</v>
      </c>
      <c r="C181">
        <v>8.8309759999999997</v>
      </c>
      <c r="D181">
        <f t="shared" si="9"/>
        <v>0.89585899999999974</v>
      </c>
      <c r="E181">
        <f t="shared" si="10"/>
        <v>36.423054999999977</v>
      </c>
      <c r="F181">
        <f t="shared" si="8"/>
        <v>3.1161162752248575E-2</v>
      </c>
    </row>
    <row r="182" spans="1:6" x14ac:dyDescent="0.2">
      <c r="A182">
        <v>1304.8710619999999</v>
      </c>
      <c r="B182">
        <v>19.996798999999999</v>
      </c>
      <c r="C182">
        <v>8.8359810000000003</v>
      </c>
      <c r="D182">
        <f t="shared" si="9"/>
        <v>0.90086400000000033</v>
      </c>
      <c r="E182">
        <f t="shared" si="10"/>
        <v>36.556889999999839</v>
      </c>
      <c r="F182">
        <f t="shared" si="8"/>
        <v>3.1098712532425993E-2</v>
      </c>
    </row>
    <row r="183" spans="1:6" x14ac:dyDescent="0.2">
      <c r="A183">
        <v>1304.8817220000001</v>
      </c>
      <c r="B183">
        <v>19.985954</v>
      </c>
      <c r="C183">
        <v>8.8409859999999991</v>
      </c>
      <c r="D183">
        <f t="shared" si="9"/>
        <v>0.90586899999999915</v>
      </c>
      <c r="E183">
        <f t="shared" si="10"/>
        <v>36.567549999999983</v>
      </c>
      <c r="F183">
        <f t="shared" si="8"/>
        <v>3.09356551777645E-2</v>
      </c>
    </row>
    <row r="184" spans="1:6" x14ac:dyDescent="0.2">
      <c r="A184">
        <v>1304.9314609999999</v>
      </c>
      <c r="B184">
        <v>20.016378</v>
      </c>
      <c r="C184">
        <v>8.8459900000000005</v>
      </c>
      <c r="D184">
        <f t="shared" si="9"/>
        <v>0.91087300000000049</v>
      </c>
      <c r="E184">
        <f t="shared" si="10"/>
        <v>36.617288999999801</v>
      </c>
      <c r="F184">
        <f t="shared" si="8"/>
        <v>3.0806379203106162E-2</v>
      </c>
    </row>
    <row r="185" spans="1:6" x14ac:dyDescent="0.2">
      <c r="A185">
        <v>1304.92896</v>
      </c>
      <c r="B185">
        <v>19.992816000000001</v>
      </c>
      <c r="C185">
        <v>8.8509949999999993</v>
      </c>
      <c r="D185">
        <f t="shared" si="9"/>
        <v>0.9158779999999993</v>
      </c>
      <c r="E185">
        <f t="shared" si="10"/>
        <v>36.614787999999862</v>
      </c>
      <c r="F185">
        <f t="shared" si="8"/>
        <v>3.0635997638333197E-2</v>
      </c>
    </row>
    <row r="186" spans="1:6" x14ac:dyDescent="0.2">
      <c r="A186">
        <v>1304.6331319999999</v>
      </c>
      <c r="B186">
        <v>20.028324000000001</v>
      </c>
      <c r="C186">
        <v>8.8559999999999999</v>
      </c>
      <c r="D186">
        <f t="shared" si="9"/>
        <v>0.9208829999999999</v>
      </c>
      <c r="E186">
        <f t="shared" si="10"/>
        <v>36.318959999999834</v>
      </c>
      <c r="F186">
        <f t="shared" si="8"/>
        <v>3.0230166883672343E-2</v>
      </c>
    </row>
    <row r="187" spans="1:6" x14ac:dyDescent="0.2">
      <c r="A187">
        <v>1303.7789660000001</v>
      </c>
      <c r="B187">
        <v>20.038678000000001</v>
      </c>
      <c r="C187">
        <v>8.8610050000000005</v>
      </c>
      <c r="D187">
        <f t="shared" si="9"/>
        <v>0.92588800000000049</v>
      </c>
      <c r="E187">
        <f t="shared" si="10"/>
        <v>35.464793999999983</v>
      </c>
      <c r="F187">
        <f t="shared" si="8"/>
        <v>2.9378865154403685E-2</v>
      </c>
    </row>
    <row r="188" spans="1:6" x14ac:dyDescent="0.2">
      <c r="A188">
        <v>1302.8257679999999</v>
      </c>
      <c r="B188">
        <v>20.046158999999999</v>
      </c>
      <c r="C188">
        <v>8.8660099999999993</v>
      </c>
      <c r="D188">
        <f t="shared" si="9"/>
        <v>0.9308929999999993</v>
      </c>
      <c r="E188">
        <f t="shared" si="10"/>
        <v>34.511595999999827</v>
      </c>
      <c r="F188">
        <f t="shared" si="8"/>
        <v>2.8456333340929136E-2</v>
      </c>
    </row>
    <row r="189" spans="1:6" x14ac:dyDescent="0.2">
      <c r="A189">
        <v>1301.913348</v>
      </c>
      <c r="B189">
        <v>20.045707</v>
      </c>
      <c r="C189">
        <v>8.8710140000000006</v>
      </c>
      <c r="D189">
        <f t="shared" si="9"/>
        <v>0.93589700000000065</v>
      </c>
      <c r="E189">
        <f t="shared" si="10"/>
        <v>33.599175999999943</v>
      </c>
      <c r="F189">
        <f t="shared" si="8"/>
        <v>2.7575188625718838E-2</v>
      </c>
    </row>
    <row r="190" spans="1:6" x14ac:dyDescent="0.2">
      <c r="A190">
        <v>1300.9729809999999</v>
      </c>
      <c r="B190">
        <v>20.040102999999998</v>
      </c>
      <c r="C190">
        <v>8.8760189999999994</v>
      </c>
      <c r="D190">
        <f t="shared" si="9"/>
        <v>0.94090199999999946</v>
      </c>
      <c r="E190">
        <f t="shared" si="10"/>
        <v>32.658808999999792</v>
      </c>
      <c r="F190">
        <f t="shared" si="8"/>
        <v>2.6680113579871316E-2</v>
      </c>
    </row>
    <row r="191" spans="1:6" x14ac:dyDescent="0.2">
      <c r="A191">
        <v>1300.3787950000001</v>
      </c>
      <c r="B191">
        <v>20.020035</v>
      </c>
      <c r="C191">
        <v>8.881024</v>
      </c>
      <c r="D191">
        <f t="shared" si="9"/>
        <v>0.94590700000000005</v>
      </c>
      <c r="E191">
        <f t="shared" si="10"/>
        <v>32.064622999999983</v>
      </c>
      <c r="F191">
        <f t="shared" si="8"/>
        <v>2.606800644742753E-2</v>
      </c>
    </row>
    <row r="192" spans="1:6" x14ac:dyDescent="0.2">
      <c r="A192">
        <v>1299.728208</v>
      </c>
      <c r="B192">
        <v>20.035557000000001</v>
      </c>
      <c r="C192">
        <v>8.8860290000000006</v>
      </c>
      <c r="D192">
        <f t="shared" si="9"/>
        <v>0.95091200000000065</v>
      </c>
      <c r="E192">
        <f t="shared" si="10"/>
        <v>31.414035999999896</v>
      </c>
      <c r="F192">
        <f t="shared" si="8"/>
        <v>2.5417384840985137E-2</v>
      </c>
    </row>
    <row r="193" spans="1:6" x14ac:dyDescent="0.2">
      <c r="A193">
        <v>1299.3392040000001</v>
      </c>
      <c r="B193">
        <v>20.009720000000002</v>
      </c>
      <c r="C193">
        <v>8.8910339999999994</v>
      </c>
      <c r="D193">
        <f t="shared" si="9"/>
        <v>0.95591699999999946</v>
      </c>
      <c r="E193">
        <f t="shared" si="10"/>
        <v>31.02503200000001</v>
      </c>
      <c r="F193">
        <f t="shared" si="8"/>
        <v>2.4978681514981387E-2</v>
      </c>
    </row>
    <row r="194" spans="1:6" x14ac:dyDescent="0.2">
      <c r="A194">
        <v>1299.1710700000001</v>
      </c>
      <c r="B194">
        <v>20.003401</v>
      </c>
      <c r="C194">
        <v>8.8960380000000008</v>
      </c>
      <c r="D194">
        <f t="shared" si="9"/>
        <v>0.9609210000000008</v>
      </c>
      <c r="E194">
        <f t="shared" si="10"/>
        <v>30.856898000000001</v>
      </c>
      <c r="F194">
        <f t="shared" si="8"/>
        <v>2.4717141238503805E-2</v>
      </c>
    </row>
    <row r="195" spans="1:6" x14ac:dyDescent="0.2">
      <c r="A195">
        <v>1299.5064709999999</v>
      </c>
      <c r="B195">
        <v>19.969446999999999</v>
      </c>
      <c r="C195">
        <v>8.9010429999999996</v>
      </c>
      <c r="D195">
        <f t="shared" si="9"/>
        <v>0.96592599999999962</v>
      </c>
      <c r="E195">
        <f t="shared" si="10"/>
        <v>31.192298999999821</v>
      </c>
      <c r="F195">
        <f t="shared" ref="F195:F258" si="11">(1/A195)*(E195/D195)</f>
        <v>2.4849925013924828E-2</v>
      </c>
    </row>
    <row r="196" spans="1:6" x14ac:dyDescent="0.2">
      <c r="A196">
        <v>1299.6802869999999</v>
      </c>
      <c r="B196">
        <v>19.987311999999999</v>
      </c>
      <c r="C196">
        <v>8.9060480000000002</v>
      </c>
      <c r="D196">
        <f t="shared" si="9"/>
        <v>0.97093100000000021</v>
      </c>
      <c r="E196">
        <f t="shared" si="10"/>
        <v>31.366114999999809</v>
      </c>
      <c r="F196">
        <f t="shared" si="11"/>
        <v>2.4856262750160372E-2</v>
      </c>
    </row>
    <row r="197" spans="1:6" x14ac:dyDescent="0.2">
      <c r="A197">
        <v>1300.0191850000001</v>
      </c>
      <c r="B197">
        <v>19.972169000000001</v>
      </c>
      <c r="C197">
        <v>8.9110530000000008</v>
      </c>
      <c r="D197">
        <f t="shared" si="9"/>
        <v>0.9759360000000008</v>
      </c>
      <c r="E197">
        <f t="shared" si="10"/>
        <v>31.705013000000008</v>
      </c>
      <c r="F197">
        <f t="shared" si="11"/>
        <v>2.498945794213368E-2</v>
      </c>
    </row>
    <row r="198" spans="1:6" x14ac:dyDescent="0.2">
      <c r="A198">
        <v>1300.6760489999999</v>
      </c>
      <c r="B198">
        <v>19.966616999999999</v>
      </c>
      <c r="C198">
        <v>8.9160579999999996</v>
      </c>
      <c r="D198">
        <f t="shared" si="9"/>
        <v>0.98094099999999962</v>
      </c>
      <c r="E198">
        <f t="shared" si="10"/>
        <v>32.361876999999822</v>
      </c>
      <c r="F198">
        <f t="shared" si="11"/>
        <v>2.5364229426749985E-2</v>
      </c>
    </row>
    <row r="199" spans="1:6" x14ac:dyDescent="0.2">
      <c r="A199">
        <v>1301.3183389999999</v>
      </c>
      <c r="B199">
        <v>19.962188000000001</v>
      </c>
      <c r="C199">
        <v>8.9210619999999992</v>
      </c>
      <c r="D199">
        <f t="shared" ref="D199:D262" si="12">C199-$C$2</f>
        <v>0.98594499999999918</v>
      </c>
      <c r="E199">
        <f t="shared" ref="E199:E262" si="13">A199-$A$2</f>
        <v>33.004166999999825</v>
      </c>
      <c r="F199">
        <f t="shared" si="11"/>
        <v>2.5723646742097418E-2</v>
      </c>
    </row>
    <row r="200" spans="1:6" x14ac:dyDescent="0.2">
      <c r="A200">
        <v>1301.820201</v>
      </c>
      <c r="B200">
        <v>19.973991999999999</v>
      </c>
      <c r="C200">
        <v>8.9260669999999998</v>
      </c>
      <c r="D200">
        <f t="shared" si="12"/>
        <v>0.99094999999999978</v>
      </c>
      <c r="E200">
        <f t="shared" si="13"/>
        <v>33.506028999999899</v>
      </c>
      <c r="F200">
        <f t="shared" si="11"/>
        <v>2.5972886137492851E-2</v>
      </c>
    </row>
    <row r="201" spans="1:6" x14ac:dyDescent="0.2">
      <c r="A201">
        <v>1302.7620489999999</v>
      </c>
      <c r="B201">
        <v>19.938783000000001</v>
      </c>
      <c r="C201">
        <v>8.9310720000000003</v>
      </c>
      <c r="D201">
        <f t="shared" si="12"/>
        <v>0.99595500000000037</v>
      </c>
      <c r="E201">
        <f t="shared" si="13"/>
        <v>34.447876999999835</v>
      </c>
      <c r="F201">
        <f t="shared" si="11"/>
        <v>2.654957949934951E-2</v>
      </c>
    </row>
    <row r="202" spans="1:6" x14ac:dyDescent="0.2">
      <c r="A202">
        <v>1304.1476829999999</v>
      </c>
      <c r="B202">
        <v>19.911515999999999</v>
      </c>
      <c r="C202">
        <v>8.9360769999999992</v>
      </c>
      <c r="D202">
        <f t="shared" si="12"/>
        <v>1.0009599999999992</v>
      </c>
      <c r="E202">
        <f t="shared" si="13"/>
        <v>35.833510999999817</v>
      </c>
      <c r="F202">
        <f t="shared" si="11"/>
        <v>2.745022230885702E-2</v>
      </c>
    </row>
    <row r="203" spans="1:6" x14ac:dyDescent="0.2">
      <c r="A203">
        <v>1305.6434380000001</v>
      </c>
      <c r="B203">
        <v>19.941264</v>
      </c>
      <c r="C203">
        <v>8.9410819999999998</v>
      </c>
      <c r="D203">
        <f t="shared" si="12"/>
        <v>1.0059649999999998</v>
      </c>
      <c r="E203">
        <f t="shared" si="13"/>
        <v>37.329265999999961</v>
      </c>
      <c r="F203">
        <f t="shared" si="11"/>
        <v>2.8421172422316232E-2</v>
      </c>
    </row>
    <row r="204" spans="1:6" x14ac:dyDescent="0.2">
      <c r="A204">
        <v>1306.7366059999999</v>
      </c>
      <c r="B204">
        <v>19.943636999999999</v>
      </c>
      <c r="C204">
        <v>8.9460859999999993</v>
      </c>
      <c r="D204">
        <f t="shared" si="12"/>
        <v>1.0109689999999993</v>
      </c>
      <c r="E204">
        <f t="shared" si="13"/>
        <v>38.422433999999839</v>
      </c>
      <c r="F204">
        <f t="shared" si="11"/>
        <v>2.9084324212981939E-2</v>
      </c>
    </row>
    <row r="205" spans="1:6" x14ac:dyDescent="0.2">
      <c r="A205">
        <v>1308.0046890000001</v>
      </c>
      <c r="B205">
        <v>19.917528000000001</v>
      </c>
      <c r="C205">
        <v>8.9510909999999999</v>
      </c>
      <c r="D205">
        <f t="shared" si="12"/>
        <v>1.0159739999999999</v>
      </c>
      <c r="E205">
        <f t="shared" si="13"/>
        <v>39.690517</v>
      </c>
      <c r="F205">
        <f t="shared" si="11"/>
        <v>2.9867224138574192E-2</v>
      </c>
    </row>
    <row r="206" spans="1:6" x14ac:dyDescent="0.2">
      <c r="A206">
        <v>1309.045402</v>
      </c>
      <c r="B206">
        <v>19.952067</v>
      </c>
      <c r="C206">
        <v>8.9560960000000005</v>
      </c>
      <c r="D206">
        <f t="shared" si="12"/>
        <v>1.0209790000000005</v>
      </c>
      <c r="E206">
        <f t="shared" si="13"/>
        <v>40.731229999999869</v>
      </c>
      <c r="F206">
        <f t="shared" si="11"/>
        <v>3.0475862545792518E-2</v>
      </c>
    </row>
    <row r="207" spans="1:6" x14ac:dyDescent="0.2">
      <c r="A207">
        <v>1309.2466999999999</v>
      </c>
      <c r="B207">
        <v>20.003554999999999</v>
      </c>
      <c r="C207">
        <v>8.9611009999999993</v>
      </c>
      <c r="D207">
        <f t="shared" si="12"/>
        <v>1.0259839999999993</v>
      </c>
      <c r="E207">
        <f t="shared" si="13"/>
        <v>40.93252799999982</v>
      </c>
      <c r="F207">
        <f t="shared" si="11"/>
        <v>3.0472388144924385E-2</v>
      </c>
    </row>
    <row r="208" spans="1:6" x14ac:dyDescent="0.2">
      <c r="A208">
        <v>1308.976296</v>
      </c>
      <c r="B208">
        <v>20.029178999999999</v>
      </c>
      <c r="C208">
        <v>8.9661059999999999</v>
      </c>
      <c r="D208">
        <f t="shared" si="12"/>
        <v>1.0309889999999999</v>
      </c>
      <c r="E208">
        <f t="shared" si="13"/>
        <v>40.662123999999949</v>
      </c>
      <c r="F208">
        <f t="shared" si="11"/>
        <v>3.0130354865897428E-2</v>
      </c>
    </row>
    <row r="209" spans="1:6" x14ac:dyDescent="0.2">
      <c r="A209">
        <v>1308.0580869999999</v>
      </c>
      <c r="B209">
        <v>20.060207999999999</v>
      </c>
      <c r="C209">
        <v>8.9711099999999995</v>
      </c>
      <c r="D209">
        <f t="shared" si="12"/>
        <v>1.0359929999999995</v>
      </c>
      <c r="E209">
        <f t="shared" si="13"/>
        <v>39.743914999999788</v>
      </c>
      <c r="F209">
        <f t="shared" si="11"/>
        <v>2.9328293527698016E-2</v>
      </c>
    </row>
    <row r="210" spans="1:6" x14ac:dyDescent="0.2">
      <c r="A210">
        <v>1306.7565830000001</v>
      </c>
      <c r="B210">
        <v>20.065693</v>
      </c>
      <c r="C210">
        <v>8.9761150000000001</v>
      </c>
      <c r="D210">
        <f t="shared" si="12"/>
        <v>1.0409980000000001</v>
      </c>
      <c r="E210">
        <f t="shared" si="13"/>
        <v>38.442410999999993</v>
      </c>
      <c r="F210">
        <f t="shared" si="11"/>
        <v>2.8259601008753781E-2</v>
      </c>
    </row>
    <row r="211" spans="1:6" x14ac:dyDescent="0.2">
      <c r="A211">
        <v>1305.8345859999999</v>
      </c>
      <c r="B211">
        <v>20.036441</v>
      </c>
      <c r="C211">
        <v>8.9811200000000007</v>
      </c>
      <c r="D211">
        <f t="shared" si="12"/>
        <v>1.0460030000000007</v>
      </c>
      <c r="E211">
        <f t="shared" si="13"/>
        <v>37.520413999999846</v>
      </c>
      <c r="F211">
        <f t="shared" si="11"/>
        <v>2.7469232458073107E-2</v>
      </c>
    </row>
    <row r="212" spans="1:6" x14ac:dyDescent="0.2">
      <c r="A212">
        <v>1305.177009</v>
      </c>
      <c r="B212">
        <v>20.012561999999999</v>
      </c>
      <c r="C212">
        <v>8.9861249999999995</v>
      </c>
      <c r="D212">
        <f t="shared" si="12"/>
        <v>1.0510079999999995</v>
      </c>
      <c r="E212">
        <f t="shared" si="13"/>
        <v>36.862836999999899</v>
      </c>
      <c r="F212">
        <f t="shared" si="11"/>
        <v>2.6872824702257832E-2</v>
      </c>
    </row>
    <row r="213" spans="1:6" x14ac:dyDescent="0.2">
      <c r="A213">
        <v>1304.205997</v>
      </c>
      <c r="B213">
        <v>20.057303000000001</v>
      </c>
      <c r="C213">
        <v>8.9911300000000001</v>
      </c>
      <c r="D213">
        <f t="shared" si="12"/>
        <v>1.0560130000000001</v>
      </c>
      <c r="E213">
        <f t="shared" si="13"/>
        <v>35.891824999999926</v>
      </c>
      <c r="F213">
        <f t="shared" si="11"/>
        <v>2.6060340397604801E-2</v>
      </c>
    </row>
    <row r="214" spans="1:6" x14ac:dyDescent="0.2">
      <c r="A214">
        <v>1303.0549169999999</v>
      </c>
      <c r="B214">
        <v>20.065159999999999</v>
      </c>
      <c r="C214">
        <v>8.9961339999999996</v>
      </c>
      <c r="D214">
        <f t="shared" si="12"/>
        <v>1.0610169999999997</v>
      </c>
      <c r="E214">
        <f t="shared" si="13"/>
        <v>34.740744999999833</v>
      </c>
      <c r="F214">
        <f t="shared" si="11"/>
        <v>2.5127776799113807E-2</v>
      </c>
    </row>
    <row r="215" spans="1:6" x14ac:dyDescent="0.2">
      <c r="A215">
        <v>1302.557869</v>
      </c>
      <c r="B215">
        <v>20.017928000000001</v>
      </c>
      <c r="C215">
        <v>9.0011390000000002</v>
      </c>
      <c r="D215">
        <f t="shared" si="12"/>
        <v>1.0660220000000002</v>
      </c>
      <c r="E215">
        <f t="shared" si="13"/>
        <v>34.243696999999884</v>
      </c>
      <c r="F215">
        <f t="shared" si="11"/>
        <v>2.4661384317522947E-2</v>
      </c>
    </row>
    <row r="216" spans="1:6" x14ac:dyDescent="0.2">
      <c r="A216">
        <v>1302.385454</v>
      </c>
      <c r="B216">
        <v>19.991465000000002</v>
      </c>
      <c r="C216">
        <v>9.0061440000000008</v>
      </c>
      <c r="D216">
        <f t="shared" si="12"/>
        <v>1.0710270000000008</v>
      </c>
      <c r="E216">
        <f t="shared" si="13"/>
        <v>34.071281999999883</v>
      </c>
      <c r="F216">
        <f t="shared" si="11"/>
        <v>2.4425784363443274E-2</v>
      </c>
    </row>
    <row r="217" spans="1:6" x14ac:dyDescent="0.2">
      <c r="A217">
        <v>1302.3163119999999</v>
      </c>
      <c r="B217">
        <v>20.003858000000001</v>
      </c>
      <c r="C217">
        <v>9.0111489999999996</v>
      </c>
      <c r="D217">
        <f t="shared" si="12"/>
        <v>1.0760319999999997</v>
      </c>
      <c r="E217">
        <f t="shared" si="13"/>
        <v>34.002139999999827</v>
      </c>
      <c r="F217">
        <f t="shared" si="11"/>
        <v>2.4264122167278388E-2</v>
      </c>
    </row>
    <row r="218" spans="1:6" x14ac:dyDescent="0.2">
      <c r="A218">
        <v>1301.902405</v>
      </c>
      <c r="B218">
        <v>20.015519999999999</v>
      </c>
      <c r="C218">
        <v>9.0161540000000002</v>
      </c>
      <c r="D218">
        <f t="shared" si="12"/>
        <v>1.0810370000000002</v>
      </c>
      <c r="E218">
        <f t="shared" si="13"/>
        <v>33.588232999999946</v>
      </c>
      <c r="F218">
        <f t="shared" si="11"/>
        <v>2.3865369862223356E-2</v>
      </c>
    </row>
    <row r="219" spans="1:6" x14ac:dyDescent="0.2">
      <c r="A219">
        <v>1301.6289409999999</v>
      </c>
      <c r="B219">
        <v>20.005082999999999</v>
      </c>
      <c r="C219">
        <v>9.0211579999999998</v>
      </c>
      <c r="D219">
        <f t="shared" si="12"/>
        <v>1.0860409999999998</v>
      </c>
      <c r="E219">
        <f t="shared" si="13"/>
        <v>33.314768999999842</v>
      </c>
      <c r="F219">
        <f t="shared" si="11"/>
        <v>2.3566950465325316E-2</v>
      </c>
    </row>
    <row r="220" spans="1:6" x14ac:dyDescent="0.2">
      <c r="A220">
        <v>1301.535615</v>
      </c>
      <c r="B220">
        <v>20.004072000000001</v>
      </c>
      <c r="C220">
        <v>9.0261630000000004</v>
      </c>
      <c r="D220">
        <f t="shared" si="12"/>
        <v>1.0910460000000004</v>
      </c>
      <c r="E220">
        <f t="shared" si="13"/>
        <v>33.221442999999908</v>
      </c>
      <c r="F220">
        <f t="shared" si="11"/>
        <v>2.3394802028584356E-2</v>
      </c>
    </row>
    <row r="221" spans="1:6" x14ac:dyDescent="0.2">
      <c r="A221">
        <v>1302.21252</v>
      </c>
      <c r="B221">
        <v>19.93666</v>
      </c>
      <c r="C221">
        <v>9.0311679999999992</v>
      </c>
      <c r="D221">
        <f t="shared" si="12"/>
        <v>1.0960509999999992</v>
      </c>
      <c r="E221">
        <f t="shared" si="13"/>
        <v>33.898347999999942</v>
      </c>
      <c r="F221">
        <f t="shared" si="11"/>
        <v>2.375012527189142E-2</v>
      </c>
    </row>
    <row r="222" spans="1:6" x14ac:dyDescent="0.2">
      <c r="A222">
        <v>1303.3442560000001</v>
      </c>
      <c r="B222">
        <v>19.948402000000002</v>
      </c>
      <c r="C222">
        <v>9.0361729999999998</v>
      </c>
      <c r="D222">
        <f t="shared" si="12"/>
        <v>1.1010559999999998</v>
      </c>
      <c r="E222">
        <f t="shared" si="13"/>
        <v>35.030083999999988</v>
      </c>
      <c r="F222">
        <f t="shared" si="11"/>
        <v>2.4410272553586639E-2</v>
      </c>
    </row>
    <row r="223" spans="1:6" x14ac:dyDescent="0.2">
      <c r="A223">
        <v>1304.4973050000001</v>
      </c>
      <c r="B223">
        <v>19.941009000000001</v>
      </c>
      <c r="C223">
        <v>9.0411780000000004</v>
      </c>
      <c r="D223">
        <f t="shared" si="12"/>
        <v>1.1060610000000004</v>
      </c>
      <c r="E223">
        <f t="shared" si="13"/>
        <v>36.183132999999998</v>
      </c>
      <c r="F223">
        <f t="shared" si="11"/>
        <v>2.5077480597373601E-2</v>
      </c>
    </row>
    <row r="224" spans="1:6" x14ac:dyDescent="0.2">
      <c r="A224">
        <v>1305.860496</v>
      </c>
      <c r="B224">
        <v>19.912721000000001</v>
      </c>
      <c r="C224">
        <v>9.0461819999999999</v>
      </c>
      <c r="D224">
        <f t="shared" si="12"/>
        <v>1.111065</v>
      </c>
      <c r="E224">
        <f t="shared" si="13"/>
        <v>37.546323999999913</v>
      </c>
      <c r="F224">
        <f t="shared" si="11"/>
        <v>2.5878027643009026E-2</v>
      </c>
    </row>
    <row r="225" spans="1:6" x14ac:dyDescent="0.2">
      <c r="A225">
        <v>1307.3523640000001</v>
      </c>
      <c r="B225">
        <v>19.921897999999999</v>
      </c>
      <c r="C225">
        <v>9.0511870000000005</v>
      </c>
      <c r="D225">
        <f t="shared" si="12"/>
        <v>1.1160700000000006</v>
      </c>
      <c r="E225">
        <f t="shared" si="13"/>
        <v>39.038191999999981</v>
      </c>
      <c r="F225">
        <f t="shared" si="11"/>
        <v>2.6755040008616154E-2</v>
      </c>
    </row>
    <row r="226" spans="1:6" x14ac:dyDescent="0.2">
      <c r="A226">
        <v>1308.3462099999999</v>
      </c>
      <c r="B226">
        <v>19.958521999999999</v>
      </c>
      <c r="C226">
        <v>9.0561919999999994</v>
      </c>
      <c r="D226">
        <f t="shared" si="12"/>
        <v>1.1210749999999994</v>
      </c>
      <c r="E226">
        <f t="shared" si="13"/>
        <v>40.032037999999829</v>
      </c>
      <c r="F226">
        <f t="shared" si="11"/>
        <v>2.7292941961805938E-2</v>
      </c>
    </row>
    <row r="227" spans="1:6" x14ac:dyDescent="0.2">
      <c r="A227">
        <v>1309.0975759999999</v>
      </c>
      <c r="B227">
        <v>19.956064000000001</v>
      </c>
      <c r="C227">
        <v>9.0611969999999999</v>
      </c>
      <c r="D227">
        <f t="shared" si="12"/>
        <v>1.12608</v>
      </c>
      <c r="E227">
        <f t="shared" si="13"/>
        <v>40.783403999999791</v>
      </c>
      <c r="F227">
        <f t="shared" si="11"/>
        <v>2.7665734678824605E-2</v>
      </c>
    </row>
    <row r="228" spans="1:6" x14ac:dyDescent="0.2">
      <c r="A228">
        <v>1309.60788</v>
      </c>
      <c r="B228">
        <v>19.977641999999999</v>
      </c>
      <c r="C228">
        <v>9.0662020000000005</v>
      </c>
      <c r="D228">
        <f t="shared" si="12"/>
        <v>1.1310850000000006</v>
      </c>
      <c r="E228">
        <f t="shared" si="13"/>
        <v>41.293707999999924</v>
      </c>
      <c r="F228">
        <f t="shared" si="11"/>
        <v>2.7877085036286827E-2</v>
      </c>
    </row>
    <row r="229" spans="1:6" x14ac:dyDescent="0.2">
      <c r="A229">
        <v>1310.2600500000001</v>
      </c>
      <c r="B229">
        <v>19.959060999999998</v>
      </c>
      <c r="C229">
        <v>9.0712060000000001</v>
      </c>
      <c r="D229">
        <f t="shared" si="12"/>
        <v>1.1360890000000001</v>
      </c>
      <c r="E229">
        <f t="shared" si="13"/>
        <v>41.945877999999993</v>
      </c>
      <c r="F229">
        <f t="shared" si="11"/>
        <v>2.8178601475916016E-2</v>
      </c>
    </row>
    <row r="230" spans="1:6" x14ac:dyDescent="0.2">
      <c r="A230">
        <v>1310.448566</v>
      </c>
      <c r="B230">
        <v>20.003886000000001</v>
      </c>
      <c r="C230">
        <v>9.0762110000000007</v>
      </c>
      <c r="D230">
        <f t="shared" si="12"/>
        <v>1.1410940000000007</v>
      </c>
      <c r="E230">
        <f t="shared" si="13"/>
        <v>42.134393999999929</v>
      </c>
      <c r="F230">
        <f t="shared" si="11"/>
        <v>2.8177038819482761E-2</v>
      </c>
    </row>
    <row r="231" spans="1:6" x14ac:dyDescent="0.2">
      <c r="A231">
        <v>1309.9548589999999</v>
      </c>
      <c r="B231">
        <v>20.038273</v>
      </c>
      <c r="C231">
        <v>9.0812159999999995</v>
      </c>
      <c r="D231">
        <f t="shared" si="12"/>
        <v>1.1460989999999995</v>
      </c>
      <c r="E231">
        <f t="shared" si="13"/>
        <v>41.640686999999843</v>
      </c>
      <c r="F231">
        <f t="shared" si="11"/>
        <v>2.7735718590595353E-2</v>
      </c>
    </row>
    <row r="232" spans="1:6" x14ac:dyDescent="0.2">
      <c r="A232">
        <v>1309.2783340000001</v>
      </c>
      <c r="B232">
        <v>20.032827999999999</v>
      </c>
      <c r="C232">
        <v>9.0862210000000001</v>
      </c>
      <c r="D232">
        <f t="shared" si="12"/>
        <v>1.1511040000000001</v>
      </c>
      <c r="E232">
        <f t="shared" si="13"/>
        <v>40.964161999999988</v>
      </c>
      <c r="F232">
        <f t="shared" si="11"/>
        <v>2.7180505578887442E-2</v>
      </c>
    </row>
    <row r="233" spans="1:6" x14ac:dyDescent="0.2">
      <c r="A233">
        <v>1308.5462580000001</v>
      </c>
      <c r="B233">
        <v>20.037936999999999</v>
      </c>
      <c r="C233">
        <v>9.0912260000000007</v>
      </c>
      <c r="D233">
        <f t="shared" si="12"/>
        <v>1.1561090000000007</v>
      </c>
      <c r="E233">
        <f t="shared" si="13"/>
        <v>40.232085999999981</v>
      </c>
      <c r="F233">
        <f t="shared" si="11"/>
        <v>2.6594062742748857E-2</v>
      </c>
    </row>
    <row r="234" spans="1:6" x14ac:dyDescent="0.2">
      <c r="A234">
        <v>1307.6631440000001</v>
      </c>
      <c r="B234">
        <v>20.05002</v>
      </c>
      <c r="C234">
        <v>9.0962300000000003</v>
      </c>
      <c r="D234">
        <f t="shared" si="12"/>
        <v>1.1611130000000003</v>
      </c>
      <c r="E234">
        <f t="shared" si="13"/>
        <v>39.348972000000003</v>
      </c>
      <c r="F234">
        <f t="shared" si="11"/>
        <v>2.5915704529337696E-2</v>
      </c>
    </row>
    <row r="235" spans="1:6" x14ac:dyDescent="0.2">
      <c r="A235">
        <v>1306.9890809999999</v>
      </c>
      <c r="B235">
        <v>20.004778000000002</v>
      </c>
      <c r="C235">
        <v>9.1012350000000009</v>
      </c>
      <c r="D235">
        <f t="shared" si="12"/>
        <v>1.1661180000000009</v>
      </c>
      <c r="E235">
        <f t="shared" si="13"/>
        <v>38.674908999999843</v>
      </c>
      <c r="F235">
        <f t="shared" si="11"/>
        <v>2.5375513653521756E-2</v>
      </c>
    </row>
    <row r="236" spans="1:6" x14ac:dyDescent="0.2">
      <c r="A236">
        <v>1306.874309</v>
      </c>
      <c r="B236">
        <v>19.996967000000001</v>
      </c>
      <c r="C236">
        <v>9.1062399999999997</v>
      </c>
      <c r="D236">
        <f t="shared" si="12"/>
        <v>1.1711229999999997</v>
      </c>
      <c r="E236">
        <f t="shared" si="13"/>
        <v>38.560136999999941</v>
      </c>
      <c r="F236">
        <f t="shared" si="11"/>
        <v>2.5194296578559271E-2</v>
      </c>
    </row>
    <row r="237" spans="1:6" x14ac:dyDescent="0.2">
      <c r="A237">
        <v>1306.8396399999999</v>
      </c>
      <c r="B237">
        <v>20.003409000000001</v>
      </c>
      <c r="C237">
        <v>9.1112450000000003</v>
      </c>
      <c r="D237">
        <f t="shared" si="12"/>
        <v>1.1761280000000003</v>
      </c>
      <c r="E237">
        <f t="shared" si="13"/>
        <v>38.525467999999819</v>
      </c>
      <c r="F237">
        <f t="shared" si="11"/>
        <v>2.5065191932408748E-2</v>
      </c>
    </row>
    <row r="238" spans="1:6" x14ac:dyDescent="0.2">
      <c r="A238">
        <v>1306.4871450000001</v>
      </c>
      <c r="B238">
        <v>20.023078000000002</v>
      </c>
      <c r="C238">
        <v>9.1162500000000009</v>
      </c>
      <c r="D238">
        <f t="shared" si="12"/>
        <v>1.1811330000000009</v>
      </c>
      <c r="E238">
        <f t="shared" si="13"/>
        <v>38.172972999999956</v>
      </c>
      <c r="F238">
        <f t="shared" si="11"/>
        <v>2.4737285458114131E-2</v>
      </c>
    </row>
    <row r="239" spans="1:6" x14ac:dyDescent="0.2">
      <c r="A239">
        <v>1306.302729</v>
      </c>
      <c r="B239">
        <v>19.992242000000001</v>
      </c>
      <c r="C239">
        <v>9.1212540000000004</v>
      </c>
      <c r="D239">
        <f t="shared" si="12"/>
        <v>1.1861370000000004</v>
      </c>
      <c r="E239">
        <f t="shared" si="13"/>
        <v>37.988556999999901</v>
      </c>
      <c r="F239">
        <f t="shared" si="11"/>
        <v>2.4517382896385317E-2</v>
      </c>
    </row>
    <row r="240" spans="1:6" x14ac:dyDescent="0.2">
      <c r="A240">
        <v>1306.095523</v>
      </c>
      <c r="B240">
        <v>20.020441999999999</v>
      </c>
      <c r="C240">
        <v>9.1262589999999992</v>
      </c>
      <c r="D240">
        <f t="shared" si="12"/>
        <v>1.1911419999999993</v>
      </c>
      <c r="E240">
        <f t="shared" si="13"/>
        <v>37.781350999999859</v>
      </c>
      <c r="F240">
        <f t="shared" si="11"/>
        <v>2.428505014027265E-2</v>
      </c>
    </row>
    <row r="241" spans="1:6" x14ac:dyDescent="0.2">
      <c r="A241">
        <v>1306.0609079999999</v>
      </c>
      <c r="B241">
        <v>20.005099000000001</v>
      </c>
      <c r="C241">
        <v>9.1312639999999998</v>
      </c>
      <c r="D241">
        <f t="shared" si="12"/>
        <v>1.1961469999999998</v>
      </c>
      <c r="E241">
        <f t="shared" si="13"/>
        <v>37.746735999999828</v>
      </c>
      <c r="F241">
        <f t="shared" si="11"/>
        <v>2.4161918641419512E-2</v>
      </c>
    </row>
    <row r="242" spans="1:6" x14ac:dyDescent="0.2">
      <c r="A242">
        <v>1306.1019229999999</v>
      </c>
      <c r="B242">
        <v>19.981193999999999</v>
      </c>
      <c r="C242">
        <v>9.1362690000000004</v>
      </c>
      <c r="D242">
        <f t="shared" si="12"/>
        <v>1.2011520000000004</v>
      </c>
      <c r="E242">
        <f t="shared" si="13"/>
        <v>37.787750999999844</v>
      </c>
      <c r="F242">
        <f t="shared" si="11"/>
        <v>2.4086628109465845E-2</v>
      </c>
    </row>
    <row r="243" spans="1:6" x14ac:dyDescent="0.2">
      <c r="A243">
        <v>1306.2720670000001</v>
      </c>
      <c r="B243">
        <v>19.971049000000001</v>
      </c>
      <c r="C243">
        <v>9.1412739999999992</v>
      </c>
      <c r="D243">
        <f t="shared" si="12"/>
        <v>1.2061569999999993</v>
      </c>
      <c r="E243">
        <f t="shared" si="13"/>
        <v>37.957895000000008</v>
      </c>
      <c r="F243">
        <f t="shared" si="11"/>
        <v>2.4091544224037205E-2</v>
      </c>
    </row>
    <row r="244" spans="1:6" x14ac:dyDescent="0.2">
      <c r="A244">
        <v>1307.164687</v>
      </c>
      <c r="B244">
        <v>19.937436999999999</v>
      </c>
      <c r="C244">
        <v>9.1462780000000006</v>
      </c>
      <c r="D244">
        <f t="shared" si="12"/>
        <v>1.2111610000000006</v>
      </c>
      <c r="E244">
        <f t="shared" si="13"/>
        <v>38.850514999999859</v>
      </c>
      <c r="F244">
        <f t="shared" si="11"/>
        <v>2.4539437042057813E-2</v>
      </c>
    </row>
    <row r="245" spans="1:6" x14ac:dyDescent="0.2">
      <c r="A245">
        <v>1308.157952</v>
      </c>
      <c r="B245">
        <v>19.970037999999999</v>
      </c>
      <c r="C245">
        <v>9.1512829999999994</v>
      </c>
      <c r="D245">
        <f t="shared" si="12"/>
        <v>1.2161659999999994</v>
      </c>
      <c r="E245">
        <f t="shared" si="13"/>
        <v>39.843779999999924</v>
      </c>
      <c r="F245">
        <f t="shared" si="11"/>
        <v>2.5044218843235568E-2</v>
      </c>
    </row>
    <row r="246" spans="1:6" x14ac:dyDescent="0.2">
      <c r="A246">
        <v>1308.7720790000001</v>
      </c>
      <c r="B246">
        <v>19.968653</v>
      </c>
      <c r="C246">
        <v>9.156288</v>
      </c>
      <c r="D246">
        <f t="shared" si="12"/>
        <v>1.221171</v>
      </c>
      <c r="E246">
        <f t="shared" si="13"/>
        <v>40.457906999999977</v>
      </c>
      <c r="F246">
        <f t="shared" si="11"/>
        <v>2.5314124294790321E-2</v>
      </c>
    </row>
    <row r="247" spans="1:6" x14ac:dyDescent="0.2">
      <c r="A247">
        <v>1309.0382540000001</v>
      </c>
      <c r="B247">
        <v>19.980575000000002</v>
      </c>
      <c r="C247">
        <v>9.1612930000000006</v>
      </c>
      <c r="D247">
        <f t="shared" si="12"/>
        <v>1.2261760000000006</v>
      </c>
      <c r="E247">
        <f t="shared" si="13"/>
        <v>40.724081999999953</v>
      </c>
      <c r="F247">
        <f t="shared" si="11"/>
        <v>2.5371500562139559E-2</v>
      </c>
    </row>
    <row r="248" spans="1:6" x14ac:dyDescent="0.2">
      <c r="A248">
        <v>1309.096896</v>
      </c>
      <c r="B248">
        <v>19.994046999999998</v>
      </c>
      <c r="C248">
        <v>9.1662979999999994</v>
      </c>
      <c r="D248">
        <f t="shared" si="12"/>
        <v>1.2311809999999994</v>
      </c>
      <c r="E248">
        <f t="shared" si="13"/>
        <v>40.782723999999916</v>
      </c>
      <c r="F248">
        <f t="shared" si="11"/>
        <v>2.5303612748793416E-2</v>
      </c>
    </row>
    <row r="249" spans="1:6" x14ac:dyDescent="0.2">
      <c r="A249">
        <v>1309.0352439999999</v>
      </c>
      <c r="B249">
        <v>20.003568999999999</v>
      </c>
      <c r="C249">
        <v>9.1713020000000007</v>
      </c>
      <c r="D249">
        <f t="shared" si="12"/>
        <v>1.2361850000000008</v>
      </c>
      <c r="E249">
        <f t="shared" si="13"/>
        <v>40.721071999999822</v>
      </c>
      <c r="F249">
        <f t="shared" si="11"/>
        <v>2.5164273312017701E-2</v>
      </c>
    </row>
    <row r="250" spans="1:6" x14ac:dyDescent="0.2">
      <c r="A250">
        <v>1308.990174</v>
      </c>
      <c r="B250">
        <v>19.995812999999998</v>
      </c>
      <c r="C250">
        <v>9.1763069999999995</v>
      </c>
      <c r="D250">
        <f t="shared" si="12"/>
        <v>1.2411899999999996</v>
      </c>
      <c r="E250">
        <f t="shared" si="13"/>
        <v>40.676001999999926</v>
      </c>
      <c r="F250">
        <f t="shared" si="11"/>
        <v>2.503592290899373E-2</v>
      </c>
    </row>
    <row r="251" spans="1:6" x14ac:dyDescent="0.2">
      <c r="A251">
        <v>1309.2426149999999</v>
      </c>
      <c r="B251">
        <v>19.988489000000001</v>
      </c>
      <c r="C251">
        <v>9.1813120000000001</v>
      </c>
      <c r="D251">
        <f t="shared" si="12"/>
        <v>1.2461950000000002</v>
      </c>
      <c r="E251">
        <f t="shared" si="13"/>
        <v>40.928442999999788</v>
      </c>
      <c r="F251">
        <f t="shared" si="11"/>
        <v>2.5085287697426517E-2</v>
      </c>
    </row>
    <row r="252" spans="1:6" x14ac:dyDescent="0.2">
      <c r="A252">
        <v>1309.1526120000001</v>
      </c>
      <c r="B252">
        <v>19.996853999999999</v>
      </c>
      <c r="C252">
        <v>9.1863170000000007</v>
      </c>
      <c r="D252">
        <f t="shared" si="12"/>
        <v>1.2512000000000008</v>
      </c>
      <c r="E252">
        <f t="shared" si="13"/>
        <v>40.838439999999991</v>
      </c>
      <c r="F252">
        <f t="shared" si="11"/>
        <v>2.4931713735577642E-2</v>
      </c>
    </row>
    <row r="253" spans="1:6" x14ac:dyDescent="0.2">
      <c r="A253">
        <v>1308.9702239999999</v>
      </c>
      <c r="B253">
        <v>20.021402999999999</v>
      </c>
      <c r="C253">
        <v>9.1913219999999995</v>
      </c>
      <c r="D253">
        <f t="shared" si="12"/>
        <v>1.2562049999999996</v>
      </c>
      <c r="E253">
        <f t="shared" si="13"/>
        <v>40.656051999999818</v>
      </c>
      <c r="F253">
        <f t="shared" si="11"/>
        <v>2.4724921307132129E-2</v>
      </c>
    </row>
    <row r="254" spans="1:6" x14ac:dyDescent="0.2">
      <c r="A254">
        <v>1309.325374</v>
      </c>
      <c r="B254">
        <v>19.964024999999999</v>
      </c>
      <c r="C254">
        <v>9.1963259999999991</v>
      </c>
      <c r="D254">
        <f t="shared" si="12"/>
        <v>1.2612089999999991</v>
      </c>
      <c r="E254">
        <f t="shared" si="13"/>
        <v>41.011201999999912</v>
      </c>
      <c r="F254">
        <f t="shared" si="11"/>
        <v>2.4835210917851874E-2</v>
      </c>
    </row>
    <row r="255" spans="1:6" x14ac:dyDescent="0.2">
      <c r="A255">
        <v>1309.2350570000001</v>
      </c>
      <c r="B255">
        <v>20.019442999999999</v>
      </c>
      <c r="C255">
        <v>9.2013309999999997</v>
      </c>
      <c r="D255">
        <f t="shared" si="12"/>
        <v>1.2662139999999997</v>
      </c>
      <c r="E255">
        <f t="shared" si="13"/>
        <v>40.920884999999998</v>
      </c>
      <c r="F255">
        <f t="shared" si="11"/>
        <v>2.4684269587213956E-2</v>
      </c>
    </row>
    <row r="256" spans="1:6" x14ac:dyDescent="0.2">
      <c r="A256">
        <v>1308.9676730000001</v>
      </c>
      <c r="B256">
        <v>20.018315999999999</v>
      </c>
      <c r="C256">
        <v>9.2063360000000003</v>
      </c>
      <c r="D256">
        <f t="shared" si="12"/>
        <v>1.2712190000000003</v>
      </c>
      <c r="E256">
        <f t="shared" si="13"/>
        <v>40.653501000000006</v>
      </c>
      <c r="F256">
        <f t="shared" si="11"/>
        <v>2.4431416960795083E-2</v>
      </c>
    </row>
    <row r="257" spans="1:6" x14ac:dyDescent="0.2">
      <c r="A257">
        <v>1308.5323149999999</v>
      </c>
      <c r="B257">
        <v>20.025669000000001</v>
      </c>
      <c r="C257">
        <v>9.2113409999999991</v>
      </c>
      <c r="D257">
        <f t="shared" si="12"/>
        <v>1.2762239999999991</v>
      </c>
      <c r="E257">
        <f t="shared" si="13"/>
        <v>40.218142999999827</v>
      </c>
      <c r="F257">
        <f t="shared" si="11"/>
        <v>2.4083003800682214E-2</v>
      </c>
    </row>
    <row r="258" spans="1:6" x14ac:dyDescent="0.2">
      <c r="A258">
        <v>1307.5978150000001</v>
      </c>
      <c r="B258">
        <v>20.036259000000001</v>
      </c>
      <c r="C258">
        <v>9.2163459999999997</v>
      </c>
      <c r="D258">
        <f t="shared" si="12"/>
        <v>1.2812289999999997</v>
      </c>
      <c r="E258">
        <f t="shared" si="13"/>
        <v>39.283642999999984</v>
      </c>
      <c r="F258">
        <f t="shared" si="11"/>
        <v>2.3448270164342675E-2</v>
      </c>
    </row>
    <row r="259" spans="1:6" x14ac:dyDescent="0.2">
      <c r="A259">
        <v>1306.6752750000001</v>
      </c>
      <c r="B259">
        <v>20.066856999999999</v>
      </c>
      <c r="C259">
        <v>9.2213499999999993</v>
      </c>
      <c r="D259">
        <f t="shared" si="12"/>
        <v>1.2862329999999993</v>
      </c>
      <c r="E259">
        <f t="shared" si="13"/>
        <v>38.361102999999957</v>
      </c>
      <c r="F259">
        <f t="shared" ref="F259:F322" si="14">(1/A259)*(E259/D259)</f>
        <v>2.2824630980819355E-2</v>
      </c>
    </row>
    <row r="260" spans="1:6" x14ac:dyDescent="0.2">
      <c r="A260">
        <v>1306.798059</v>
      </c>
      <c r="B260">
        <v>19.941393000000001</v>
      </c>
      <c r="C260">
        <v>9.2263549999999999</v>
      </c>
      <c r="D260">
        <f t="shared" si="12"/>
        <v>1.2912379999999999</v>
      </c>
      <c r="E260">
        <f t="shared" si="13"/>
        <v>38.483886999999868</v>
      </c>
      <c r="F260">
        <f t="shared" si="14"/>
        <v>2.2806789362393044E-2</v>
      </c>
    </row>
    <row r="261" spans="1:6" x14ac:dyDescent="0.2">
      <c r="A261">
        <v>1308.024551</v>
      </c>
      <c r="B261">
        <v>19.933900999999999</v>
      </c>
      <c r="C261">
        <v>9.2313600000000005</v>
      </c>
      <c r="D261">
        <f t="shared" si="12"/>
        <v>1.2962430000000005</v>
      </c>
      <c r="E261">
        <f t="shared" si="13"/>
        <v>39.710378999999875</v>
      </c>
      <c r="F261">
        <f t="shared" si="14"/>
        <v>2.342079929216655E-2</v>
      </c>
    </row>
    <row r="262" spans="1:6" x14ac:dyDescent="0.2">
      <c r="A262">
        <v>1308.3485290000001</v>
      </c>
      <c r="B262">
        <v>19.979986</v>
      </c>
      <c r="C262">
        <v>9.2363649999999993</v>
      </c>
      <c r="D262">
        <f t="shared" si="12"/>
        <v>1.3012479999999993</v>
      </c>
      <c r="E262">
        <f t="shared" si="13"/>
        <v>40.034357</v>
      </c>
      <c r="F262">
        <f t="shared" si="14"/>
        <v>2.3515235482003096E-2</v>
      </c>
    </row>
    <row r="263" spans="1:6" x14ac:dyDescent="0.2">
      <c r="A263">
        <v>1308.8853650000001</v>
      </c>
      <c r="B263">
        <v>19.942315000000001</v>
      </c>
      <c r="C263">
        <v>9.2413699999999999</v>
      </c>
      <c r="D263">
        <f t="shared" ref="D263:D326" si="15">C263-$C$2</f>
        <v>1.3062529999999999</v>
      </c>
      <c r="E263">
        <f t="shared" ref="E263:E326" si="16">A263-$A$2</f>
        <v>40.571192999999994</v>
      </c>
      <c r="F263">
        <f t="shared" si="14"/>
        <v>2.3729515208544032E-2</v>
      </c>
    </row>
    <row r="264" spans="1:6" x14ac:dyDescent="0.2">
      <c r="A264">
        <v>1310.327074</v>
      </c>
      <c r="B264">
        <v>19.931640999999999</v>
      </c>
      <c r="C264">
        <v>9.2463739999999994</v>
      </c>
      <c r="D264">
        <f t="shared" si="15"/>
        <v>1.3112569999999995</v>
      </c>
      <c r="E264">
        <f t="shared" si="16"/>
        <v>42.01290199999994</v>
      </c>
      <c r="F264">
        <f t="shared" si="14"/>
        <v>2.4452042777085879E-2</v>
      </c>
    </row>
    <row r="265" spans="1:6" x14ac:dyDescent="0.2">
      <c r="A265">
        <v>1311.1103539999999</v>
      </c>
      <c r="B265">
        <v>20.001425999999999</v>
      </c>
      <c r="C265">
        <v>9.251379</v>
      </c>
      <c r="D265">
        <f t="shared" si="15"/>
        <v>1.316262</v>
      </c>
      <c r="E265">
        <f t="shared" si="16"/>
        <v>42.796181999999817</v>
      </c>
      <c r="F265">
        <f t="shared" si="14"/>
        <v>2.4798387108043052E-2</v>
      </c>
    </row>
    <row r="266" spans="1:6" x14ac:dyDescent="0.2">
      <c r="A266">
        <v>1310.3614909999999</v>
      </c>
      <c r="B266">
        <v>20.026626</v>
      </c>
      <c r="C266">
        <v>9.2563840000000006</v>
      </c>
      <c r="D266">
        <f t="shared" si="15"/>
        <v>1.3212670000000006</v>
      </c>
      <c r="E266">
        <f t="shared" si="16"/>
        <v>42.047318999999789</v>
      </c>
      <c r="F266">
        <f t="shared" si="14"/>
        <v>2.4286034076320798E-2</v>
      </c>
    </row>
    <row r="267" spans="1:6" x14ac:dyDescent="0.2">
      <c r="A267">
        <v>1311.3070849999999</v>
      </c>
      <c r="B267">
        <v>19.910481000000001</v>
      </c>
      <c r="C267">
        <v>9.2613889999999994</v>
      </c>
      <c r="D267">
        <f t="shared" si="15"/>
        <v>1.3262719999999995</v>
      </c>
      <c r="E267">
        <f t="shared" si="16"/>
        <v>42.992912999999817</v>
      </c>
      <c r="F267">
        <f t="shared" si="14"/>
        <v>2.472064871219987E-2</v>
      </c>
    </row>
    <row r="268" spans="1:6" x14ac:dyDescent="0.2">
      <c r="A268">
        <v>1312.9928709999999</v>
      </c>
      <c r="B268">
        <v>19.930260000000001</v>
      </c>
      <c r="C268">
        <v>9.266394</v>
      </c>
      <c r="D268">
        <f t="shared" si="15"/>
        <v>1.331277</v>
      </c>
      <c r="E268">
        <f t="shared" si="16"/>
        <v>44.678698999999824</v>
      </c>
      <c r="F268">
        <f t="shared" si="14"/>
        <v>2.5560522154692948E-2</v>
      </c>
    </row>
    <row r="269" spans="1:6" x14ac:dyDescent="0.2">
      <c r="A269">
        <v>1312.8049490000001</v>
      </c>
      <c r="B269">
        <v>20.041945999999999</v>
      </c>
      <c r="C269">
        <v>9.2713979999999996</v>
      </c>
      <c r="D269">
        <f t="shared" si="15"/>
        <v>1.3362809999999996</v>
      </c>
      <c r="E269">
        <f t="shared" si="16"/>
        <v>44.49077699999998</v>
      </c>
      <c r="F269">
        <f t="shared" si="14"/>
        <v>2.5361328055905581E-2</v>
      </c>
    </row>
    <row r="270" spans="1:6" x14ac:dyDescent="0.2">
      <c r="A270">
        <v>1312.253674</v>
      </c>
      <c r="B270">
        <v>20.026785</v>
      </c>
      <c r="C270">
        <v>9.2764030000000002</v>
      </c>
      <c r="D270">
        <f t="shared" si="15"/>
        <v>1.3412860000000002</v>
      </c>
      <c r="E270">
        <f t="shared" si="16"/>
        <v>43.939501999999948</v>
      </c>
      <c r="F270">
        <f t="shared" si="14"/>
        <v>2.4964101604426196E-2</v>
      </c>
    </row>
    <row r="271" spans="1:6" x14ac:dyDescent="0.2">
      <c r="A271">
        <v>1310.818534</v>
      </c>
      <c r="B271">
        <v>20.088151</v>
      </c>
      <c r="C271">
        <v>9.2814080000000008</v>
      </c>
      <c r="D271">
        <f t="shared" si="15"/>
        <v>1.3462910000000008</v>
      </c>
      <c r="E271">
        <f t="shared" si="16"/>
        <v>42.504361999999901</v>
      </c>
      <c r="F271">
        <f t="shared" si="14"/>
        <v>2.4085295878432923E-2</v>
      </c>
    </row>
    <row r="272" spans="1:6" x14ac:dyDescent="0.2">
      <c r="A272">
        <v>1309.420443</v>
      </c>
      <c r="B272">
        <v>20.057748</v>
      </c>
      <c r="C272">
        <v>9.2864129999999996</v>
      </c>
      <c r="D272">
        <f t="shared" si="15"/>
        <v>1.3512959999999996</v>
      </c>
      <c r="E272">
        <f t="shared" si="16"/>
        <v>41.106270999999879</v>
      </c>
      <c r="F272">
        <f t="shared" si="14"/>
        <v>2.3231565309044546E-2</v>
      </c>
    </row>
    <row r="273" spans="1:6" x14ac:dyDescent="0.2">
      <c r="A273">
        <v>1308.600297</v>
      </c>
      <c r="B273">
        <v>20.006505000000001</v>
      </c>
      <c r="C273">
        <v>9.2914180000000002</v>
      </c>
      <c r="D273">
        <f t="shared" si="15"/>
        <v>1.3563010000000002</v>
      </c>
      <c r="E273">
        <f t="shared" si="16"/>
        <v>40.286124999999856</v>
      </c>
      <c r="F273">
        <f t="shared" si="14"/>
        <v>2.2698251274776243E-2</v>
      </c>
    </row>
    <row r="274" spans="1:6" x14ac:dyDescent="0.2">
      <c r="A274">
        <v>1309.7900139999999</v>
      </c>
      <c r="B274">
        <v>19.90259</v>
      </c>
      <c r="C274">
        <v>9.2964219999999997</v>
      </c>
      <c r="D274">
        <f t="shared" si="15"/>
        <v>1.3613049999999998</v>
      </c>
      <c r="E274">
        <f t="shared" si="16"/>
        <v>41.47584199999983</v>
      </c>
      <c r="F274">
        <f t="shared" si="14"/>
        <v>2.3261520369087109E-2</v>
      </c>
    </row>
    <row r="275" spans="1:6" x14ac:dyDescent="0.2">
      <c r="A275">
        <v>1310.7467779999999</v>
      </c>
      <c r="B275">
        <v>19.965385999999999</v>
      </c>
      <c r="C275">
        <v>9.3014270000000003</v>
      </c>
      <c r="D275">
        <f t="shared" si="15"/>
        <v>1.3663100000000004</v>
      </c>
      <c r="E275">
        <f t="shared" si="16"/>
        <v>42.432605999999851</v>
      </c>
      <c r="F275">
        <f t="shared" si="14"/>
        <v>2.369363309883132E-2</v>
      </c>
    </row>
    <row r="276" spans="1:6" x14ac:dyDescent="0.2">
      <c r="A276">
        <v>1311.824259</v>
      </c>
      <c r="B276">
        <v>19.941783999999998</v>
      </c>
      <c r="C276">
        <v>9.3064319999999991</v>
      </c>
      <c r="D276">
        <f t="shared" si="15"/>
        <v>1.3713149999999992</v>
      </c>
      <c r="E276">
        <f t="shared" si="16"/>
        <v>43.510086999999885</v>
      </c>
      <c r="F276">
        <f t="shared" si="14"/>
        <v>2.4186725029787956E-2</v>
      </c>
    </row>
    <row r="277" spans="1:6" x14ac:dyDescent="0.2">
      <c r="A277">
        <v>1311.5816769999999</v>
      </c>
      <c r="B277">
        <v>20.022390999999999</v>
      </c>
      <c r="C277">
        <v>9.3114369999999997</v>
      </c>
      <c r="D277">
        <f t="shared" si="15"/>
        <v>1.3763199999999998</v>
      </c>
      <c r="E277">
        <f t="shared" si="16"/>
        <v>43.267504999999801</v>
      </c>
      <c r="F277">
        <f t="shared" si="14"/>
        <v>2.3968844107872894E-2</v>
      </c>
    </row>
    <row r="278" spans="1:6" x14ac:dyDescent="0.2">
      <c r="A278">
        <v>1312.011888</v>
      </c>
      <c r="B278">
        <v>19.947512</v>
      </c>
      <c r="C278">
        <v>9.3164420000000003</v>
      </c>
      <c r="D278">
        <f t="shared" si="15"/>
        <v>1.3813250000000004</v>
      </c>
      <c r="E278">
        <f t="shared" si="16"/>
        <v>43.6977159999999</v>
      </c>
      <c r="F278">
        <f t="shared" si="14"/>
        <v>2.4111548109102019E-2</v>
      </c>
    </row>
    <row r="279" spans="1:6" x14ac:dyDescent="0.2">
      <c r="A279">
        <v>1312.5090359999999</v>
      </c>
      <c r="B279">
        <v>20.033394000000001</v>
      </c>
      <c r="C279">
        <v>9.3214459999999999</v>
      </c>
      <c r="D279">
        <f t="shared" si="15"/>
        <v>1.3863289999999999</v>
      </c>
      <c r="E279">
        <f t="shared" si="16"/>
        <v>44.194863999999825</v>
      </c>
      <c r="F279">
        <f t="shared" si="14"/>
        <v>2.428863964883567E-2</v>
      </c>
    </row>
    <row r="280" spans="1:6" x14ac:dyDescent="0.2">
      <c r="A280">
        <v>1310.7007450000001</v>
      </c>
      <c r="B280">
        <v>20.107002000000001</v>
      </c>
      <c r="C280">
        <v>9.3264510000000005</v>
      </c>
      <c r="D280">
        <f t="shared" si="15"/>
        <v>1.3913340000000005</v>
      </c>
      <c r="E280">
        <f t="shared" si="16"/>
        <v>42.386572999999999</v>
      </c>
      <c r="F280">
        <f t="shared" si="14"/>
        <v>2.324306305695268E-2</v>
      </c>
    </row>
    <row r="281" spans="1:6" x14ac:dyDescent="0.2">
      <c r="A281">
        <v>1308.6426080000001</v>
      </c>
      <c r="B281">
        <v>20.095064000000001</v>
      </c>
      <c r="C281">
        <v>9.3314559999999993</v>
      </c>
      <c r="D281">
        <f t="shared" si="15"/>
        <v>1.3963389999999993</v>
      </c>
      <c r="E281">
        <f t="shared" si="16"/>
        <v>40.328436000000011</v>
      </c>
      <c r="F281">
        <f t="shared" si="14"/>
        <v>2.206985375037741E-2</v>
      </c>
    </row>
    <row r="282" spans="1:6" x14ac:dyDescent="0.2">
      <c r="A282">
        <v>1308.0928220000001</v>
      </c>
      <c r="B282">
        <v>19.957314</v>
      </c>
      <c r="C282">
        <v>9.3364609999999999</v>
      </c>
      <c r="D282">
        <f t="shared" si="15"/>
        <v>1.4013439999999999</v>
      </c>
      <c r="E282">
        <f t="shared" si="16"/>
        <v>39.778649999999971</v>
      </c>
      <c r="F282">
        <f t="shared" si="14"/>
        <v>2.1700349029667582E-2</v>
      </c>
    </row>
    <row r="283" spans="1:6" x14ac:dyDescent="0.2">
      <c r="A283">
        <v>1309.201376</v>
      </c>
      <c r="B283">
        <v>19.948238</v>
      </c>
      <c r="C283">
        <v>9.3414660000000005</v>
      </c>
      <c r="D283">
        <f t="shared" si="15"/>
        <v>1.4063490000000005</v>
      </c>
      <c r="E283">
        <f t="shared" si="16"/>
        <v>40.887203999999883</v>
      </c>
      <c r="F283">
        <f t="shared" si="14"/>
        <v>2.2206895623111383E-2</v>
      </c>
    </row>
    <row r="284" spans="1:6" x14ac:dyDescent="0.2">
      <c r="A284">
        <v>1310.3674209999999</v>
      </c>
      <c r="B284">
        <v>19.940531</v>
      </c>
      <c r="C284">
        <v>9.3464700000000001</v>
      </c>
      <c r="D284">
        <f t="shared" si="15"/>
        <v>1.4113530000000001</v>
      </c>
      <c r="E284">
        <f t="shared" si="16"/>
        <v>42.053248999999823</v>
      </c>
      <c r="F284">
        <f t="shared" si="14"/>
        <v>2.2738971483464637E-2</v>
      </c>
    </row>
    <row r="285" spans="1:6" x14ac:dyDescent="0.2">
      <c r="A285">
        <v>1310.5680440000001</v>
      </c>
      <c r="B285">
        <v>20.025590000000001</v>
      </c>
      <c r="C285">
        <v>9.3514750000000006</v>
      </c>
      <c r="D285">
        <f t="shared" si="15"/>
        <v>1.4163580000000007</v>
      </c>
      <c r="E285">
        <f t="shared" si="16"/>
        <v>42.253872000000001</v>
      </c>
      <c r="F285">
        <f t="shared" si="14"/>
        <v>2.2763230613877094E-2</v>
      </c>
    </row>
    <row r="286" spans="1:6" x14ac:dyDescent="0.2">
      <c r="A286">
        <v>1308.958637</v>
      </c>
      <c r="B286">
        <v>20.09198</v>
      </c>
      <c r="C286">
        <v>9.3564799999999995</v>
      </c>
      <c r="D286">
        <f t="shared" si="15"/>
        <v>1.4213629999999995</v>
      </c>
      <c r="E286">
        <f t="shared" si="16"/>
        <v>40.644464999999855</v>
      </c>
      <c r="F286">
        <f t="shared" si="14"/>
        <v>2.1845927210210715E-2</v>
      </c>
    </row>
    <row r="287" spans="1:6" x14ac:dyDescent="0.2">
      <c r="A287">
        <v>1307.9033730000001</v>
      </c>
      <c r="B287">
        <v>20.050066999999999</v>
      </c>
      <c r="C287">
        <v>9.3614850000000001</v>
      </c>
      <c r="D287">
        <f t="shared" si="15"/>
        <v>1.4263680000000001</v>
      </c>
      <c r="E287">
        <f t="shared" si="16"/>
        <v>39.589201000000003</v>
      </c>
      <c r="F287">
        <f t="shared" si="14"/>
        <v>2.1221178086383147E-2</v>
      </c>
    </row>
    <row r="288" spans="1:6" x14ac:dyDescent="0.2">
      <c r="A288">
        <v>1307.076049</v>
      </c>
      <c r="B288">
        <v>20.034914000000001</v>
      </c>
      <c r="C288">
        <v>9.3664900000000006</v>
      </c>
      <c r="D288">
        <f t="shared" si="15"/>
        <v>1.4313730000000007</v>
      </c>
      <c r="E288">
        <f t="shared" si="16"/>
        <v>38.761876999999913</v>
      </c>
      <c r="F288">
        <f t="shared" si="14"/>
        <v>2.0718157085774975E-2</v>
      </c>
    </row>
    <row r="289" spans="1:6" x14ac:dyDescent="0.2">
      <c r="A289">
        <v>1306.363304</v>
      </c>
      <c r="B289">
        <v>20.025777000000001</v>
      </c>
      <c r="C289">
        <v>9.3714940000000002</v>
      </c>
      <c r="D289">
        <f t="shared" si="15"/>
        <v>1.4363770000000002</v>
      </c>
      <c r="E289">
        <f t="shared" si="16"/>
        <v>38.049131999999872</v>
      </c>
      <c r="F289">
        <f t="shared" si="14"/>
        <v>2.0277403299538737E-2</v>
      </c>
    </row>
    <row r="290" spans="1:6" x14ac:dyDescent="0.2">
      <c r="A290">
        <v>1307.3483630000001</v>
      </c>
      <c r="B290">
        <v>19.875419000000001</v>
      </c>
      <c r="C290">
        <v>9.3764990000000008</v>
      </c>
      <c r="D290">
        <f t="shared" si="15"/>
        <v>1.4413820000000008</v>
      </c>
      <c r="E290">
        <f t="shared" si="16"/>
        <v>39.034190999999964</v>
      </c>
      <c r="F290">
        <f t="shared" si="14"/>
        <v>2.0714514607584614E-2</v>
      </c>
    </row>
    <row r="291" spans="1:6" x14ac:dyDescent="0.2">
      <c r="A291">
        <v>1309.586855</v>
      </c>
      <c r="B291">
        <v>19.889033000000001</v>
      </c>
      <c r="C291">
        <v>9.3815039999999996</v>
      </c>
      <c r="D291">
        <f t="shared" si="15"/>
        <v>1.4463869999999996</v>
      </c>
      <c r="E291">
        <f t="shared" si="16"/>
        <v>41.272682999999915</v>
      </c>
      <c r="F291">
        <f t="shared" si="14"/>
        <v>2.1789330429881879E-2</v>
      </c>
    </row>
    <row r="292" spans="1:6" x14ac:dyDescent="0.2">
      <c r="A292">
        <v>1311.5860929999999</v>
      </c>
      <c r="B292">
        <v>19.911691999999999</v>
      </c>
      <c r="C292">
        <v>9.3865090000000002</v>
      </c>
      <c r="D292">
        <f t="shared" si="15"/>
        <v>1.4513920000000002</v>
      </c>
      <c r="E292">
        <f t="shared" si="16"/>
        <v>43.271920999999793</v>
      </c>
      <c r="F292">
        <f t="shared" si="14"/>
        <v>2.2731319566238351E-2</v>
      </c>
    </row>
    <row r="293" spans="1:6" x14ac:dyDescent="0.2">
      <c r="A293">
        <v>1312.6775789999999</v>
      </c>
      <c r="B293">
        <v>19.956637000000001</v>
      </c>
      <c r="C293">
        <v>9.3915140000000008</v>
      </c>
      <c r="D293">
        <f t="shared" si="15"/>
        <v>1.4563970000000008</v>
      </c>
      <c r="E293">
        <f t="shared" si="16"/>
        <v>44.363406999999825</v>
      </c>
      <c r="F293">
        <f t="shared" si="14"/>
        <v>2.3205292575254756E-2</v>
      </c>
    </row>
    <row r="294" spans="1:6" x14ac:dyDescent="0.2">
      <c r="A294">
        <v>1313.035439</v>
      </c>
      <c r="B294">
        <v>19.996337</v>
      </c>
      <c r="C294">
        <v>9.3965180000000004</v>
      </c>
      <c r="D294">
        <f t="shared" si="15"/>
        <v>1.4614010000000004</v>
      </c>
      <c r="E294">
        <f t="shared" si="16"/>
        <v>44.721266999999898</v>
      </c>
      <c r="F294">
        <f t="shared" si="14"/>
        <v>2.3306027306954007E-2</v>
      </c>
    </row>
    <row r="295" spans="1:6" x14ac:dyDescent="0.2">
      <c r="A295">
        <v>1312.029086</v>
      </c>
      <c r="B295">
        <v>20.079837999999999</v>
      </c>
      <c r="C295">
        <v>9.4015229999999992</v>
      </c>
      <c r="D295">
        <f t="shared" si="15"/>
        <v>1.4664059999999992</v>
      </c>
      <c r="E295">
        <f t="shared" si="16"/>
        <v>43.714913999999908</v>
      </c>
      <c r="F295">
        <f t="shared" si="14"/>
        <v>2.2721235156806008E-2</v>
      </c>
    </row>
    <row r="296" spans="1:6" x14ac:dyDescent="0.2">
      <c r="A296">
        <v>1310.4889929999999</v>
      </c>
      <c r="B296">
        <v>20.064920999999998</v>
      </c>
      <c r="C296">
        <v>9.4065279999999998</v>
      </c>
      <c r="D296">
        <f t="shared" si="15"/>
        <v>1.4714109999999998</v>
      </c>
      <c r="E296">
        <f t="shared" si="16"/>
        <v>42.174820999999838</v>
      </c>
      <c r="F296">
        <f t="shared" si="14"/>
        <v>2.1871867788485547E-2</v>
      </c>
    </row>
    <row r="297" spans="1:6" x14ac:dyDescent="0.2">
      <c r="A297">
        <v>1309.286709</v>
      </c>
      <c r="B297">
        <v>20.077036</v>
      </c>
      <c r="C297">
        <v>9.4115330000000004</v>
      </c>
      <c r="D297">
        <f t="shared" si="15"/>
        <v>1.4764160000000004</v>
      </c>
      <c r="E297">
        <f t="shared" si="16"/>
        <v>40.972536999999875</v>
      </c>
      <c r="F297">
        <f t="shared" si="14"/>
        <v>2.1195777593848362E-2</v>
      </c>
    </row>
    <row r="298" spans="1:6" x14ac:dyDescent="0.2">
      <c r="A298">
        <v>1307.276895</v>
      </c>
      <c r="B298">
        <v>20.110558000000001</v>
      </c>
      <c r="C298">
        <v>9.4165379999999992</v>
      </c>
      <c r="D298">
        <f t="shared" si="15"/>
        <v>1.4814209999999992</v>
      </c>
      <c r="E298">
        <f t="shared" si="16"/>
        <v>38.962722999999869</v>
      </c>
      <c r="F298">
        <f t="shared" si="14"/>
        <v>2.0118853060370593E-2</v>
      </c>
    </row>
    <row r="299" spans="1:6" x14ac:dyDescent="0.2">
      <c r="A299">
        <v>1305.682221</v>
      </c>
      <c r="B299">
        <v>20.033010000000001</v>
      </c>
      <c r="C299">
        <v>9.4215420000000005</v>
      </c>
      <c r="D299">
        <f t="shared" si="15"/>
        <v>1.4864250000000006</v>
      </c>
      <c r="E299">
        <f t="shared" si="16"/>
        <v>37.368048999999928</v>
      </c>
      <c r="F299">
        <f t="shared" si="14"/>
        <v>1.9253954101232776E-2</v>
      </c>
    </row>
    <row r="300" spans="1:6" x14ac:dyDescent="0.2">
      <c r="A300">
        <v>1306.068188</v>
      </c>
      <c r="B300">
        <v>19.935034000000002</v>
      </c>
      <c r="C300">
        <v>9.4265469999999993</v>
      </c>
      <c r="D300">
        <f t="shared" si="15"/>
        <v>1.4914299999999994</v>
      </c>
      <c r="E300">
        <f t="shared" si="16"/>
        <v>37.754015999999865</v>
      </c>
      <c r="F300">
        <f t="shared" si="14"/>
        <v>1.9381814355316006E-2</v>
      </c>
    </row>
    <row r="301" spans="1:6" x14ac:dyDescent="0.2">
      <c r="A301">
        <v>1306.8302229999999</v>
      </c>
      <c r="B301">
        <v>19.996744</v>
      </c>
      <c r="C301">
        <v>9.4315519999999999</v>
      </c>
      <c r="D301">
        <f t="shared" si="15"/>
        <v>1.496435</v>
      </c>
      <c r="E301">
        <f t="shared" si="16"/>
        <v>38.516050999999834</v>
      </c>
      <c r="F301">
        <f t="shared" si="14"/>
        <v>1.9695396394000496E-2</v>
      </c>
    </row>
    <row r="302" spans="1:6" x14ac:dyDescent="0.2">
      <c r="A302">
        <v>1306.3461729999999</v>
      </c>
      <c r="B302">
        <v>20.027791000000001</v>
      </c>
      <c r="C302">
        <v>9.4365570000000005</v>
      </c>
      <c r="D302">
        <f t="shared" si="15"/>
        <v>1.5014400000000006</v>
      </c>
      <c r="E302">
        <f t="shared" si="16"/>
        <v>38.032000999999809</v>
      </c>
      <c r="F302">
        <f t="shared" si="14"/>
        <v>1.9390228042673603E-2</v>
      </c>
    </row>
    <row r="303" spans="1:6" x14ac:dyDescent="0.2">
      <c r="A303">
        <v>1305.795838</v>
      </c>
      <c r="B303">
        <v>20.030726999999999</v>
      </c>
      <c r="C303">
        <v>9.4415619999999993</v>
      </c>
      <c r="D303">
        <f t="shared" si="15"/>
        <v>1.5064449999999994</v>
      </c>
      <c r="E303">
        <f t="shared" si="16"/>
        <v>37.481665999999905</v>
      </c>
      <c r="F303">
        <f t="shared" si="14"/>
        <v>1.9054182739513901E-2</v>
      </c>
    </row>
    <row r="304" spans="1:6" x14ac:dyDescent="0.2">
      <c r="A304">
        <v>1305.6765800000001</v>
      </c>
      <c r="B304">
        <v>20.006011999999998</v>
      </c>
      <c r="C304">
        <v>9.4465660000000007</v>
      </c>
      <c r="D304">
        <f t="shared" si="15"/>
        <v>1.5114490000000007</v>
      </c>
      <c r="E304">
        <f t="shared" si="16"/>
        <v>37.362407999999959</v>
      </c>
      <c r="F304">
        <f t="shared" si="14"/>
        <v>1.8932403280836192E-2</v>
      </c>
    </row>
    <row r="305" spans="1:6" x14ac:dyDescent="0.2">
      <c r="A305">
        <v>1305.6374699999999</v>
      </c>
      <c r="B305">
        <v>19.977349</v>
      </c>
      <c r="C305">
        <v>9.4515709999999995</v>
      </c>
      <c r="D305">
        <f t="shared" si="15"/>
        <v>1.5164539999999995</v>
      </c>
      <c r="E305">
        <f t="shared" si="16"/>
        <v>37.323297999999795</v>
      </c>
      <c r="F305">
        <f t="shared" si="14"/>
        <v>1.8850729699134001E-2</v>
      </c>
    </row>
    <row r="306" spans="1:6" x14ac:dyDescent="0.2">
      <c r="A306">
        <v>1306.050197</v>
      </c>
      <c r="B306">
        <v>19.9651</v>
      </c>
      <c r="C306">
        <v>9.4565760000000001</v>
      </c>
      <c r="D306">
        <f t="shared" si="15"/>
        <v>1.5214590000000001</v>
      </c>
      <c r="E306">
        <f t="shared" si="16"/>
        <v>37.736024999999927</v>
      </c>
      <c r="F306">
        <f t="shared" si="14"/>
        <v>1.8990483775608653E-2</v>
      </c>
    </row>
    <row r="307" spans="1:6" x14ac:dyDescent="0.2">
      <c r="A307">
        <v>1306.553449</v>
      </c>
      <c r="B307">
        <v>19.972259000000001</v>
      </c>
      <c r="C307">
        <v>9.4615810000000007</v>
      </c>
      <c r="D307">
        <f t="shared" si="15"/>
        <v>1.5264640000000007</v>
      </c>
      <c r="E307">
        <f t="shared" si="16"/>
        <v>38.239276999999902</v>
      </c>
      <c r="F307">
        <f t="shared" si="14"/>
        <v>1.9173258396330634E-2</v>
      </c>
    </row>
    <row r="308" spans="1:6" x14ac:dyDescent="0.2">
      <c r="A308">
        <v>1307.1721520000001</v>
      </c>
      <c r="B308">
        <v>19.951418</v>
      </c>
      <c r="C308">
        <v>9.4665859999999995</v>
      </c>
      <c r="D308">
        <f t="shared" si="15"/>
        <v>1.5314689999999995</v>
      </c>
      <c r="E308">
        <f t="shared" si="16"/>
        <v>38.857979999999998</v>
      </c>
      <c r="F308">
        <f t="shared" si="14"/>
        <v>1.9410611756660347E-2</v>
      </c>
    </row>
    <row r="309" spans="1:6" x14ac:dyDescent="0.2">
      <c r="A309">
        <v>1308.3478749999999</v>
      </c>
      <c r="B309">
        <v>19.931986999999999</v>
      </c>
      <c r="C309">
        <v>9.4715900000000008</v>
      </c>
      <c r="D309">
        <f t="shared" si="15"/>
        <v>1.5364730000000009</v>
      </c>
      <c r="E309">
        <f t="shared" si="16"/>
        <v>40.033702999999832</v>
      </c>
      <c r="F309">
        <f t="shared" si="14"/>
        <v>1.9914875542192005E-2</v>
      </c>
    </row>
    <row r="310" spans="1:6" x14ac:dyDescent="0.2">
      <c r="A310">
        <v>1309.2279450000001</v>
      </c>
      <c r="B310">
        <v>19.956427000000001</v>
      </c>
      <c r="C310">
        <v>9.4765949999999997</v>
      </c>
      <c r="D310">
        <f t="shared" si="15"/>
        <v>1.5414779999999997</v>
      </c>
      <c r="E310">
        <f t="shared" si="16"/>
        <v>40.913772999999992</v>
      </c>
      <c r="F310">
        <f t="shared" si="14"/>
        <v>2.0272949279037403E-2</v>
      </c>
    </row>
    <row r="311" spans="1:6" x14ac:dyDescent="0.2">
      <c r="A311">
        <v>1310.243598</v>
      </c>
      <c r="B311">
        <v>19.933699000000001</v>
      </c>
      <c r="C311">
        <v>9.4816000000000003</v>
      </c>
      <c r="D311">
        <f t="shared" si="15"/>
        <v>1.5464830000000003</v>
      </c>
      <c r="E311">
        <f t="shared" si="16"/>
        <v>41.929425999999921</v>
      </c>
      <c r="F311">
        <f t="shared" si="14"/>
        <v>2.0692917221136767E-2</v>
      </c>
    </row>
    <row r="312" spans="1:6" x14ac:dyDescent="0.2">
      <c r="A312">
        <v>1311.2293850000001</v>
      </c>
      <c r="B312">
        <v>19.964608999999999</v>
      </c>
      <c r="C312">
        <v>9.4866050000000008</v>
      </c>
      <c r="D312">
        <f t="shared" si="15"/>
        <v>1.5514880000000009</v>
      </c>
      <c r="E312">
        <f t="shared" si="16"/>
        <v>42.915212999999994</v>
      </c>
      <c r="F312">
        <f t="shared" si="14"/>
        <v>2.1095225791332609E-2</v>
      </c>
    </row>
    <row r="313" spans="1:6" x14ac:dyDescent="0.2">
      <c r="A313">
        <v>1311.5927939999999</v>
      </c>
      <c r="B313">
        <v>19.990058999999999</v>
      </c>
      <c r="C313">
        <v>9.4916099999999997</v>
      </c>
      <c r="D313">
        <f t="shared" si="15"/>
        <v>1.5564929999999997</v>
      </c>
      <c r="E313">
        <f t="shared" si="16"/>
        <v>43.278621999999814</v>
      </c>
      <c r="F313">
        <f t="shared" si="14"/>
        <v>2.1199578709869726E-2</v>
      </c>
    </row>
    <row r="314" spans="1:6" x14ac:dyDescent="0.2">
      <c r="A314">
        <v>1311.850696</v>
      </c>
      <c r="B314">
        <v>20.003817999999999</v>
      </c>
      <c r="C314">
        <v>9.4966139999999992</v>
      </c>
      <c r="D314">
        <f t="shared" si="15"/>
        <v>1.5614969999999992</v>
      </c>
      <c r="E314">
        <f t="shared" si="16"/>
        <v>43.536523999999872</v>
      </c>
      <c r="F314">
        <f t="shared" si="14"/>
        <v>2.1253388813008797E-2</v>
      </c>
    </row>
    <row r="315" spans="1:6" x14ac:dyDescent="0.2">
      <c r="A315">
        <v>1311.642165</v>
      </c>
      <c r="B315">
        <v>20.010632000000001</v>
      </c>
      <c r="C315">
        <v>9.5016189999999998</v>
      </c>
      <c r="D315">
        <f t="shared" si="15"/>
        <v>1.5665019999999998</v>
      </c>
      <c r="E315">
        <f t="shared" si="16"/>
        <v>43.327992999999879</v>
      </c>
      <c r="F315">
        <f t="shared" si="14"/>
        <v>2.1087361803277166E-2</v>
      </c>
    </row>
    <row r="316" spans="1:6" x14ac:dyDescent="0.2">
      <c r="A316">
        <v>1311.341535</v>
      </c>
      <c r="B316">
        <v>19.997996000000001</v>
      </c>
      <c r="C316">
        <v>9.5066240000000004</v>
      </c>
      <c r="D316">
        <f t="shared" si="15"/>
        <v>1.5715070000000004</v>
      </c>
      <c r="E316">
        <f t="shared" si="16"/>
        <v>43.027362999999923</v>
      </c>
      <c r="F316">
        <f t="shared" si="14"/>
        <v>2.0879139382057207E-2</v>
      </c>
    </row>
    <row r="317" spans="1:6" x14ac:dyDescent="0.2">
      <c r="A317">
        <v>1311.0565469999999</v>
      </c>
      <c r="B317">
        <v>20.028908999999999</v>
      </c>
      <c r="C317">
        <v>9.5116289999999992</v>
      </c>
      <c r="D317">
        <f t="shared" si="15"/>
        <v>1.5765119999999992</v>
      </c>
      <c r="E317">
        <f t="shared" si="16"/>
        <v>42.742374999999811</v>
      </c>
      <c r="F317">
        <f t="shared" si="14"/>
        <v>2.0679495805291263E-2</v>
      </c>
    </row>
    <row r="318" spans="1:6" x14ac:dyDescent="0.2">
      <c r="A318">
        <v>1310.0152929999999</v>
      </c>
      <c r="B318">
        <v>20.053542</v>
      </c>
      <c r="C318">
        <v>9.5166339999999998</v>
      </c>
      <c r="D318">
        <f t="shared" si="15"/>
        <v>1.5815169999999998</v>
      </c>
      <c r="E318">
        <f t="shared" si="16"/>
        <v>41.70112099999983</v>
      </c>
      <c r="F318">
        <f t="shared" si="14"/>
        <v>2.0127855204403494E-2</v>
      </c>
    </row>
    <row r="319" spans="1:6" x14ac:dyDescent="0.2">
      <c r="A319">
        <v>1308.724802</v>
      </c>
      <c r="B319">
        <v>20.06447</v>
      </c>
      <c r="C319">
        <v>9.5216379999999994</v>
      </c>
      <c r="D319">
        <f t="shared" si="15"/>
        <v>1.5865209999999994</v>
      </c>
      <c r="E319">
        <f t="shared" si="16"/>
        <v>40.410629999999855</v>
      </c>
      <c r="F319">
        <f t="shared" si="14"/>
        <v>1.9462627165277205E-2</v>
      </c>
    </row>
    <row r="320" spans="1:6" x14ac:dyDescent="0.2">
      <c r="A320">
        <v>1307.4733249999999</v>
      </c>
      <c r="B320">
        <v>20.063685</v>
      </c>
      <c r="C320">
        <v>9.526643</v>
      </c>
      <c r="D320">
        <f t="shared" si="15"/>
        <v>1.591526</v>
      </c>
      <c r="E320">
        <f t="shared" si="16"/>
        <v>39.159152999999833</v>
      </c>
      <c r="F320">
        <f t="shared" si="14"/>
        <v>1.8818574146228062E-2</v>
      </c>
    </row>
    <row r="321" spans="1:6" x14ac:dyDescent="0.2">
      <c r="A321">
        <v>1306.7417680000001</v>
      </c>
      <c r="B321">
        <v>20.018653</v>
      </c>
      <c r="C321">
        <v>9.5316480000000006</v>
      </c>
      <c r="D321">
        <f t="shared" si="15"/>
        <v>1.5965310000000006</v>
      </c>
      <c r="E321">
        <f t="shared" si="16"/>
        <v>38.427595999999994</v>
      </c>
      <c r="F321">
        <f t="shared" si="14"/>
        <v>1.8419425803116115E-2</v>
      </c>
    </row>
    <row r="322" spans="1:6" x14ac:dyDescent="0.2">
      <c r="A322">
        <v>1306.47912</v>
      </c>
      <c r="B322">
        <v>20.013496</v>
      </c>
      <c r="C322">
        <v>9.5366529999999994</v>
      </c>
      <c r="D322">
        <f t="shared" si="15"/>
        <v>1.6015359999999994</v>
      </c>
      <c r="E322">
        <f t="shared" si="16"/>
        <v>38.164947999999868</v>
      </c>
      <c r="F322">
        <f t="shared" si="14"/>
        <v>1.8240027818528414E-2</v>
      </c>
    </row>
    <row r="323" spans="1:6" x14ac:dyDescent="0.2">
      <c r="A323">
        <v>1305.8032940000001</v>
      </c>
      <c r="B323">
        <v>20.043322</v>
      </c>
      <c r="C323">
        <v>9.541658</v>
      </c>
      <c r="D323">
        <f t="shared" si="15"/>
        <v>1.606541</v>
      </c>
      <c r="E323">
        <f t="shared" si="16"/>
        <v>37.489121999999952</v>
      </c>
      <c r="F323">
        <f t="shared" ref="F323:F386" si="17">(1/A323)*(E323/D323)</f>
        <v>1.7870458528588672E-2</v>
      </c>
    </row>
    <row r="324" spans="1:6" x14ac:dyDescent="0.2">
      <c r="A324">
        <v>1304.998568</v>
      </c>
      <c r="B324">
        <v>20.046199999999999</v>
      </c>
      <c r="C324">
        <v>9.5466619999999995</v>
      </c>
      <c r="D324">
        <f t="shared" si="15"/>
        <v>1.6115449999999996</v>
      </c>
      <c r="E324">
        <f t="shared" si="16"/>
        <v>36.684395999999879</v>
      </c>
      <c r="F324">
        <f t="shared" si="17"/>
        <v>1.7443310067181736E-2</v>
      </c>
    </row>
    <row r="325" spans="1:6" x14ac:dyDescent="0.2">
      <c r="A325">
        <v>1304.1610069999999</v>
      </c>
      <c r="B325">
        <v>20.030501000000001</v>
      </c>
      <c r="C325">
        <v>9.5516670000000001</v>
      </c>
      <c r="D325">
        <f t="shared" si="15"/>
        <v>1.6165500000000002</v>
      </c>
      <c r="E325">
        <f t="shared" si="16"/>
        <v>35.846834999999828</v>
      </c>
      <c r="F325">
        <f t="shared" si="17"/>
        <v>1.7003192191386719E-2</v>
      </c>
    </row>
    <row r="326" spans="1:6" x14ac:dyDescent="0.2">
      <c r="A326">
        <v>1303.715101</v>
      </c>
      <c r="B326">
        <v>20.004137</v>
      </c>
      <c r="C326">
        <v>9.5566720000000007</v>
      </c>
      <c r="D326">
        <f t="shared" si="15"/>
        <v>1.6215550000000007</v>
      </c>
      <c r="E326">
        <f t="shared" si="16"/>
        <v>35.400928999999905</v>
      </c>
      <c r="F326">
        <f t="shared" si="17"/>
        <v>1.6745583276697753E-2</v>
      </c>
    </row>
    <row r="327" spans="1:6" x14ac:dyDescent="0.2">
      <c r="A327">
        <v>1303.9655969999999</v>
      </c>
      <c r="B327">
        <v>19.986846</v>
      </c>
      <c r="C327">
        <v>9.5616769999999995</v>
      </c>
      <c r="D327">
        <f t="shared" ref="D327:D390" si="18">C327-$C$2</f>
        <v>1.6265599999999996</v>
      </c>
      <c r="E327">
        <f t="shared" ref="E327:E390" si="19">A327-$A$2</f>
        <v>35.65142499999979</v>
      </c>
      <c r="F327">
        <f t="shared" si="17"/>
        <v>1.6808953355015303E-2</v>
      </c>
    </row>
    <row r="328" spans="1:6" x14ac:dyDescent="0.2">
      <c r="A328">
        <v>1304.4632240000001</v>
      </c>
      <c r="B328">
        <v>19.959890999999999</v>
      </c>
      <c r="C328">
        <v>9.5666820000000001</v>
      </c>
      <c r="D328">
        <f t="shared" si="18"/>
        <v>1.6315650000000002</v>
      </c>
      <c r="E328">
        <f t="shared" si="19"/>
        <v>36.149051999999983</v>
      </c>
      <c r="F328">
        <f t="shared" si="17"/>
        <v>1.6984809975158326E-2</v>
      </c>
    </row>
    <row r="329" spans="1:6" x14ac:dyDescent="0.2">
      <c r="A329">
        <v>1305.04015</v>
      </c>
      <c r="B329">
        <v>19.953502</v>
      </c>
      <c r="C329">
        <v>9.5716859999999997</v>
      </c>
      <c r="D329">
        <f t="shared" si="18"/>
        <v>1.6365689999999997</v>
      </c>
      <c r="E329">
        <f t="shared" si="19"/>
        <v>36.725977999999941</v>
      </c>
      <c r="F329">
        <f t="shared" si="17"/>
        <v>1.7195514557304302E-2</v>
      </c>
    </row>
    <row r="330" spans="1:6" x14ac:dyDescent="0.2">
      <c r="A330">
        <v>1306.007165</v>
      </c>
      <c r="B330">
        <v>19.932554</v>
      </c>
      <c r="C330">
        <v>9.5766910000000003</v>
      </c>
      <c r="D330">
        <f t="shared" si="18"/>
        <v>1.6415740000000003</v>
      </c>
      <c r="E330">
        <f t="shared" si="19"/>
        <v>37.692992999999888</v>
      </c>
      <c r="F330">
        <f t="shared" si="17"/>
        <v>1.7581446333298369E-2</v>
      </c>
    </row>
    <row r="331" spans="1:6" x14ac:dyDescent="0.2">
      <c r="A331">
        <v>1307.131797</v>
      </c>
      <c r="B331">
        <v>19.95064</v>
      </c>
      <c r="C331">
        <v>9.5816960000000009</v>
      </c>
      <c r="D331">
        <f t="shared" si="18"/>
        <v>1.6465790000000009</v>
      </c>
      <c r="E331">
        <f t="shared" si="19"/>
        <v>38.817624999999907</v>
      </c>
      <c r="F331">
        <f t="shared" si="17"/>
        <v>1.8035451071390523E-2</v>
      </c>
    </row>
    <row r="332" spans="1:6" x14ac:dyDescent="0.2">
      <c r="A332">
        <v>1308.460108</v>
      </c>
      <c r="B332">
        <v>19.933826</v>
      </c>
      <c r="C332">
        <v>9.5867009999999997</v>
      </c>
      <c r="D332">
        <f t="shared" si="18"/>
        <v>1.6515839999999997</v>
      </c>
      <c r="E332">
        <f t="shared" si="19"/>
        <v>40.145935999999892</v>
      </c>
      <c r="F332">
        <f t="shared" si="17"/>
        <v>1.8577207605142861E-2</v>
      </c>
    </row>
    <row r="333" spans="1:6" x14ac:dyDescent="0.2">
      <c r="A333">
        <v>1310.048769</v>
      </c>
      <c r="B333">
        <v>19.896612999999999</v>
      </c>
      <c r="C333">
        <v>9.5917060000000003</v>
      </c>
      <c r="D333">
        <f t="shared" si="18"/>
        <v>1.6565890000000003</v>
      </c>
      <c r="E333">
        <f t="shared" si="19"/>
        <v>41.734596999999894</v>
      </c>
      <c r="F333">
        <f t="shared" si="17"/>
        <v>1.9230651055619923E-2</v>
      </c>
    </row>
    <row r="334" spans="1:6" x14ac:dyDescent="0.2">
      <c r="A334">
        <v>1311.932654</v>
      </c>
      <c r="B334">
        <v>19.907782000000001</v>
      </c>
      <c r="C334">
        <v>9.5967099999999999</v>
      </c>
      <c r="D334">
        <f t="shared" si="18"/>
        <v>1.6615929999999999</v>
      </c>
      <c r="E334">
        <f t="shared" si="19"/>
        <v>43.618481999999858</v>
      </c>
      <c r="F334">
        <f t="shared" si="17"/>
        <v>2.0009413152251597E-2</v>
      </c>
    </row>
    <row r="335" spans="1:6" x14ac:dyDescent="0.2">
      <c r="A335">
        <v>1313.0515130000001</v>
      </c>
      <c r="B335">
        <v>19.951060999999999</v>
      </c>
      <c r="C335">
        <v>9.6017150000000004</v>
      </c>
      <c r="D335">
        <f t="shared" si="18"/>
        <v>1.6665980000000005</v>
      </c>
      <c r="E335">
        <f t="shared" si="19"/>
        <v>44.737341000000015</v>
      </c>
      <c r="F335">
        <f t="shared" si="17"/>
        <v>2.0443608104379653E-2</v>
      </c>
    </row>
    <row r="336" spans="1:6" x14ac:dyDescent="0.2">
      <c r="A336">
        <v>1314.0701160000001</v>
      </c>
      <c r="B336">
        <v>19.929917</v>
      </c>
      <c r="C336">
        <v>9.6067199999999993</v>
      </c>
      <c r="D336">
        <f t="shared" si="18"/>
        <v>1.6716029999999993</v>
      </c>
      <c r="E336">
        <f t="shared" si="19"/>
        <v>45.755944</v>
      </c>
      <c r="F336">
        <f t="shared" si="17"/>
        <v>2.0830315074035738E-2</v>
      </c>
    </row>
    <row r="337" spans="1:6" x14ac:dyDescent="0.2">
      <c r="A337">
        <v>1315.172861</v>
      </c>
      <c r="B337">
        <v>19.960440999999999</v>
      </c>
      <c r="C337">
        <v>9.6117249999999999</v>
      </c>
      <c r="D337">
        <f t="shared" si="18"/>
        <v>1.6766079999999999</v>
      </c>
      <c r="E337">
        <f t="shared" si="19"/>
        <v>46.858688999999913</v>
      </c>
      <c r="F337">
        <f t="shared" si="17"/>
        <v>2.1250823355085463E-2</v>
      </c>
    </row>
    <row r="338" spans="1:6" x14ac:dyDescent="0.2">
      <c r="A338">
        <v>1315.5502309999999</v>
      </c>
      <c r="B338">
        <v>19.993279999999999</v>
      </c>
      <c r="C338">
        <v>9.6167300000000004</v>
      </c>
      <c r="D338">
        <f t="shared" si="18"/>
        <v>1.6816130000000005</v>
      </c>
      <c r="E338">
        <f t="shared" si="19"/>
        <v>47.236058999999841</v>
      </c>
      <c r="F338">
        <f t="shared" si="17"/>
        <v>2.1352078876790293E-2</v>
      </c>
    </row>
    <row r="339" spans="1:6" x14ac:dyDescent="0.2">
      <c r="A339">
        <v>1315.3453910000001</v>
      </c>
      <c r="B339">
        <v>20.020242</v>
      </c>
      <c r="C339">
        <v>9.621734</v>
      </c>
      <c r="D339">
        <f t="shared" si="18"/>
        <v>1.686617</v>
      </c>
      <c r="E339">
        <f t="shared" si="19"/>
        <v>47.031218999999965</v>
      </c>
      <c r="F339">
        <f t="shared" si="17"/>
        <v>2.119971168443258E-2</v>
      </c>
    </row>
    <row r="340" spans="1:6" x14ac:dyDescent="0.2">
      <c r="A340">
        <v>1314.660562</v>
      </c>
      <c r="B340">
        <v>20.028576999999999</v>
      </c>
      <c r="C340">
        <v>9.6267390000000006</v>
      </c>
      <c r="D340">
        <f t="shared" si="18"/>
        <v>1.6916220000000006</v>
      </c>
      <c r="E340">
        <f t="shared" si="19"/>
        <v>46.346389999999928</v>
      </c>
      <c r="F340">
        <f t="shared" si="17"/>
        <v>2.0840059392379363E-2</v>
      </c>
    </row>
    <row r="341" spans="1:6" x14ac:dyDescent="0.2">
      <c r="A341">
        <v>1313.8032350000001</v>
      </c>
      <c r="B341">
        <v>20.043044999999999</v>
      </c>
      <c r="C341">
        <v>9.6317439999999994</v>
      </c>
      <c r="D341">
        <f t="shared" si="18"/>
        <v>1.6966269999999994</v>
      </c>
      <c r="E341">
        <f t="shared" si="19"/>
        <v>45.489062999999987</v>
      </c>
      <c r="F341">
        <f t="shared" si="17"/>
        <v>2.0407522792136822E-2</v>
      </c>
    </row>
    <row r="342" spans="1:6" x14ac:dyDescent="0.2">
      <c r="A342">
        <v>1312.999685</v>
      </c>
      <c r="B342">
        <v>20.048172000000001</v>
      </c>
      <c r="C342">
        <v>9.636749</v>
      </c>
      <c r="D342">
        <f t="shared" si="18"/>
        <v>1.701632</v>
      </c>
      <c r="E342">
        <f t="shared" si="19"/>
        <v>44.685512999999901</v>
      </c>
      <c r="F342">
        <f t="shared" si="17"/>
        <v>2.000029871437287E-2</v>
      </c>
    </row>
    <row r="343" spans="1:6" x14ac:dyDescent="0.2">
      <c r="A343">
        <v>1312.0142269999999</v>
      </c>
      <c r="B343">
        <v>20.043061999999999</v>
      </c>
      <c r="C343">
        <v>9.6417540000000006</v>
      </c>
      <c r="D343">
        <f t="shared" si="18"/>
        <v>1.7066370000000006</v>
      </c>
      <c r="E343">
        <f t="shared" si="19"/>
        <v>43.700054999999793</v>
      </c>
      <c r="F343">
        <f t="shared" si="17"/>
        <v>1.9516515562846837E-2</v>
      </c>
    </row>
    <row r="344" spans="1:6" x14ac:dyDescent="0.2">
      <c r="A344">
        <v>1311.062032</v>
      </c>
      <c r="B344">
        <v>20.043279999999999</v>
      </c>
      <c r="C344">
        <v>9.6467580000000002</v>
      </c>
      <c r="D344">
        <f t="shared" si="18"/>
        <v>1.7116410000000002</v>
      </c>
      <c r="E344">
        <f t="shared" si="19"/>
        <v>42.747859999999946</v>
      </c>
      <c r="F344">
        <f t="shared" si="17"/>
        <v>1.9049275245004185E-2</v>
      </c>
    </row>
    <row r="345" spans="1:6" x14ac:dyDescent="0.2">
      <c r="A345">
        <v>1309.6700780000001</v>
      </c>
      <c r="B345">
        <v>20.078506000000001</v>
      </c>
      <c r="C345">
        <v>9.6517630000000008</v>
      </c>
      <c r="D345">
        <f t="shared" si="18"/>
        <v>1.7166460000000008</v>
      </c>
      <c r="E345">
        <f t="shared" si="19"/>
        <v>41.355906000000004</v>
      </c>
      <c r="F345">
        <f t="shared" si="17"/>
        <v>1.8394792293645081E-2</v>
      </c>
    </row>
    <row r="346" spans="1:6" x14ac:dyDescent="0.2">
      <c r="A346">
        <v>1308.4257689999999</v>
      </c>
      <c r="B346">
        <v>20.045921</v>
      </c>
      <c r="C346">
        <v>9.6567679999999996</v>
      </c>
      <c r="D346">
        <f t="shared" si="18"/>
        <v>1.7216509999999996</v>
      </c>
      <c r="E346">
        <f t="shared" si="19"/>
        <v>40.111596999999847</v>
      </c>
      <c r="F346">
        <f t="shared" si="17"/>
        <v>1.7806384429585549E-2</v>
      </c>
    </row>
    <row r="347" spans="1:6" x14ac:dyDescent="0.2">
      <c r="A347">
        <v>1307.704616</v>
      </c>
      <c r="B347">
        <v>20.013342000000002</v>
      </c>
      <c r="C347">
        <v>9.6617730000000002</v>
      </c>
      <c r="D347">
        <f t="shared" si="18"/>
        <v>1.7266560000000002</v>
      </c>
      <c r="E347">
        <f t="shared" si="19"/>
        <v>39.390443999999889</v>
      </c>
      <c r="F347">
        <f t="shared" si="17"/>
        <v>1.7445177685439319E-2</v>
      </c>
    </row>
    <row r="348" spans="1:6" x14ac:dyDescent="0.2">
      <c r="A348">
        <v>1307.866745</v>
      </c>
      <c r="B348">
        <v>19.980281000000002</v>
      </c>
      <c r="C348">
        <v>9.6667780000000008</v>
      </c>
      <c r="D348">
        <f t="shared" si="18"/>
        <v>1.7316610000000008</v>
      </c>
      <c r="E348">
        <f t="shared" si="19"/>
        <v>39.552572999999938</v>
      </c>
      <c r="F348">
        <f t="shared" si="17"/>
        <v>1.7464186783815765E-2</v>
      </c>
    </row>
    <row r="349" spans="1:6" x14ac:dyDescent="0.2">
      <c r="A349">
        <v>1308.4003749999999</v>
      </c>
      <c r="B349">
        <v>19.964886</v>
      </c>
      <c r="C349">
        <v>9.6717820000000003</v>
      </c>
      <c r="D349">
        <f t="shared" si="18"/>
        <v>1.7366650000000003</v>
      </c>
      <c r="E349">
        <f t="shared" si="19"/>
        <v>40.086202999999841</v>
      </c>
      <c r="F349">
        <f t="shared" si="17"/>
        <v>1.7641609705741364E-2</v>
      </c>
    </row>
    <row r="350" spans="1:6" x14ac:dyDescent="0.2">
      <c r="A350">
        <v>1308.431756</v>
      </c>
      <c r="B350">
        <v>20.014309000000001</v>
      </c>
      <c r="C350">
        <v>9.6767869999999991</v>
      </c>
      <c r="D350">
        <f t="shared" si="18"/>
        <v>1.7416699999999992</v>
      </c>
      <c r="E350">
        <f t="shared" si="19"/>
        <v>40.117583999999852</v>
      </c>
      <c r="F350">
        <f t="shared" si="17"/>
        <v>1.7604261996655109E-2</v>
      </c>
    </row>
    <row r="351" spans="1:6" x14ac:dyDescent="0.2">
      <c r="A351">
        <v>1308.2868659999999</v>
      </c>
      <c r="B351">
        <v>20.003764</v>
      </c>
      <c r="C351">
        <v>9.6817919999999997</v>
      </c>
      <c r="D351">
        <f t="shared" si="18"/>
        <v>1.7466749999999998</v>
      </c>
      <c r="E351">
        <f t="shared" si="19"/>
        <v>39.972693999999819</v>
      </c>
      <c r="F351">
        <f t="shared" si="17"/>
        <v>1.7492357038162997E-2</v>
      </c>
    </row>
    <row r="352" spans="1:6" x14ac:dyDescent="0.2">
      <c r="A352">
        <v>1308.324918</v>
      </c>
      <c r="B352">
        <v>19.983416999999999</v>
      </c>
      <c r="C352">
        <v>9.6867970000000003</v>
      </c>
      <c r="D352">
        <f t="shared" si="18"/>
        <v>1.7516800000000003</v>
      </c>
      <c r="E352">
        <f t="shared" si="19"/>
        <v>40.010745999999926</v>
      </c>
      <c r="F352">
        <f t="shared" si="17"/>
        <v>1.7458473359958884E-2</v>
      </c>
    </row>
    <row r="353" spans="1:6" x14ac:dyDescent="0.2">
      <c r="A353">
        <v>1308.9005400000001</v>
      </c>
      <c r="B353">
        <v>19.947129</v>
      </c>
      <c r="C353">
        <v>9.6918019999999991</v>
      </c>
      <c r="D353">
        <f t="shared" si="18"/>
        <v>1.7566849999999992</v>
      </c>
      <c r="E353">
        <f t="shared" si="19"/>
        <v>40.586367999999993</v>
      </c>
      <c r="F353">
        <f t="shared" si="17"/>
        <v>1.7651420011293842E-2</v>
      </c>
    </row>
    <row r="354" spans="1:6" x14ac:dyDescent="0.2">
      <c r="A354">
        <v>1309.489364</v>
      </c>
      <c r="B354">
        <v>19.985696999999998</v>
      </c>
      <c r="C354">
        <v>9.6968060000000005</v>
      </c>
      <c r="D354">
        <f t="shared" si="18"/>
        <v>1.7616890000000005</v>
      </c>
      <c r="E354">
        <f t="shared" si="19"/>
        <v>41.175191999999925</v>
      </c>
      <c r="F354">
        <f t="shared" si="17"/>
        <v>1.7848610612568969E-2</v>
      </c>
    </row>
    <row r="355" spans="1:6" x14ac:dyDescent="0.2">
      <c r="A355">
        <v>1309.970018</v>
      </c>
      <c r="B355">
        <v>19.974553</v>
      </c>
      <c r="C355">
        <v>9.7018109999999993</v>
      </c>
      <c r="D355">
        <f t="shared" si="18"/>
        <v>1.7666939999999993</v>
      </c>
      <c r="E355">
        <f t="shared" si="19"/>
        <v>41.655845999999883</v>
      </c>
      <c r="F355">
        <f t="shared" si="17"/>
        <v>1.7999202754717746E-2</v>
      </c>
    </row>
    <row r="356" spans="1:6" x14ac:dyDescent="0.2">
      <c r="A356">
        <v>1310.834891</v>
      </c>
      <c r="B356">
        <v>19.934666</v>
      </c>
      <c r="C356">
        <v>9.7068159999999999</v>
      </c>
      <c r="D356">
        <f t="shared" si="18"/>
        <v>1.7716989999999999</v>
      </c>
      <c r="E356">
        <f t="shared" si="19"/>
        <v>42.520718999999872</v>
      </c>
      <c r="F356">
        <f t="shared" si="17"/>
        <v>1.8308917463421462E-2</v>
      </c>
    </row>
    <row r="357" spans="1:6" x14ac:dyDescent="0.2">
      <c r="A357">
        <v>1312.428815</v>
      </c>
      <c r="B357">
        <v>19.918237999999999</v>
      </c>
      <c r="C357">
        <v>9.7118210000000005</v>
      </c>
      <c r="D357">
        <f t="shared" si="18"/>
        <v>1.7767040000000005</v>
      </c>
      <c r="E357">
        <f t="shared" si="19"/>
        <v>44.114642999999887</v>
      </c>
      <c r="F357">
        <f t="shared" si="17"/>
        <v>1.8918727943086276E-2</v>
      </c>
    </row>
    <row r="358" spans="1:6" x14ac:dyDescent="0.2">
      <c r="A358">
        <v>1313.5018259999999</v>
      </c>
      <c r="B358">
        <v>19.950230999999999</v>
      </c>
      <c r="C358">
        <v>9.7168259999999993</v>
      </c>
      <c r="D358">
        <f t="shared" si="18"/>
        <v>1.7817089999999993</v>
      </c>
      <c r="E358">
        <f t="shared" si="19"/>
        <v>45.187653999999839</v>
      </c>
      <c r="F358">
        <f t="shared" si="17"/>
        <v>1.9308669106491518E-2</v>
      </c>
    </row>
    <row r="359" spans="1:6" x14ac:dyDescent="0.2">
      <c r="A359">
        <v>1314.456741</v>
      </c>
      <c r="B359">
        <v>19.964714000000001</v>
      </c>
      <c r="C359">
        <v>9.7218300000000006</v>
      </c>
      <c r="D359">
        <f t="shared" si="18"/>
        <v>1.7867130000000007</v>
      </c>
      <c r="E359">
        <f t="shared" si="19"/>
        <v>46.142568999999867</v>
      </c>
      <c r="F359">
        <f t="shared" si="17"/>
        <v>1.9647200404198775E-2</v>
      </c>
    </row>
    <row r="360" spans="1:6" x14ac:dyDescent="0.2">
      <c r="A360">
        <v>1315.033214</v>
      </c>
      <c r="B360">
        <v>19.981867000000001</v>
      </c>
      <c r="C360">
        <v>9.7268349999999995</v>
      </c>
      <c r="D360">
        <f t="shared" si="18"/>
        <v>1.7917179999999995</v>
      </c>
      <c r="E360">
        <f t="shared" si="19"/>
        <v>46.719041999999945</v>
      </c>
      <c r="F360">
        <f t="shared" si="17"/>
        <v>1.9828394458408553E-2</v>
      </c>
    </row>
    <row r="361" spans="1:6" x14ac:dyDescent="0.2">
      <c r="A361">
        <v>1315.0700449999999</v>
      </c>
      <c r="B361">
        <v>19.977512999999998</v>
      </c>
      <c r="C361">
        <v>9.73184</v>
      </c>
      <c r="D361">
        <f t="shared" si="18"/>
        <v>1.7967230000000001</v>
      </c>
      <c r="E361">
        <f t="shared" si="19"/>
        <v>46.755872999999838</v>
      </c>
      <c r="F361">
        <f t="shared" si="17"/>
        <v>1.97881939165316E-2</v>
      </c>
    </row>
    <row r="362" spans="1:6" x14ac:dyDescent="0.2">
      <c r="A362">
        <v>1315.8183509999999</v>
      </c>
      <c r="B362">
        <v>19.938877999999999</v>
      </c>
      <c r="C362">
        <v>9.7368450000000006</v>
      </c>
      <c r="D362">
        <f t="shared" si="18"/>
        <v>1.8017280000000007</v>
      </c>
      <c r="E362">
        <f t="shared" si="19"/>
        <v>47.504178999999795</v>
      </c>
      <c r="F362">
        <f t="shared" si="17"/>
        <v>2.0037643700741251E-2</v>
      </c>
    </row>
    <row r="363" spans="1:6" x14ac:dyDescent="0.2">
      <c r="A363">
        <v>1316.7909529999999</v>
      </c>
      <c r="B363">
        <v>19.967472000000001</v>
      </c>
      <c r="C363">
        <v>9.7418499999999995</v>
      </c>
      <c r="D363">
        <f t="shared" si="18"/>
        <v>1.8067329999999995</v>
      </c>
      <c r="E363">
        <f t="shared" si="19"/>
        <v>48.476780999999846</v>
      </c>
      <c r="F363">
        <f t="shared" si="17"/>
        <v>2.037618910878956E-2</v>
      </c>
    </row>
    <row r="364" spans="1:6" x14ac:dyDescent="0.2">
      <c r="A364">
        <v>1317.2144149999999</v>
      </c>
      <c r="B364">
        <v>19.992854999999999</v>
      </c>
      <c r="C364">
        <v>9.7468540000000008</v>
      </c>
      <c r="D364">
        <f t="shared" si="18"/>
        <v>1.8117370000000008</v>
      </c>
      <c r="E364">
        <f t="shared" si="19"/>
        <v>48.900242999999818</v>
      </c>
      <c r="F364">
        <f t="shared" si="17"/>
        <v>2.0490822378875541E-2</v>
      </c>
    </row>
    <row r="365" spans="1:6" x14ac:dyDescent="0.2">
      <c r="A365">
        <v>1316.8603860000001</v>
      </c>
      <c r="B365">
        <v>19.996182000000001</v>
      </c>
      <c r="C365">
        <v>9.7518589999999996</v>
      </c>
      <c r="D365">
        <f t="shared" si="18"/>
        <v>1.8167419999999996</v>
      </c>
      <c r="E365">
        <f t="shared" si="19"/>
        <v>48.546213999999964</v>
      </c>
      <c r="F365">
        <f t="shared" si="17"/>
        <v>2.0291884243853631E-2</v>
      </c>
    </row>
    <row r="366" spans="1:6" x14ac:dyDescent="0.2">
      <c r="A366">
        <v>1317.0771649999999</v>
      </c>
      <c r="B366">
        <v>19.998446999999999</v>
      </c>
      <c r="C366">
        <v>9.7568640000000002</v>
      </c>
      <c r="D366">
        <f t="shared" si="18"/>
        <v>1.8217470000000002</v>
      </c>
      <c r="E366">
        <f t="shared" si="19"/>
        <v>48.762992999999824</v>
      </c>
      <c r="F366">
        <f t="shared" si="17"/>
        <v>2.0323152261754643E-2</v>
      </c>
    </row>
    <row r="367" spans="1:6" x14ac:dyDescent="0.2">
      <c r="A367">
        <v>1317.0814829999999</v>
      </c>
      <c r="B367">
        <v>20.004049999999999</v>
      </c>
      <c r="C367">
        <v>9.7618690000000008</v>
      </c>
      <c r="D367">
        <f t="shared" si="18"/>
        <v>1.8267520000000008</v>
      </c>
      <c r="E367">
        <f t="shared" si="19"/>
        <v>48.767310999999836</v>
      </c>
      <c r="F367">
        <f t="shared" si="17"/>
        <v>2.0269198415344712E-2</v>
      </c>
    </row>
    <row r="368" spans="1:6" x14ac:dyDescent="0.2">
      <c r="A368">
        <v>1317.2248480000001</v>
      </c>
      <c r="B368">
        <v>19.994657</v>
      </c>
      <c r="C368">
        <v>9.7668739999999996</v>
      </c>
      <c r="D368">
        <f t="shared" si="18"/>
        <v>1.8317569999999996</v>
      </c>
      <c r="E368">
        <f t="shared" si="19"/>
        <v>48.910675999999967</v>
      </c>
      <c r="F368">
        <f t="shared" si="17"/>
        <v>2.0271033475345365E-2</v>
      </c>
    </row>
    <row r="369" spans="1:6" x14ac:dyDescent="0.2">
      <c r="A369">
        <v>1316.872163</v>
      </c>
      <c r="B369">
        <v>20.011367</v>
      </c>
      <c r="C369">
        <v>9.7718779999999992</v>
      </c>
      <c r="D369">
        <f t="shared" si="18"/>
        <v>1.8367609999999992</v>
      </c>
      <c r="E369">
        <f t="shared" si="19"/>
        <v>48.557990999999902</v>
      </c>
      <c r="F369">
        <f t="shared" si="17"/>
        <v>2.0075410919235762E-2</v>
      </c>
    </row>
    <row r="370" spans="1:6" x14ac:dyDescent="0.2">
      <c r="A370">
        <v>1316.7690419999999</v>
      </c>
      <c r="B370">
        <v>19.990196000000001</v>
      </c>
      <c r="C370">
        <v>9.7768829999999998</v>
      </c>
      <c r="D370">
        <f t="shared" si="18"/>
        <v>1.8417659999999998</v>
      </c>
      <c r="E370">
        <f t="shared" si="19"/>
        <v>48.454869999999801</v>
      </c>
      <c r="F370">
        <f t="shared" si="17"/>
        <v>1.9979902927167614E-2</v>
      </c>
    </row>
    <row r="371" spans="1:6" x14ac:dyDescent="0.2">
      <c r="A371">
        <v>1317.2465669999999</v>
      </c>
      <c r="B371">
        <v>19.970545999999999</v>
      </c>
      <c r="C371">
        <v>9.7818880000000004</v>
      </c>
      <c r="D371">
        <f t="shared" si="18"/>
        <v>1.8467710000000004</v>
      </c>
      <c r="E371">
        <f t="shared" si="19"/>
        <v>48.932394999999815</v>
      </c>
      <c r="F371">
        <f t="shared" si="17"/>
        <v>2.0114829296196526E-2</v>
      </c>
    </row>
    <row r="372" spans="1:6" x14ac:dyDescent="0.2">
      <c r="A372">
        <v>1317.597019</v>
      </c>
      <c r="B372">
        <v>19.980971</v>
      </c>
      <c r="C372">
        <v>9.7868929999999992</v>
      </c>
      <c r="D372">
        <f t="shared" si="18"/>
        <v>1.8517759999999992</v>
      </c>
      <c r="E372">
        <f t="shared" si="19"/>
        <v>49.282846999999947</v>
      </c>
      <c r="F372">
        <f t="shared" si="17"/>
        <v>2.0198761152763096E-2</v>
      </c>
    </row>
    <row r="373" spans="1:6" x14ac:dyDescent="0.2">
      <c r="A373">
        <v>1317.959883</v>
      </c>
      <c r="B373">
        <v>19.988225</v>
      </c>
      <c r="C373">
        <v>9.7918979999999998</v>
      </c>
      <c r="D373">
        <f t="shared" si="18"/>
        <v>1.8567809999999998</v>
      </c>
      <c r="E373">
        <f t="shared" si="19"/>
        <v>49.645710999999892</v>
      </c>
      <c r="F373">
        <f t="shared" si="17"/>
        <v>2.028704816439381E-2</v>
      </c>
    </row>
    <row r="374" spans="1:6" x14ac:dyDescent="0.2">
      <c r="A374">
        <v>1318.4604690000001</v>
      </c>
      <c r="B374">
        <v>19.958967999999999</v>
      </c>
      <c r="C374">
        <v>9.7969019999999993</v>
      </c>
      <c r="D374">
        <f t="shared" si="18"/>
        <v>1.8617849999999994</v>
      </c>
      <c r="E374">
        <f t="shared" si="19"/>
        <v>50.146297000000004</v>
      </c>
      <c r="F374">
        <f t="shared" si="17"/>
        <v>2.0428770454486891E-2</v>
      </c>
    </row>
    <row r="375" spans="1:6" x14ac:dyDescent="0.2">
      <c r="A375">
        <v>1318.8160029999999</v>
      </c>
      <c r="B375">
        <v>19.983992000000001</v>
      </c>
      <c r="C375">
        <v>9.8019069999999999</v>
      </c>
      <c r="D375">
        <f t="shared" si="18"/>
        <v>1.8667899999999999</v>
      </c>
      <c r="E375">
        <f t="shared" si="19"/>
        <v>50.501830999999811</v>
      </c>
      <c r="F375">
        <f t="shared" si="17"/>
        <v>2.0512918288120203E-2</v>
      </c>
    </row>
    <row r="376" spans="1:6" x14ac:dyDescent="0.2">
      <c r="A376">
        <v>1319.075321</v>
      </c>
      <c r="B376">
        <v>19.982272999999999</v>
      </c>
      <c r="C376">
        <v>9.8069120000000005</v>
      </c>
      <c r="D376">
        <f t="shared" si="18"/>
        <v>1.8717950000000005</v>
      </c>
      <c r="E376">
        <f t="shared" si="19"/>
        <v>50.761148999999932</v>
      </c>
      <c r="F376">
        <f t="shared" si="17"/>
        <v>2.0559074773437453E-2</v>
      </c>
    </row>
    <row r="377" spans="1:6" x14ac:dyDescent="0.2">
      <c r="A377">
        <v>1319.091819</v>
      </c>
      <c r="B377">
        <v>19.998909000000001</v>
      </c>
      <c r="C377">
        <v>9.8119169999999993</v>
      </c>
      <c r="D377">
        <f t="shared" si="18"/>
        <v>1.8767999999999994</v>
      </c>
      <c r="E377">
        <f t="shared" si="19"/>
        <v>50.777646999999888</v>
      </c>
      <c r="F377">
        <f t="shared" si="17"/>
        <v>2.0510655985170215E-2</v>
      </c>
    </row>
    <row r="378" spans="1:6" x14ac:dyDescent="0.2">
      <c r="A378">
        <v>1319.4144269999999</v>
      </c>
      <c r="B378">
        <v>19.962896000000001</v>
      </c>
      <c r="C378">
        <v>9.8169219999999999</v>
      </c>
      <c r="D378">
        <f t="shared" si="18"/>
        <v>1.8818049999999999</v>
      </c>
      <c r="E378">
        <f t="shared" si="19"/>
        <v>51.100254999999834</v>
      </c>
      <c r="F378">
        <f t="shared" si="17"/>
        <v>2.0581035449611464E-2</v>
      </c>
    </row>
    <row r="379" spans="1:6" x14ac:dyDescent="0.2">
      <c r="A379">
        <v>1320.146485</v>
      </c>
      <c r="B379">
        <v>19.965691</v>
      </c>
      <c r="C379">
        <v>9.8219259999999995</v>
      </c>
      <c r="D379">
        <f t="shared" si="18"/>
        <v>1.8868089999999995</v>
      </c>
      <c r="E379">
        <f t="shared" si="19"/>
        <v>51.832312999999886</v>
      </c>
      <c r="F379">
        <f t="shared" si="17"/>
        <v>2.0808967249069148E-2</v>
      </c>
    </row>
    <row r="380" spans="1:6" x14ac:dyDescent="0.2">
      <c r="A380">
        <v>1321.20072</v>
      </c>
      <c r="B380">
        <v>19.946936999999998</v>
      </c>
      <c r="C380">
        <v>9.8269310000000001</v>
      </c>
      <c r="D380">
        <f t="shared" si="18"/>
        <v>1.8918140000000001</v>
      </c>
      <c r="E380">
        <f t="shared" si="19"/>
        <v>52.886547999999948</v>
      </c>
      <c r="F380">
        <f t="shared" si="17"/>
        <v>2.1159138631997226E-2</v>
      </c>
    </row>
    <row r="381" spans="1:6" x14ac:dyDescent="0.2">
      <c r="A381">
        <v>1321.892353</v>
      </c>
      <c r="B381">
        <v>19.973797999999999</v>
      </c>
      <c r="C381">
        <v>9.8319360000000007</v>
      </c>
      <c r="D381">
        <f t="shared" si="18"/>
        <v>1.8968190000000007</v>
      </c>
      <c r="E381">
        <f t="shared" si="19"/>
        <v>53.578180999999859</v>
      </c>
      <c r="F381">
        <f t="shared" si="17"/>
        <v>2.1368103745673168E-2</v>
      </c>
    </row>
    <row r="382" spans="1:6" x14ac:dyDescent="0.2">
      <c r="A382">
        <v>1322.1130840000001</v>
      </c>
      <c r="B382">
        <v>19.970130000000001</v>
      </c>
      <c r="C382">
        <v>9.8369409999999995</v>
      </c>
      <c r="D382">
        <f t="shared" si="18"/>
        <v>1.9018239999999995</v>
      </c>
      <c r="E382">
        <f t="shared" si="19"/>
        <v>53.798911999999973</v>
      </c>
      <c r="F382">
        <f t="shared" si="17"/>
        <v>2.1396097388756505E-2</v>
      </c>
    </row>
    <row r="383" spans="1:6" x14ac:dyDescent="0.2">
      <c r="A383">
        <v>1322.898144</v>
      </c>
      <c r="B383">
        <v>19.957929</v>
      </c>
      <c r="C383">
        <v>9.8419460000000001</v>
      </c>
      <c r="D383">
        <f t="shared" si="18"/>
        <v>1.9068290000000001</v>
      </c>
      <c r="E383">
        <f t="shared" si="19"/>
        <v>54.583971999999903</v>
      </c>
      <c r="F383">
        <f t="shared" si="17"/>
        <v>2.1638491443732494E-2</v>
      </c>
    </row>
    <row r="384" spans="1:6" x14ac:dyDescent="0.2">
      <c r="A384">
        <v>1323.790281</v>
      </c>
      <c r="B384">
        <v>19.960097999999999</v>
      </c>
      <c r="C384">
        <v>9.8469499999999996</v>
      </c>
      <c r="D384">
        <f t="shared" si="18"/>
        <v>1.9118329999999997</v>
      </c>
      <c r="E384">
        <f t="shared" si="19"/>
        <v>55.476108999999951</v>
      </c>
      <c r="F384">
        <f t="shared" si="17"/>
        <v>2.1919813305422555E-2</v>
      </c>
    </row>
    <row r="385" spans="1:6" x14ac:dyDescent="0.2">
      <c r="A385">
        <v>1324.16984</v>
      </c>
      <c r="B385">
        <v>19.983713999999999</v>
      </c>
      <c r="C385">
        <v>9.8519550000000002</v>
      </c>
      <c r="D385">
        <f t="shared" si="18"/>
        <v>1.9168380000000003</v>
      </c>
      <c r="E385">
        <f t="shared" si="19"/>
        <v>55.855667999999923</v>
      </c>
      <c r="F385">
        <f t="shared" si="17"/>
        <v>2.2005849971477344E-2</v>
      </c>
    </row>
    <row r="386" spans="1:6" x14ac:dyDescent="0.2">
      <c r="A386">
        <v>1324.0134169999999</v>
      </c>
      <c r="B386">
        <v>20.018412999999999</v>
      </c>
      <c r="C386">
        <v>9.8569600000000008</v>
      </c>
      <c r="D386">
        <f t="shared" si="18"/>
        <v>1.9218430000000009</v>
      </c>
      <c r="E386">
        <f t="shared" si="19"/>
        <v>55.699244999999792</v>
      </c>
      <c r="F386">
        <f t="shared" si="17"/>
        <v>2.1889660005673477E-2</v>
      </c>
    </row>
    <row r="387" spans="1:6" x14ac:dyDescent="0.2">
      <c r="A387">
        <v>1323.732898</v>
      </c>
      <c r="B387">
        <v>19.994600999999999</v>
      </c>
      <c r="C387">
        <v>9.8619649999999996</v>
      </c>
      <c r="D387">
        <f t="shared" si="18"/>
        <v>1.9268479999999997</v>
      </c>
      <c r="E387">
        <f t="shared" si="19"/>
        <v>55.418725999999879</v>
      </c>
      <c r="F387">
        <f t="shared" ref="F387:F416" si="20">(1/A387)*(E387/D387)</f>
        <v>2.1727447984939901E-2</v>
      </c>
    </row>
    <row r="388" spans="1:6" x14ac:dyDescent="0.2">
      <c r="A388">
        <v>1323.745077</v>
      </c>
      <c r="B388">
        <v>20.006392000000002</v>
      </c>
      <c r="C388">
        <v>9.8669700000000002</v>
      </c>
      <c r="D388">
        <f t="shared" si="18"/>
        <v>1.9318530000000003</v>
      </c>
      <c r="E388">
        <f t="shared" si="19"/>
        <v>55.430904999999939</v>
      </c>
      <c r="F388">
        <f t="shared" si="20"/>
        <v>2.167572011279616E-2</v>
      </c>
    </row>
    <row r="389" spans="1:6" x14ac:dyDescent="0.2">
      <c r="A389">
        <v>1323.0802739999999</v>
      </c>
      <c r="B389">
        <v>20.037381</v>
      </c>
      <c r="C389">
        <v>9.8719739999999998</v>
      </c>
      <c r="D389">
        <f t="shared" si="18"/>
        <v>1.9368569999999998</v>
      </c>
      <c r="E389">
        <f t="shared" si="19"/>
        <v>54.766101999999819</v>
      </c>
      <c r="F389">
        <f t="shared" si="20"/>
        <v>2.1371159169252536E-2</v>
      </c>
    </row>
    <row r="390" spans="1:6" x14ac:dyDescent="0.2">
      <c r="A390">
        <v>1322.6345510000001</v>
      </c>
      <c r="B390">
        <v>20.016694000000001</v>
      </c>
      <c r="C390">
        <v>9.8769790000000004</v>
      </c>
      <c r="D390">
        <f t="shared" si="18"/>
        <v>1.9418620000000004</v>
      </c>
      <c r="E390">
        <f t="shared" si="19"/>
        <v>54.320379000000003</v>
      </c>
      <c r="F390">
        <f t="shared" si="20"/>
        <v>2.1149717202327976E-2</v>
      </c>
    </row>
    <row r="391" spans="1:6" x14ac:dyDescent="0.2">
      <c r="A391">
        <v>1322.1249580000001</v>
      </c>
      <c r="B391">
        <v>20.025787000000001</v>
      </c>
      <c r="C391">
        <v>9.8819839999999992</v>
      </c>
      <c r="D391">
        <f t="shared" ref="D391:D409" si="21">C391-$C$2</f>
        <v>1.9468669999999992</v>
      </c>
      <c r="E391">
        <f t="shared" ref="E391:E409" si="22">A391-$A$2</f>
        <v>53.810786000000007</v>
      </c>
      <c r="F391">
        <f t="shared" si="20"/>
        <v>2.0905499484982437E-2</v>
      </c>
    </row>
    <row r="392" spans="1:6" x14ac:dyDescent="0.2">
      <c r="A392">
        <v>1321.797734</v>
      </c>
      <c r="B392">
        <v>20.018408000000001</v>
      </c>
      <c r="C392">
        <v>9.8869889999999998</v>
      </c>
      <c r="D392">
        <f t="shared" si="21"/>
        <v>1.9518719999999998</v>
      </c>
      <c r="E392">
        <f t="shared" si="22"/>
        <v>53.483561999999893</v>
      </c>
      <c r="F392">
        <f t="shared" si="20"/>
        <v>2.0730223597307553E-2</v>
      </c>
    </row>
    <row r="393" spans="1:6" x14ac:dyDescent="0.2">
      <c r="A393">
        <v>1321.2816789999999</v>
      </c>
      <c r="B393">
        <v>20.013508999999999</v>
      </c>
      <c r="C393">
        <v>9.8919940000000004</v>
      </c>
      <c r="D393">
        <f t="shared" si="21"/>
        <v>1.9568770000000004</v>
      </c>
      <c r="E393">
        <f t="shared" si="22"/>
        <v>52.967506999999841</v>
      </c>
      <c r="F393">
        <f t="shared" si="20"/>
        <v>2.0485689731032646E-2</v>
      </c>
    </row>
    <row r="394" spans="1:6" x14ac:dyDescent="0.2">
      <c r="A394">
        <v>1320.809471</v>
      </c>
      <c r="B394">
        <v>20.032926</v>
      </c>
      <c r="C394">
        <v>9.896998</v>
      </c>
      <c r="D394">
        <f t="shared" si="21"/>
        <v>1.961881</v>
      </c>
      <c r="E394">
        <f t="shared" si="22"/>
        <v>52.495298999999932</v>
      </c>
      <c r="F394">
        <f t="shared" si="20"/>
        <v>2.0258513634045999E-2</v>
      </c>
    </row>
    <row r="395" spans="1:6" x14ac:dyDescent="0.2">
      <c r="A395">
        <v>1320.228664</v>
      </c>
      <c r="B395">
        <v>20.016995000000001</v>
      </c>
      <c r="C395">
        <v>9.9020030000000006</v>
      </c>
      <c r="D395">
        <f t="shared" si="21"/>
        <v>1.9668860000000006</v>
      </c>
      <c r="E395">
        <f t="shared" si="22"/>
        <v>51.914491999999882</v>
      </c>
      <c r="F395">
        <f t="shared" si="20"/>
        <v>1.9992184998858523E-2</v>
      </c>
    </row>
    <row r="396" spans="1:6" x14ac:dyDescent="0.2">
      <c r="A396">
        <v>1319.8890490000001</v>
      </c>
      <c r="B396">
        <v>20.003893999999999</v>
      </c>
      <c r="C396">
        <v>9.9070079999999994</v>
      </c>
      <c r="D396">
        <f t="shared" si="21"/>
        <v>1.9718909999999994</v>
      </c>
      <c r="E396">
        <f t="shared" si="22"/>
        <v>51.574877000000015</v>
      </c>
      <c r="F396">
        <f t="shared" si="20"/>
        <v>1.9816085640859314E-2</v>
      </c>
    </row>
    <row r="397" spans="1:6" x14ac:dyDescent="0.2">
      <c r="A397">
        <v>1320.060608</v>
      </c>
      <c r="B397">
        <v>19.979551000000001</v>
      </c>
      <c r="C397">
        <v>9.912013</v>
      </c>
      <c r="D397">
        <f t="shared" si="21"/>
        <v>1.976896</v>
      </c>
      <c r="E397">
        <f t="shared" si="22"/>
        <v>51.746435999999903</v>
      </c>
      <c r="F397">
        <f t="shared" si="20"/>
        <v>1.9829088418669087E-2</v>
      </c>
    </row>
    <row r="398" spans="1:6" x14ac:dyDescent="0.2">
      <c r="A398">
        <v>1320.4362699999999</v>
      </c>
      <c r="B398">
        <v>19.986622000000001</v>
      </c>
      <c r="C398">
        <v>9.9170180000000006</v>
      </c>
      <c r="D398">
        <f t="shared" si="21"/>
        <v>1.9819010000000006</v>
      </c>
      <c r="E398">
        <f t="shared" si="22"/>
        <v>52.122097999999824</v>
      </c>
      <c r="F398">
        <f t="shared" si="20"/>
        <v>1.9916934107109902E-2</v>
      </c>
    </row>
    <row r="399" spans="1:6" x14ac:dyDescent="0.2">
      <c r="A399">
        <v>1320.7094030000001</v>
      </c>
      <c r="B399">
        <v>19.972317</v>
      </c>
      <c r="C399">
        <v>9.9220220000000001</v>
      </c>
      <c r="D399">
        <f t="shared" si="21"/>
        <v>1.9869050000000001</v>
      </c>
      <c r="E399">
        <f t="shared" si="22"/>
        <v>52.395230999999967</v>
      </c>
      <c r="F399">
        <f t="shared" si="20"/>
        <v>1.9966750304678763E-2</v>
      </c>
    </row>
    <row r="400" spans="1:6" x14ac:dyDescent="0.2">
      <c r="A400">
        <v>1321.2654689999999</v>
      </c>
      <c r="B400">
        <v>19.961297999999999</v>
      </c>
      <c r="C400">
        <v>9.9270270000000007</v>
      </c>
      <c r="D400">
        <f t="shared" si="21"/>
        <v>1.9919100000000007</v>
      </c>
      <c r="E400">
        <f t="shared" si="22"/>
        <v>52.95129699999984</v>
      </c>
      <c r="F400">
        <f t="shared" si="20"/>
        <v>2.0119482478351575E-2</v>
      </c>
    </row>
    <row r="401" spans="1:7" x14ac:dyDescent="0.2">
      <c r="A401">
        <v>1321.939811</v>
      </c>
      <c r="B401">
        <v>19.973824</v>
      </c>
      <c r="C401">
        <v>9.9320319999999995</v>
      </c>
      <c r="D401">
        <f t="shared" si="21"/>
        <v>1.9969149999999996</v>
      </c>
      <c r="E401">
        <f t="shared" si="22"/>
        <v>53.625638999999865</v>
      </c>
      <c r="F401">
        <f t="shared" si="20"/>
        <v>2.031426994261611E-2</v>
      </c>
    </row>
    <row r="402" spans="1:7" x14ac:dyDescent="0.2">
      <c r="A402">
        <v>1322.397187</v>
      </c>
      <c r="B402">
        <v>19.980378000000002</v>
      </c>
      <c r="C402">
        <v>9.9370370000000001</v>
      </c>
      <c r="D402">
        <f t="shared" si="21"/>
        <v>2.0019200000000001</v>
      </c>
      <c r="E402">
        <f t="shared" si="22"/>
        <v>54.083014999999932</v>
      </c>
      <c r="F402">
        <f t="shared" si="20"/>
        <v>2.0429242300219464E-2</v>
      </c>
    </row>
    <row r="403" spans="1:7" x14ac:dyDescent="0.2">
      <c r="A403">
        <v>1322.6905959999999</v>
      </c>
      <c r="B403">
        <v>19.967486000000001</v>
      </c>
      <c r="C403">
        <v>9.9420420000000007</v>
      </c>
      <c r="D403">
        <f t="shared" si="21"/>
        <v>2.0069250000000007</v>
      </c>
      <c r="E403">
        <f t="shared" si="22"/>
        <v>54.376423999999815</v>
      </c>
      <c r="F403">
        <f t="shared" si="20"/>
        <v>2.0484305044641899E-2</v>
      </c>
    </row>
    <row r="404" spans="1:7" x14ac:dyDescent="0.2">
      <c r="A404">
        <v>1323.491227</v>
      </c>
      <c r="B404">
        <v>19.949037000000001</v>
      </c>
      <c r="C404">
        <v>9.9470460000000003</v>
      </c>
      <c r="D404">
        <f t="shared" si="21"/>
        <v>2.0119290000000003</v>
      </c>
      <c r="E404">
        <f t="shared" si="22"/>
        <v>55.177054999999882</v>
      </c>
      <c r="F404">
        <f t="shared" si="20"/>
        <v>2.0721672209096396E-2</v>
      </c>
    </row>
    <row r="405" spans="1:7" x14ac:dyDescent="0.2">
      <c r="A405">
        <v>1324.0223350000001</v>
      </c>
      <c r="B405">
        <v>19.997572000000002</v>
      </c>
      <c r="C405">
        <v>9.9520510000000009</v>
      </c>
      <c r="D405">
        <f t="shared" si="21"/>
        <v>2.0169340000000009</v>
      </c>
      <c r="E405">
        <f t="shared" si="22"/>
        <v>55.708163000000013</v>
      </c>
      <c r="F405">
        <f t="shared" si="20"/>
        <v>2.0860842266718631E-2</v>
      </c>
    </row>
    <row r="406" spans="1:7" x14ac:dyDescent="0.2">
      <c r="A406">
        <v>1324.0020460000001</v>
      </c>
      <c r="B406">
        <v>20.001168</v>
      </c>
      <c r="C406">
        <v>9.9570559999999997</v>
      </c>
      <c r="D406">
        <f t="shared" si="21"/>
        <v>2.0219389999999997</v>
      </c>
      <c r="E406">
        <f t="shared" si="22"/>
        <v>55.687873999999965</v>
      </c>
      <c r="F406">
        <f t="shared" si="20"/>
        <v>2.0801944469201847E-2</v>
      </c>
    </row>
    <row r="407" spans="1:7" x14ac:dyDescent="0.2">
      <c r="A407">
        <v>1323.7849120000001</v>
      </c>
      <c r="B407">
        <v>19.983784</v>
      </c>
      <c r="C407">
        <v>9.9620610000000003</v>
      </c>
      <c r="D407">
        <f t="shared" si="21"/>
        <v>2.0269440000000003</v>
      </c>
      <c r="E407">
        <f t="shared" si="22"/>
        <v>55.470739999999978</v>
      </c>
      <c r="F407">
        <f t="shared" si="20"/>
        <v>2.0673060825855266E-2</v>
      </c>
    </row>
    <row r="408" spans="1:7" x14ac:dyDescent="0.2">
      <c r="A408">
        <v>1323.405348</v>
      </c>
      <c r="B408">
        <v>19.962243000000001</v>
      </c>
      <c r="C408">
        <v>9.9670660000000009</v>
      </c>
      <c r="D408">
        <f t="shared" si="21"/>
        <v>2.0319490000000009</v>
      </c>
      <c r="E408">
        <f t="shared" si="22"/>
        <v>55.091175999999905</v>
      </c>
      <c r="F408">
        <f t="shared" si="20"/>
        <v>2.0486905039423981E-2</v>
      </c>
    </row>
    <row r="409" spans="1:7" s="1" customFormat="1" x14ac:dyDescent="0.2">
      <c r="A409">
        <v>1323.191525</v>
      </c>
      <c r="B409">
        <v>19.959519</v>
      </c>
      <c r="C409">
        <v>9.9720700000000004</v>
      </c>
      <c r="D409">
        <f t="shared" si="21"/>
        <v>2.0369530000000005</v>
      </c>
      <c r="E409">
        <f t="shared" si="22"/>
        <v>54.877352999999857</v>
      </c>
      <c r="F409">
        <f t="shared" si="20"/>
        <v>2.036054675261828E-2</v>
      </c>
      <c r="G409"/>
    </row>
    <row r="410" spans="1:7" s="1" customFormat="1" x14ac:dyDescent="0.2">
      <c r="A410">
        <v>1322.639077</v>
      </c>
      <c r="B410">
        <v>19.941058000000002</v>
      </c>
      <c r="C410">
        <v>9.9770749999999992</v>
      </c>
      <c r="D410">
        <f t="shared" ref="D410:D416" si="23">C410-$C$2</f>
        <v>2.0419579999999993</v>
      </c>
      <c r="E410">
        <f t="shared" ref="E410:E416" si="24">A410-$A$2</f>
        <v>54.324904999999944</v>
      </c>
      <c r="F410">
        <f t="shared" si="20"/>
        <v>2.0114573146735832E-2</v>
      </c>
      <c r="G410"/>
    </row>
    <row r="411" spans="1:7" s="1" customFormat="1" x14ac:dyDescent="0.2">
      <c r="A411">
        <v>1322.0230759999999</v>
      </c>
      <c r="B411">
        <v>19.905103</v>
      </c>
      <c r="C411">
        <v>9.9820799999999998</v>
      </c>
      <c r="D411">
        <f t="shared" si="23"/>
        <v>2.0469629999999999</v>
      </c>
      <c r="E411">
        <f t="shared" si="24"/>
        <v>53.708903999999848</v>
      </c>
      <c r="F411">
        <f t="shared" si="20"/>
        <v>1.984710931130625E-2</v>
      </c>
      <c r="G411"/>
    </row>
    <row r="412" spans="1:7" x14ac:dyDescent="0.2">
      <c r="A412">
        <v>1320.905172</v>
      </c>
      <c r="B412">
        <v>19.952576000000001</v>
      </c>
      <c r="C412">
        <v>9.9870850000000004</v>
      </c>
      <c r="D412">
        <f t="shared" si="23"/>
        <v>2.0519680000000005</v>
      </c>
      <c r="E412">
        <f t="shared" si="24"/>
        <v>52.590999999999894</v>
      </c>
      <c r="F412">
        <f t="shared" si="20"/>
        <v>1.940301433020768E-2</v>
      </c>
    </row>
    <row r="413" spans="1:7" x14ac:dyDescent="0.2">
      <c r="A413">
        <v>1319.575613</v>
      </c>
      <c r="B413">
        <v>19.917528999999998</v>
      </c>
      <c r="C413">
        <v>9.9920899999999993</v>
      </c>
      <c r="D413">
        <f t="shared" si="23"/>
        <v>2.0569729999999993</v>
      </c>
      <c r="E413">
        <f t="shared" si="24"/>
        <v>51.261440999999877</v>
      </c>
      <c r="F413">
        <f t="shared" si="20"/>
        <v>1.8885476128765181E-2</v>
      </c>
    </row>
    <row r="414" spans="1:7" x14ac:dyDescent="0.2">
      <c r="A414">
        <v>1318.486251</v>
      </c>
      <c r="B414">
        <v>19.889408</v>
      </c>
      <c r="C414">
        <v>9.9970940000000006</v>
      </c>
      <c r="D414">
        <f t="shared" si="23"/>
        <v>2.0619770000000006</v>
      </c>
      <c r="E414">
        <f t="shared" si="24"/>
        <v>50.17207899999994</v>
      </c>
      <c r="F414">
        <f t="shared" si="20"/>
        <v>1.845451666898023E-2</v>
      </c>
    </row>
    <row r="415" spans="1:7" x14ac:dyDescent="0.2">
      <c r="A415">
        <v>1317.0333009999999</v>
      </c>
      <c r="B415">
        <v>19.907366</v>
      </c>
      <c r="C415">
        <v>10.002098999999999</v>
      </c>
      <c r="D415">
        <f t="shared" si="23"/>
        <v>2.0669819999999994</v>
      </c>
      <c r="E415">
        <f t="shared" si="24"/>
        <v>48.719128999999839</v>
      </c>
      <c r="F415">
        <f t="shared" si="20"/>
        <v>1.7896415926807699E-2</v>
      </c>
    </row>
    <row r="416" spans="1:7" x14ac:dyDescent="0.2">
      <c r="A416" s="1">
        <v>1315.082545</v>
      </c>
      <c r="B416" s="1">
        <v>19.866609</v>
      </c>
      <c r="C416">
        <v>10.007104</v>
      </c>
      <c r="D416">
        <f t="shared" si="23"/>
        <v>2.071987</v>
      </c>
      <c r="E416">
        <f t="shared" si="24"/>
        <v>46.768372999999883</v>
      </c>
      <c r="F416">
        <f t="shared" si="20"/>
        <v>1.716375165549584E-2</v>
      </c>
    </row>
    <row r="417" spans="1:7" s="1" customFormat="1" ht="15" x14ac:dyDescent="0.25">
      <c r="A417" s="1">
        <f>MAX(A2:A416)</f>
        <v>1324.16984</v>
      </c>
      <c r="B417" s="9" t="s">
        <v>16</v>
      </c>
      <c r="D417"/>
      <c r="E417"/>
      <c r="F417"/>
      <c r="G417"/>
    </row>
    <row r="418" spans="1:7" s="1" customFormat="1" ht="15" x14ac:dyDescent="0.25">
      <c r="A418" s="1">
        <f>MIN(A2:A416)</f>
        <v>1268.3141720000001</v>
      </c>
      <c r="B418" s="9" t="s">
        <v>17</v>
      </c>
      <c r="D418"/>
      <c r="E418"/>
      <c r="F418"/>
      <c r="G418"/>
    </row>
    <row r="419" spans="1:7" s="1" customFormat="1" x14ac:dyDescent="0.2">
      <c r="D419"/>
      <c r="E419"/>
      <c r="F419"/>
      <c r="G419"/>
    </row>
    <row r="420" spans="1:7" x14ac:dyDescent="0.2">
      <c r="A420" t="s">
        <v>20</v>
      </c>
      <c r="C420" s="14">
        <f>E416/A418</f>
        <v>3.6874438551964615E-2</v>
      </c>
    </row>
  </sheetData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CCD3EAC21452E41B21664C1CEE0122B" ma:contentTypeVersion="14" ma:contentTypeDescription="Create a new document." ma:contentTypeScope="" ma:versionID="a971e4bc71b9773c767f6d2be6a1d0c1">
  <xsd:schema xmlns:xsd="http://www.w3.org/2001/XMLSchema" xmlns:xs="http://www.w3.org/2001/XMLSchema" xmlns:p="http://schemas.microsoft.com/office/2006/metadata/properties" xmlns:ns3="514752ca-b80a-449f-8668-f75273954230" xmlns:ns4="15f04063-4e1e-44fe-adcd-9842e43cf927" targetNamespace="http://schemas.microsoft.com/office/2006/metadata/properties" ma:root="true" ma:fieldsID="ad54350807fa0d43da47312ab888fa7d" ns3:_="" ns4:_="">
    <xsd:import namespace="514752ca-b80a-449f-8668-f75273954230"/>
    <xsd:import namespace="15f04063-4e1e-44fe-adcd-9842e43cf927"/>
    <xsd:element name="properties">
      <xsd:complexType>
        <xsd:sequence>
          <xsd:element name="documentManagement">
            <xsd:complexType>
              <xsd:all>
                <xsd:element ref="ns3:SharedWithUsers" minOccurs="0"/>
                <xsd:element ref="ns3:SharedWithDetails" minOccurs="0"/>
                <xsd:element ref="ns3:SharingHintHash" minOccurs="0"/>
                <xsd:element ref="ns4:MediaServiceMetadata" minOccurs="0"/>
                <xsd:element ref="ns4:MediaServiceFastMetadata" minOccurs="0"/>
                <xsd:element ref="ns4:MediaServiceAutoTags" minOccurs="0"/>
                <xsd:element ref="ns4:MediaServiceDateTaken" minOccurs="0"/>
                <xsd:element ref="ns4:MediaServiceOCR" minOccurs="0"/>
                <xsd:element ref="ns4:MediaServiceLocation" minOccurs="0"/>
                <xsd:element ref="ns4:MediaServiceAutoKeyPoints" minOccurs="0"/>
                <xsd:element ref="ns4:MediaServiceKeyPoints" minOccurs="0"/>
                <xsd:element ref="ns4:MediaServiceGenerationTime" minOccurs="0"/>
                <xsd:element ref="ns4:MediaServiceEventHashCode" minOccurs="0"/>
                <xsd:element ref="ns4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4752ca-b80a-449f-8668-f75273954230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0" nillable="true" ma:displayName="Sharing Hint Hash" ma:hidden="true" ma:internalName="SharingHintHash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5f04063-4e1e-44fe-adcd-9842e43cf92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6" nillable="true" ma:displayName="Location" ma:internalName="MediaServiceLocatio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GenerationTime" ma:index="19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0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21" nillable="true" ma:displayName="Length (seconds)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ED3DAF7-ECCD-4FD7-A59F-DF3A978A6C9F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15f04063-4e1e-44fe-adcd-9842e43cf927"/>
    <ds:schemaRef ds:uri="514752ca-b80a-449f-8668-f75273954230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FA449F7C-2602-44CE-8039-0AA213B2F9ED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6C27248-4E62-4EF7-9F8E-988D3379957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14752ca-b80a-449f-8668-f75273954230"/>
    <ds:schemaRef ds:uri="15f04063-4e1e-44fe-adcd-9842e43cf92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1</vt:i4>
      </vt:variant>
      <vt:variant>
        <vt:lpstr>Named Ranges</vt:lpstr>
      </vt:variant>
      <vt:variant>
        <vt:i4>20</vt:i4>
      </vt:variant>
    </vt:vector>
  </HeadingPairs>
  <TitlesOfParts>
    <vt:vector size="41" baseType="lpstr">
      <vt:lpstr>Summary</vt:lpstr>
      <vt:lpstr>Multi-20-3s(7)</vt:lpstr>
      <vt:lpstr>Multi-20-3s(16)</vt:lpstr>
      <vt:lpstr>Multi-20-3s(17)</vt:lpstr>
      <vt:lpstr>Multi-150-3s(14)</vt:lpstr>
      <vt:lpstr>Multi-150-3s(15)</vt:lpstr>
      <vt:lpstr>Multi-150-3s(19)</vt:lpstr>
      <vt:lpstr>Multi-20-15s(11)</vt:lpstr>
      <vt:lpstr>Multi-20-15s(12)</vt:lpstr>
      <vt:lpstr>Multi-20-15s(14)</vt:lpstr>
      <vt:lpstr>Multi-150-15s(6)</vt:lpstr>
      <vt:lpstr>Multi-150-15s(7)</vt:lpstr>
      <vt:lpstr>Multi-150-15s(8)</vt:lpstr>
      <vt:lpstr>Mono-1200-3s(3)</vt:lpstr>
      <vt:lpstr>Mono-1200-3s(9)</vt:lpstr>
      <vt:lpstr>Mono-1200-3s(10)</vt:lpstr>
      <vt:lpstr>Mono-1200-15s(3)</vt:lpstr>
      <vt:lpstr>Mono-1200-15s(10)</vt:lpstr>
      <vt:lpstr>Mono-1200-15s(11)</vt:lpstr>
      <vt:lpstr>S2.Multi-300-3s(7)</vt:lpstr>
      <vt:lpstr>S2.multi37.5-3s-(8)</vt:lpstr>
      <vt:lpstr>'S2.Multi-300-3s(7)'!_300_3s_4_5_2_5_30uN_TestB_07_LC</vt:lpstr>
      <vt:lpstr>'S2.multi37.5-3s-(8)'!_37_5_3s_32_5_2_5_20uN_TestB_08._LC</vt:lpstr>
      <vt:lpstr>'Mono-1200-15s(10)'!_3c_5_2_5_20uN_7_LC</vt:lpstr>
      <vt:lpstr>'Mono-1200-15s(11)'!_3c_5_2_5_20uN_7_LC</vt:lpstr>
      <vt:lpstr>'Mono-1200-15s(3)'!_3c_5_2_5_20uN_7_LC</vt:lpstr>
      <vt:lpstr>'Mono-1200-3s(10)'!_3c_5_2_5_20uN_7_LC</vt:lpstr>
      <vt:lpstr>'Mono-1200-3s(3)'!_3c_5_2_5_20uN_7_LC</vt:lpstr>
      <vt:lpstr>'Mono-1200-3s(9)'!_3c_5_2_5_20uN_7_LC</vt:lpstr>
      <vt:lpstr>'Multi-150-15s(6)'!_3c_5_2_5_20uN_7_LC</vt:lpstr>
      <vt:lpstr>'Multi-150-15s(7)'!_3c_5_2_5_20uN_7_LC</vt:lpstr>
      <vt:lpstr>'Multi-150-15s(8)'!_3c_5_2_5_20uN_7_LC</vt:lpstr>
      <vt:lpstr>'Multi-150-3s(14)'!_3c_5_2_5_20uN_7_LC</vt:lpstr>
      <vt:lpstr>'Multi-150-3s(15)'!_3c_5_2_5_20uN_7_LC</vt:lpstr>
      <vt:lpstr>'Multi-150-3s(19)'!_3c_5_2_5_20uN_7_LC</vt:lpstr>
      <vt:lpstr>'Multi-20-15s(11)'!_3c_5_2_5_20uN_7_LC</vt:lpstr>
      <vt:lpstr>'Multi-20-15s(12)'!_3c_5_2_5_20uN_7_LC</vt:lpstr>
      <vt:lpstr>'Multi-20-15s(14)'!_3c_5_2_5_20uN_7_LC</vt:lpstr>
      <vt:lpstr>'Multi-20-3s(16)'!_3c_5_2_5_20uN_7_LC</vt:lpstr>
      <vt:lpstr>'Multi-20-3s(17)'!_3c_5_2_5_20uN_7_LC</vt:lpstr>
      <vt:lpstr>'Multi-20-3s(7)'!_3c_5_2_5_20uN_7_LC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kim Khalili, Mohammad</dc:creator>
  <cp:lastModifiedBy>Hakim Khalili, Mohammad</cp:lastModifiedBy>
  <dcterms:created xsi:type="dcterms:W3CDTF">2022-06-11T07:31:20Z</dcterms:created>
  <dcterms:modified xsi:type="dcterms:W3CDTF">2022-11-17T01:32:4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CCD3EAC21452E41B21664C1CEE0122B</vt:lpwstr>
  </property>
</Properties>
</file>